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G\14_定期報告・調査関係\介護保険事業状況報告\02_月報HP\R3年度\"/>
    </mc:Choice>
  </mc:AlternateContent>
  <bookViews>
    <workbookView xWindow="240" yWindow="72" windowWidth="14940" windowHeight="8556" tabRatio="854"/>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L$41</definedName>
    <definedName name="_xlnm.Print_Area" localSheetId="2">'第２-2表'!$A$1:$KL$41</definedName>
    <definedName name="_xlnm.Print_Area" localSheetId="3">'第２-3表'!$A$1:$KL$41</definedName>
    <definedName name="_xlnm.Print_Area" localSheetId="8">'第3-3-1表'!$A$1:$CV$40</definedName>
    <definedName name="_xlnm.Print_Area" localSheetId="9">'第3-3-2表'!$A$1:$CV$40</definedName>
    <definedName name="_xlnm.Print_Area" localSheetId="10">'第3-3-3表 '!$A$1:$CV$40</definedName>
    <definedName name="_xlnm.Print_Titles" localSheetId="1">'第２-1表'!$A:$A,'第２-1表'!$1:$2</definedName>
    <definedName name="_xlnm.Print_Titles" localSheetId="2">'第２-2表'!$A:$A,'第２-2表'!$1:$2</definedName>
    <definedName name="_xlnm.Print_Titles" localSheetId="3">'第２-3表'!$A:$A,'第２-3表'!$1:$2</definedName>
    <definedName name="_xlnm.Print_Titles" localSheetId="4">'第３-1表'!$A:$A</definedName>
    <definedName name="_xlnm.Print_Titles" localSheetId="5">'第３-2-1表'!$A:$A,'第３-2-1表'!$1:$2</definedName>
    <definedName name="_xlnm.Print_Titles" localSheetId="6">'第３-2-2表'!$A:$A,'第３-2-2表'!$1:$2</definedName>
    <definedName name="_xlnm.Print_Titles" localSheetId="7">'第３-2-3表 '!$A:$A,'第３-2-3表 '!$1:$2</definedName>
    <definedName name="_xlnm.Print_Titles" localSheetId="11">'第４-1表'!$A:$A</definedName>
    <definedName name="_xlnm.Print_Titles" localSheetId="18">'第5-1表'!$A:$A</definedName>
    <definedName name="_xlnm.Print_Titles" localSheetId="19">'第5-2表'!$A:$A</definedName>
    <definedName name="_xlnm.Print_Titles" localSheetId="20">'第5-3表'!$A:$A</definedName>
    <definedName name="_xlnm.Print_Titles" localSheetId="21">'第６-1表'!$A:$A</definedName>
    <definedName name="_xlnm.Print_Titles" localSheetId="22">'第６-2表'!$A:$A</definedName>
    <definedName name="_xlnm.Print_Titles" localSheetId="23">'第６-3表 '!$A:$A</definedName>
    <definedName name="_xlnm.Print_Titles" localSheetId="24">第7表!$A:$A</definedName>
  </definedNames>
  <calcPr calcId="152511"/>
</workbook>
</file>

<file path=xl/calcChain.xml><?xml version="1.0" encoding="utf-8"?>
<calcChain xmlns="http://schemas.openxmlformats.org/spreadsheetml/2006/main">
  <c r="E1" i="33" l="1"/>
  <c r="F1" i="33" s="1"/>
  <c r="D1" i="33"/>
  <c r="E1" i="25" l="1"/>
  <c r="F1" i="25" s="1"/>
  <c r="D1" i="25"/>
  <c r="E1" i="34" l="1"/>
  <c r="F1" i="34" s="1"/>
  <c r="D1" i="34"/>
  <c r="I1" i="32" l="1"/>
  <c r="J1" i="32" s="1"/>
  <c r="G1" i="32"/>
  <c r="J1" i="31"/>
  <c r="K1" i="31" s="1"/>
  <c r="H1" i="31"/>
  <c r="K1" i="30"/>
  <c r="L1" i="30" s="1"/>
  <c r="I1" i="30"/>
  <c r="J1" i="29"/>
  <c r="K1" i="29" s="1"/>
  <c r="H1" i="29"/>
  <c r="G1" i="28"/>
  <c r="H1" i="28" s="1"/>
  <c r="E1" i="28"/>
  <c r="D1" i="18" l="1"/>
  <c r="D1" i="26"/>
  <c r="F1" i="6"/>
  <c r="D1" i="5"/>
  <c r="G1" i="24"/>
  <c r="G1" i="14"/>
  <c r="H1" i="23"/>
  <c r="H1" i="13"/>
  <c r="G1" i="4"/>
  <c r="I1" i="22"/>
  <c r="I1" i="11"/>
  <c r="H1" i="21"/>
  <c r="H1" i="10"/>
  <c r="F1" i="9"/>
  <c r="E1" i="19"/>
  <c r="E1" i="8"/>
  <c r="E1" i="18" l="1"/>
  <c r="E1" i="26"/>
  <c r="G1" i="6"/>
  <c r="E1" i="5"/>
  <c r="I1" i="24"/>
  <c r="I1" i="14"/>
  <c r="J1" i="23"/>
  <c r="J1" i="13"/>
  <c r="I1" i="4"/>
  <c r="K1" i="22"/>
  <c r="K1" i="11"/>
  <c r="J1" i="21"/>
  <c r="J1" i="10"/>
  <c r="H1" i="9"/>
  <c r="G1" i="19"/>
  <c r="G1" i="8"/>
  <c r="I1" i="9" l="1"/>
  <c r="F1" i="26"/>
  <c r="J1" i="24"/>
  <c r="K1" i="23"/>
  <c r="L1" i="22"/>
  <c r="K1" i="21"/>
  <c r="H1" i="19"/>
  <c r="F1" i="18"/>
  <c r="J1" i="14"/>
  <c r="K1" i="13"/>
  <c r="L1" i="11"/>
  <c r="K1" i="10"/>
  <c r="H1" i="6"/>
  <c r="F1" i="5"/>
  <c r="J1" i="4"/>
  <c r="H1" i="8"/>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 xml:space="preserve">要介護（要支援）認定者数（人） </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3">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682">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0" fontId="3" fillId="0" borderId="31"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5" xfId="0" applyNumberFormat="1" applyFont="1" applyBorder="1"/>
    <xf numFmtId="179" fontId="2" fillId="0" borderId="51" xfId="0" applyNumberFormat="1" applyFont="1" applyBorder="1"/>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1" xfId="2" applyNumberFormat="1" applyFont="1" applyBorder="1">
      <alignment vertical="center"/>
    </xf>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35" xfId="2" applyNumberFormat="1" applyFont="1" applyBorder="1">
      <alignment vertical="center"/>
    </xf>
    <xf numFmtId="180" fontId="2" fillId="0" borderId="57" xfId="2" applyNumberFormat="1" applyFont="1" applyBorder="1">
      <alignment vertical="center"/>
    </xf>
    <xf numFmtId="180" fontId="2" fillId="0" borderId="52" xfId="2" applyNumberFormat="1" applyFont="1" applyBorder="1">
      <alignment vertical="center"/>
    </xf>
    <xf numFmtId="180" fontId="2" fillId="0" borderId="58" xfId="2" applyNumberFormat="1" applyFont="1" applyBorder="1">
      <alignment vertical="center"/>
    </xf>
    <xf numFmtId="180" fontId="2" fillId="0" borderId="43" xfId="2" applyNumberFormat="1" applyFont="1" applyBorder="1">
      <alignment vertical="center"/>
    </xf>
    <xf numFmtId="180" fontId="2" fillId="0" borderId="59" xfId="2" applyNumberFormat="1" applyFont="1" applyBorder="1">
      <alignment vertical="center"/>
    </xf>
    <xf numFmtId="180" fontId="2" fillId="0" borderId="60" xfId="1" applyNumberFormat="1" applyFont="1" applyFill="1" applyBorder="1" applyAlignment="1">
      <alignment vertical="center"/>
    </xf>
    <xf numFmtId="180" fontId="2" fillId="0" borderId="35" xfId="0" applyNumberFormat="1" applyFont="1" applyBorder="1"/>
    <xf numFmtId="180" fontId="2" fillId="0" borderId="36" xfId="0" applyNumberFormat="1" applyFont="1" applyBorder="1"/>
    <xf numFmtId="180" fontId="2" fillId="0" borderId="34" xfId="0" applyNumberFormat="1" applyFont="1" applyBorder="1"/>
    <xf numFmtId="180" fontId="2" fillId="0" borderId="51" xfId="0" applyNumberFormat="1" applyFont="1" applyBorder="1"/>
    <xf numFmtId="180" fontId="2" fillId="0" borderId="43" xfId="0" applyNumberFormat="1" applyFont="1" applyBorder="1"/>
    <xf numFmtId="180" fontId="2" fillId="0" borderId="58" xfId="0" applyNumberFormat="1" applyFont="1" applyBorder="1"/>
    <xf numFmtId="180" fontId="2" fillId="0" borderId="45" xfId="0" applyNumberFormat="1" applyFont="1" applyBorder="1"/>
    <xf numFmtId="180" fontId="2" fillId="0" borderId="62" xfId="0" applyNumberFormat="1" applyFont="1" applyBorder="1"/>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3"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0" xfId="2" applyNumberFormat="1" applyFont="1" applyBorder="1">
      <alignment vertical="center"/>
    </xf>
    <xf numFmtId="180" fontId="2" fillId="0" borderId="66" xfId="2" applyNumberFormat="1" applyFont="1" applyBorder="1">
      <alignment vertical="center"/>
    </xf>
    <xf numFmtId="180" fontId="2" fillId="0" borderId="48" xfId="2" applyNumberFormat="1" applyFont="1" applyBorder="1">
      <alignment vertical="center"/>
    </xf>
    <xf numFmtId="180" fontId="2" fillId="0" borderId="67"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7" xfId="0" applyNumberFormat="1" applyFont="1" applyBorder="1"/>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0"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30" xfId="2" applyNumberFormat="1" applyFont="1" applyBorder="1">
      <alignment vertical="center"/>
    </xf>
    <xf numFmtId="180" fontId="2" fillId="0" borderId="76"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0" xfId="0" applyNumberFormat="1" applyFont="1" applyBorder="1"/>
    <xf numFmtId="180" fontId="2" fillId="0" borderId="30" xfId="0" applyNumberFormat="1" applyFont="1" applyBorder="1"/>
    <xf numFmtId="180" fontId="2" fillId="0" borderId="76" xfId="0" applyNumberFormat="1" applyFont="1" applyBorder="1"/>
    <xf numFmtId="179" fontId="2" fillId="0" borderId="42" xfId="0" applyNumberFormat="1" applyFont="1" applyBorder="1"/>
    <xf numFmtId="179" fontId="2" fillId="0" borderId="79" xfId="0" applyNumberFormat="1" applyFont="1" applyBorder="1"/>
    <xf numFmtId="179" fontId="2" fillId="0" borderId="80" xfId="0" applyNumberFormat="1" applyFont="1" applyBorder="1"/>
    <xf numFmtId="179" fontId="2" fillId="0" borderId="57" xfId="0" applyNumberFormat="1" applyFont="1" applyBorder="1"/>
    <xf numFmtId="179" fontId="2" fillId="0" borderId="37" xfId="0" applyNumberFormat="1" applyFont="1" applyBorder="1"/>
    <xf numFmtId="179" fontId="2" fillId="0" borderId="43" xfId="0" applyNumberFormat="1" applyFont="1" applyBorder="1"/>
    <xf numFmtId="179" fontId="2" fillId="0" borderId="35" xfId="0" applyNumberFormat="1" applyFont="1" applyBorder="1"/>
    <xf numFmtId="179" fontId="2" fillId="0" borderId="34" xfId="0" applyNumberFormat="1" applyFont="1" applyBorder="1"/>
    <xf numFmtId="179" fontId="2" fillId="0" borderId="61" xfId="0" applyNumberFormat="1" applyFont="1" applyBorder="1"/>
    <xf numFmtId="179" fontId="2" fillId="0" borderId="52" xfId="0" applyNumberFormat="1" applyFont="1" applyBorder="1"/>
    <xf numFmtId="179" fontId="2" fillId="0" borderId="44" xfId="0" applyNumberFormat="1" applyFont="1" applyBorder="1"/>
    <xf numFmtId="179" fontId="2" fillId="0" borderId="58" xfId="0" applyNumberFormat="1" applyFont="1" applyBorder="1"/>
    <xf numFmtId="179" fontId="2" fillId="0" borderId="27" xfId="0" applyNumberFormat="1" applyFont="1" applyBorder="1"/>
    <xf numFmtId="179" fontId="2" fillId="0" borderId="47" xfId="0" applyNumberFormat="1" applyFont="1" applyBorder="1"/>
    <xf numFmtId="179" fontId="2" fillId="0" borderId="66" xfId="0" applyNumberFormat="1" applyFont="1" applyBorder="1"/>
    <xf numFmtId="179" fontId="2" fillId="0" borderId="0" xfId="0" applyNumberFormat="1" applyFont="1"/>
    <xf numFmtId="179" fontId="2" fillId="0" borderId="64"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0"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0"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2" xfId="0" applyNumberFormat="1" applyFont="1" applyBorder="1"/>
    <xf numFmtId="180" fontId="2" fillId="0" borderId="54" xfId="0" applyNumberFormat="1" applyFont="1" applyBorder="1"/>
    <xf numFmtId="180" fontId="2" fillId="0" borderId="33" xfId="0" applyNumberFormat="1" applyFont="1" applyBorder="1"/>
    <xf numFmtId="180" fontId="2" fillId="0" borderId="34" xfId="1" applyNumberFormat="1" applyFont="1" applyFill="1" applyBorder="1" applyAlignment="1">
      <alignment vertical="center"/>
    </xf>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34" xfId="1" applyNumberFormat="1" applyFont="1" applyFill="1" applyBorder="1" applyAlignment="1"/>
    <xf numFmtId="180" fontId="2" fillId="0" borderId="8" xfId="1" applyNumberFormat="1" applyFont="1" applyFill="1" applyBorder="1" applyAlignment="1"/>
    <xf numFmtId="180" fontId="2" fillId="0" borderId="9" xfId="1" applyNumberFormat="1" applyFont="1" applyFill="1" applyBorder="1" applyAlignment="1"/>
    <xf numFmtId="180" fontId="2" fillId="0" borderId="35" xfId="1" applyNumberFormat="1" applyFont="1" applyFill="1" applyBorder="1" applyAlignment="1">
      <alignment vertical="center"/>
    </xf>
    <xf numFmtId="180" fontId="2" fillId="0" borderId="43" xfId="1" applyNumberFormat="1" applyFont="1" applyFill="1" applyBorder="1" applyAlignment="1">
      <alignment vertical="center"/>
    </xf>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7" xfId="0" applyNumberFormat="1" applyBorder="1" applyAlignment="1">
      <alignment vertical="center"/>
    </xf>
    <xf numFmtId="178" fontId="0" fillId="0" borderId="76" xfId="0" applyNumberFormat="1" applyBorder="1" applyAlignment="1">
      <alignment vertical="center"/>
    </xf>
    <xf numFmtId="178" fontId="2" fillId="0" borderId="62" xfId="1" applyNumberFormat="1" applyFont="1" applyBorder="1" applyAlignment="1">
      <alignment vertical="center"/>
    </xf>
    <xf numFmtId="178" fontId="2" fillId="0" borderId="67" xfId="1" applyNumberFormat="1" applyFont="1" applyBorder="1" applyAlignment="1">
      <alignment vertical="center"/>
    </xf>
    <xf numFmtId="178" fontId="2" fillId="0" borderId="76" xfId="1" applyNumberFormat="1" applyFont="1" applyBorder="1" applyAlignment="1">
      <alignment vertical="center"/>
    </xf>
    <xf numFmtId="179" fontId="2" fillId="0" borderId="36" xfId="0" applyNumberFormat="1" applyFont="1" applyBorder="1"/>
    <xf numFmtId="179" fontId="2" fillId="0" borderId="81" xfId="0" applyNumberFormat="1" applyFont="1" applyBorder="1"/>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3" fontId="8"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7"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42" xfId="1" applyFont="1" applyBorder="1" applyAlignment="1">
      <alignment vertical="center"/>
    </xf>
    <xf numFmtId="38" fontId="9" fillId="0" borderId="79" xfId="1" applyFont="1" applyBorder="1" applyAlignment="1">
      <alignment vertical="center"/>
    </xf>
    <xf numFmtId="38" fontId="9" fillId="0" borderId="95"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8"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7"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53" xfId="0" applyBorder="1" applyAlignment="1">
      <alignment horizontal="center" vertical="center" wrapText="1"/>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7"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6" xfId="1" applyNumberFormat="1" applyFont="1" applyBorder="1" applyAlignment="1">
      <alignment vertical="center"/>
    </xf>
    <xf numFmtId="180" fontId="0" fillId="0" borderId="70"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4" xfId="0" applyFont="1" applyBorder="1" applyAlignment="1">
      <alignment horizontal="center" vertical="center"/>
    </xf>
    <xf numFmtId="0" fontId="3" fillId="0" borderId="19" xfId="0" applyFont="1"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46" xfId="0"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59" xfId="0" applyNumberFormat="1" applyFont="1" applyBorder="1"/>
    <xf numFmtId="179" fontId="2" fillId="0" borderId="48" xfId="0" applyNumberFormat="1" applyFont="1" applyBorder="1"/>
    <xf numFmtId="179" fontId="2" fillId="0" borderId="30" xfId="0" applyNumberFormat="1" applyFont="1" applyBorder="1"/>
    <xf numFmtId="180" fontId="2" fillId="0" borderId="37"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99" xfId="0" applyNumberFormat="1" applyFont="1" applyBorder="1"/>
    <xf numFmtId="179" fontId="2" fillId="0" borderId="100" xfId="0" applyNumberFormat="1" applyFont="1" applyBorder="1"/>
    <xf numFmtId="179" fontId="2" fillId="0" borderId="101" xfId="0" applyNumberFormat="1" applyFont="1" applyBorder="1"/>
    <xf numFmtId="179" fontId="2" fillId="0" borderId="102" xfId="0" applyNumberFormat="1" applyFont="1" applyBorder="1"/>
    <xf numFmtId="179" fontId="2" fillId="0" borderId="103" xfId="0" applyNumberFormat="1" applyFont="1" applyBorder="1"/>
    <xf numFmtId="179" fontId="2" fillId="0" borderId="104" xfId="0" applyNumberFormat="1" applyFont="1" applyBorder="1"/>
    <xf numFmtId="179" fontId="2" fillId="0" borderId="105" xfId="0" applyNumberFormat="1" applyFont="1" applyBorder="1"/>
    <xf numFmtId="179" fontId="2" fillId="0" borderId="106" xfId="0" applyNumberFormat="1" applyFont="1" applyBorder="1"/>
    <xf numFmtId="179" fontId="2" fillId="0" borderId="69" xfId="0" applyNumberFormat="1" applyFont="1" applyBorder="1"/>
    <xf numFmtId="179" fontId="2" fillId="0" borderId="107"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78" xfId="0" applyNumberFormat="1" applyFont="1" applyBorder="1"/>
    <xf numFmtId="179" fontId="2" fillId="0" borderId="112" xfId="0" applyNumberFormat="1" applyFont="1" applyBorder="1"/>
    <xf numFmtId="179" fontId="2" fillId="0" borderId="113"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9" fillId="0" borderId="9" xfId="3" applyFont="1"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46" xfId="0"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2" xfId="0" applyNumberFormat="1" applyFont="1" applyBorder="1"/>
    <xf numFmtId="179" fontId="2" fillId="0" borderId="67" xfId="0" applyNumberFormat="1" applyFont="1" applyBorder="1"/>
    <xf numFmtId="179" fontId="2" fillId="0" borderId="76"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31" xfId="0" applyFont="1" applyBorder="1" applyAlignment="1">
      <alignment horizontal="center" vertical="center"/>
    </xf>
    <xf numFmtId="0" fontId="2" fillId="0" borderId="90" xfId="0" applyFont="1" applyBorder="1" applyAlignment="1">
      <alignment horizontal="center" vertical="center"/>
    </xf>
    <xf numFmtId="0" fontId="2" fillId="0" borderId="117" xfId="0" applyFont="1" applyBorder="1" applyAlignment="1">
      <alignment horizontal="center" vertical="center"/>
    </xf>
    <xf numFmtId="0" fontId="2" fillId="0" borderId="72" xfId="0" applyFont="1" applyBorder="1" applyAlignment="1">
      <alignment horizontal="center" vertical="center"/>
    </xf>
    <xf numFmtId="0" fontId="2" fillId="0" borderId="75" xfId="0" applyFont="1" applyBorder="1" applyAlignment="1">
      <alignment horizontal="center" vertical="center"/>
    </xf>
    <xf numFmtId="0" fontId="2" fillId="0" borderId="73" xfId="0" applyFont="1" applyBorder="1" applyAlignment="1">
      <alignment horizontal="center" vertical="center" wrapText="1"/>
    </xf>
    <xf numFmtId="0" fontId="2" fillId="0" borderId="92" xfId="0" applyFont="1" applyBorder="1" applyAlignment="1">
      <alignment horizontal="center" vertical="center"/>
    </xf>
    <xf numFmtId="0" fontId="3" fillId="0" borderId="84"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38" fontId="3" fillId="0" borderId="38" xfId="1" applyFont="1" applyFill="1" applyBorder="1" applyAlignment="1">
      <alignment horizontal="right" vertical="center"/>
    </xf>
    <xf numFmtId="38" fontId="3" fillId="0" borderId="6" xfId="1" applyFont="1" applyFill="1" applyBorder="1" applyAlignment="1">
      <alignment horizontal="right" vertical="center"/>
    </xf>
    <xf numFmtId="38" fontId="3" fillId="0" borderId="25" xfId="1" applyFont="1" applyFill="1" applyBorder="1" applyAlignment="1">
      <alignment horizontal="right" vertical="center"/>
    </xf>
    <xf numFmtId="38" fontId="3" fillId="0" borderId="41" xfId="1" applyFont="1" applyFill="1" applyBorder="1" applyAlignment="1">
      <alignment horizontal="right" vertical="center"/>
    </xf>
    <xf numFmtId="38" fontId="0" fillId="0" borderId="5" xfId="0" applyNumberFormat="1" applyFill="1" applyBorder="1" applyAlignment="1">
      <alignment horizontal="right" vertical="center"/>
    </xf>
    <xf numFmtId="38" fontId="0" fillId="0" borderId="6" xfId="0" applyNumberFormat="1" applyFill="1" applyBorder="1" applyAlignment="1">
      <alignment horizontal="right" vertical="center"/>
    </xf>
    <xf numFmtId="38" fontId="3" fillId="0" borderId="38" xfId="1" applyNumberFormat="1" applyFont="1" applyFill="1" applyBorder="1" applyAlignment="1">
      <alignment horizontal="right" vertical="center"/>
    </xf>
    <xf numFmtId="38" fontId="3" fillId="0" borderId="6" xfId="1" applyNumberFormat="1" applyFont="1" applyFill="1" applyBorder="1" applyAlignment="1">
      <alignment horizontal="right" vertical="center"/>
    </xf>
    <xf numFmtId="0" fontId="5" fillId="0" borderId="0" xfId="0" applyFont="1" applyAlignment="1">
      <alignment horizontal="center" vertical="center"/>
    </xf>
    <xf numFmtId="0" fontId="3" fillId="0" borderId="116" xfId="0" applyFont="1" applyBorder="1" applyAlignment="1">
      <alignment horizontal="center" vertical="center"/>
    </xf>
    <xf numFmtId="0" fontId="3" fillId="0" borderId="83"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3" xfId="0" applyFont="1" applyBorder="1" applyAlignment="1">
      <alignment horizontal="center" vertical="center"/>
    </xf>
    <xf numFmtId="0" fontId="2" fillId="0" borderId="10" xfId="0" applyFont="1" applyBorder="1" applyAlignment="1">
      <alignment horizontal="center" vertical="center"/>
    </xf>
    <xf numFmtId="0" fontId="2" fillId="0" borderId="91" xfId="0" applyFont="1" applyBorder="1" applyAlignment="1">
      <alignment horizontal="center" vertical="center"/>
    </xf>
    <xf numFmtId="0" fontId="2" fillId="0" borderId="74" xfId="0" applyFont="1" applyBorder="1" applyAlignment="1">
      <alignment horizontal="center" vertical="center"/>
    </xf>
    <xf numFmtId="0" fontId="2" fillId="0" borderId="92"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8" xfId="0" applyBorder="1" applyAlignment="1">
      <alignment horizontal="center" vertical="center"/>
    </xf>
    <xf numFmtId="0" fontId="2" fillId="0" borderId="93" xfId="0" applyFont="1" applyBorder="1" applyAlignment="1">
      <alignment horizontal="center" vertical="center"/>
    </xf>
    <xf numFmtId="0" fontId="2" fillId="0" borderId="94" xfId="0" applyFont="1" applyBorder="1" applyAlignment="1">
      <alignment horizontal="center" vertical="center"/>
    </xf>
    <xf numFmtId="0" fontId="0" fillId="0" borderId="93" xfId="0" applyBorder="1" applyAlignment="1">
      <alignment horizontal="left" vertical="center"/>
    </xf>
    <xf numFmtId="0" fontId="0" fillId="0" borderId="94" xfId="0" applyBorder="1" applyAlignment="1">
      <alignment horizontal="left" vertical="center"/>
    </xf>
    <xf numFmtId="0" fontId="2" fillId="0" borderId="1" xfId="0" applyFont="1" applyBorder="1" applyAlignment="1">
      <alignment horizontal="left" vertical="center"/>
    </xf>
    <xf numFmtId="0" fontId="2" fillId="0" borderId="83"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6" xfId="0" applyFont="1" applyBorder="1" applyAlignment="1">
      <alignment horizontal="center" vertical="center"/>
    </xf>
    <xf numFmtId="186" fontId="8" fillId="0" borderId="0" xfId="0" applyNumberFormat="1" applyFont="1" applyBorder="1" applyAlignment="1">
      <alignment horizontal="right"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1" xfId="3" applyFont="1" applyBorder="1" applyAlignment="1">
      <alignment horizontal="center" vertical="center"/>
    </xf>
    <xf numFmtId="0" fontId="9" fillId="0" borderId="118"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6" xfId="3" applyFont="1" applyBorder="1" applyAlignment="1">
      <alignment horizontal="center" vertical="center"/>
    </xf>
    <xf numFmtId="0" fontId="9" fillId="0" borderId="98" xfId="3" applyFont="1" applyBorder="1" applyAlignment="1">
      <alignment horizontal="center" vertical="center"/>
    </xf>
    <xf numFmtId="0" fontId="9" fillId="0" borderId="93" xfId="3" applyFont="1" applyBorder="1" applyAlignment="1">
      <alignment horizontal="center" vertical="center"/>
    </xf>
    <xf numFmtId="0" fontId="9" fillId="0" borderId="94" xfId="3" applyFont="1" applyBorder="1" applyAlignment="1">
      <alignment horizontal="center" vertical="center"/>
    </xf>
    <xf numFmtId="0" fontId="9" fillId="0" borderId="87" xfId="3" applyFont="1" applyBorder="1" applyAlignment="1">
      <alignment horizontal="center" vertical="center"/>
    </xf>
    <xf numFmtId="0" fontId="9" fillId="0" borderId="88" xfId="3" applyFont="1" applyBorder="1" applyAlignment="1">
      <alignment horizontal="center" vertical="center"/>
    </xf>
    <xf numFmtId="0" fontId="9" fillId="0" borderId="97" xfId="3" applyFont="1" applyBorder="1" applyAlignment="1">
      <alignment horizontal="center" vertical="center"/>
    </xf>
    <xf numFmtId="0" fontId="9" fillId="0" borderId="83"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6"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4" xfId="3" applyFont="1" applyBorder="1" applyAlignment="1">
      <alignment horizontal="center" vertical="center"/>
    </xf>
    <xf numFmtId="0" fontId="9" fillId="0" borderId="90" xfId="3" applyFont="1" applyBorder="1" applyAlignment="1">
      <alignment horizontal="center" vertical="center"/>
    </xf>
    <xf numFmtId="0" fontId="9" fillId="0" borderId="85"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7" xfId="0" applyFont="1" applyBorder="1" applyAlignment="1">
      <alignment horizontal="center" vertical="center"/>
    </xf>
    <xf numFmtId="0" fontId="3" fillId="0" borderId="88" xfId="0" applyFont="1" applyBorder="1" applyAlignment="1">
      <alignment horizontal="center" vertical="center"/>
    </xf>
    <xf numFmtId="0" fontId="3" fillId="0" borderId="84" xfId="0" applyFont="1" applyBorder="1" applyAlignment="1">
      <alignment horizontal="center" vertical="center"/>
    </xf>
    <xf numFmtId="0" fontId="3" fillId="0" borderId="1" xfId="0" applyFont="1" applyBorder="1" applyAlignment="1">
      <alignment vertical="center"/>
    </xf>
    <xf numFmtId="0" fontId="3" fillId="0" borderId="83" xfId="0" applyFont="1" applyBorder="1" applyAlignment="1">
      <alignment vertical="center"/>
    </xf>
    <xf numFmtId="0" fontId="3" fillId="0" borderId="10" xfId="0" applyFont="1" applyBorder="1" applyAlignment="1">
      <alignment vertical="center"/>
    </xf>
    <xf numFmtId="0" fontId="0" fillId="0" borderId="83"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8"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0" xfId="0" applyFont="1" applyBorder="1" applyAlignment="1">
      <alignment horizontal="center" vertical="center"/>
    </xf>
    <xf numFmtId="0" fontId="3" fillId="0" borderId="57"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wrapText="1"/>
    </xf>
    <xf numFmtId="0" fontId="3" fillId="0" borderId="82"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8" xfId="0" applyFont="1" applyBorder="1" applyAlignment="1">
      <alignment horizontal="center" vertical="center"/>
    </xf>
    <xf numFmtId="0" fontId="3" fillId="0" borderId="93" xfId="0" applyFont="1" applyBorder="1" applyAlignment="1">
      <alignment horizontal="center" vertical="center"/>
    </xf>
    <xf numFmtId="0" fontId="3" fillId="0" borderId="94"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3"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8" xfId="0" applyFont="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0" fillId="0" borderId="118"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5"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3"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6"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77" xfId="0" applyFont="1" applyBorder="1" applyAlignment="1">
      <alignment horizontal="center" vertical="center"/>
    </xf>
    <xf numFmtId="0" fontId="3" fillId="0" borderId="7" xfId="0" applyFont="1" applyBorder="1" applyAlignment="1">
      <alignment horizontal="center" vertical="center"/>
    </xf>
    <xf numFmtId="0" fontId="3" fillId="0" borderId="96" xfId="0" applyFont="1" applyBorder="1" applyAlignment="1">
      <alignment horizontal="center" vertical="center"/>
    </xf>
    <xf numFmtId="0" fontId="3" fillId="0" borderId="79"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5" xfId="0" applyFont="1" applyBorder="1" applyAlignment="1">
      <alignment horizontal="center" vertical="center"/>
    </xf>
    <xf numFmtId="0" fontId="3" fillId="0" borderId="90" xfId="0" applyFont="1" applyBorder="1" applyAlignment="1">
      <alignment horizontal="center" vertical="center"/>
    </xf>
    <xf numFmtId="0" fontId="3" fillId="0" borderId="70"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5" xfId="0" applyFont="1" applyBorder="1" applyAlignment="1">
      <alignment horizontal="center" vertical="center"/>
    </xf>
    <xf numFmtId="0" fontId="3" fillId="0" borderId="89" xfId="0" applyFont="1" applyBorder="1" applyAlignment="1">
      <alignment horizontal="center" vertical="center"/>
    </xf>
    <xf numFmtId="0" fontId="0" fillId="0" borderId="1" xfId="0" applyFont="1" applyBorder="1" applyAlignment="1">
      <alignment horizontal="center" vertical="center"/>
    </xf>
    <xf numFmtId="0" fontId="0" fillId="0" borderId="83"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2"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2" xfId="0" applyFont="1" applyFill="1" applyBorder="1" applyAlignment="1">
      <alignment horizontal="center" vertical="center"/>
    </xf>
    <xf numFmtId="0" fontId="0" fillId="0" borderId="1" xfId="0" applyBorder="1" applyAlignment="1">
      <alignment horizontal="center" vertical="center"/>
    </xf>
    <xf numFmtId="0" fontId="0" fillId="0" borderId="83"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3"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3"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2" fillId="0" borderId="30" xfId="0" applyFont="1" applyBorder="1" applyAlignment="1">
      <alignment horizontal="center" vertical="center"/>
    </xf>
    <xf numFmtId="0" fontId="2" fillId="0" borderId="115" xfId="0" applyFont="1" applyBorder="1" applyAlignment="1">
      <alignment horizontal="center" vertical="center"/>
    </xf>
    <xf numFmtId="0" fontId="2" fillId="0" borderId="90"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6" xfId="0" applyFont="1" applyBorder="1" applyAlignment="1">
      <alignment horizontal="center" vertical="center"/>
    </xf>
    <xf numFmtId="0" fontId="2" fillId="0" borderId="79"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0" xfId="0" applyFont="1" applyBorder="1" applyAlignment="1">
      <alignment horizontal="center" vertical="center"/>
    </xf>
    <xf numFmtId="0" fontId="2" fillId="0" borderId="118"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8"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5" xfId="0" applyFont="1" applyBorder="1" applyAlignment="1">
      <alignment horizontal="center" vertical="center"/>
    </xf>
    <xf numFmtId="0" fontId="2" fillId="0" borderId="7" xfId="0" applyFont="1" applyBorder="1" applyAlignment="1">
      <alignment horizontal="center" vertical="center"/>
    </xf>
    <xf numFmtId="0" fontId="2" fillId="0" borderId="68"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3"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3"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6"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5"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7" xfId="0" applyFont="1" applyBorder="1" applyAlignment="1">
      <alignment horizontal="center" vertical="center"/>
    </xf>
    <xf numFmtId="0" fontId="0" fillId="0" borderId="118"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 xfId="0" applyBorder="1" applyAlignment="1">
      <alignment horizontal="left" vertical="center"/>
    </xf>
    <xf numFmtId="0" fontId="0" fillId="0" borderId="83" xfId="0" applyBorder="1" applyAlignment="1">
      <alignment horizontal="left" vertical="center"/>
    </xf>
    <xf numFmtId="0" fontId="0" fillId="0" borderId="10" xfId="0" applyBorder="1" applyAlignment="1">
      <alignment horizontal="lef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5"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1"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96" xfId="0" applyBorder="1" applyAlignment="1">
      <alignment horizontal="center" vertical="center"/>
    </xf>
    <xf numFmtId="0" fontId="0" fillId="0" borderId="79" xfId="0" applyBorder="1" applyAlignment="1">
      <alignment horizontal="center" vertical="center"/>
    </xf>
    <xf numFmtId="182" fontId="3" fillId="0" borderId="0" xfId="0" applyNumberFormat="1" applyFont="1" applyBorder="1" applyAlignment="1">
      <alignment horizontal="left"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56"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x14ac:dyDescent="0.2">
      <c r="B1" s="2"/>
      <c r="C1" s="2"/>
      <c r="D1" s="2"/>
      <c r="E1" s="430" t="s">
        <v>0</v>
      </c>
      <c r="F1" s="430"/>
      <c r="G1" s="430"/>
      <c r="H1" s="430"/>
      <c r="I1" s="2"/>
      <c r="J1" s="2"/>
      <c r="K1" s="2"/>
      <c r="L1" s="2"/>
    </row>
    <row r="2" spans="1:13" ht="13.5" customHeight="1" x14ac:dyDescent="0.2">
      <c r="A2" s="2"/>
      <c r="B2" s="2"/>
      <c r="C2" s="2"/>
      <c r="D2" s="2"/>
      <c r="E2" s="2"/>
      <c r="F2" s="415">
        <v>3</v>
      </c>
      <c r="G2" s="278">
        <v>12</v>
      </c>
      <c r="H2" s="2"/>
      <c r="I2" s="2"/>
      <c r="J2" s="2"/>
      <c r="K2" s="2"/>
      <c r="L2" s="2"/>
      <c r="M2" s="2"/>
    </row>
    <row r="3" spans="1:13" ht="26.25" customHeight="1" x14ac:dyDescent="0.2"/>
    <row r="4" spans="1:13" ht="20.25" customHeight="1" x14ac:dyDescent="0.2">
      <c r="D4" s="3"/>
      <c r="E4" s="4" t="s">
        <v>1</v>
      </c>
      <c r="F4" s="3"/>
      <c r="H4" s="286">
        <v>12</v>
      </c>
    </row>
    <row r="5" spans="1:13" ht="10.5" customHeight="1" thickBot="1" x14ac:dyDescent="0.25">
      <c r="E5" s="5"/>
    </row>
    <row r="6" spans="1:13" ht="17.25" customHeight="1" x14ac:dyDescent="0.2">
      <c r="E6" s="420"/>
      <c r="F6" s="431" t="s">
        <v>2</v>
      </c>
      <c r="G6" s="432"/>
      <c r="H6" s="432"/>
      <c r="I6" s="433"/>
    </row>
    <row r="7" spans="1:13" ht="17.25" customHeight="1" x14ac:dyDescent="0.2">
      <c r="E7" s="7"/>
      <c r="F7" s="8"/>
      <c r="G7" s="9" t="s">
        <v>3</v>
      </c>
      <c r="H7" s="392" t="s">
        <v>150</v>
      </c>
      <c r="I7" s="393" t="s">
        <v>149</v>
      </c>
    </row>
    <row r="8" spans="1:13" ht="16.5" customHeight="1" x14ac:dyDescent="0.2">
      <c r="E8" s="421" t="s">
        <v>4</v>
      </c>
      <c r="F8" s="426">
        <v>2337246</v>
      </c>
      <c r="G8" s="426">
        <v>1113392</v>
      </c>
      <c r="H8" s="426">
        <v>846708</v>
      </c>
      <c r="I8" s="427">
        <v>377146</v>
      </c>
    </row>
    <row r="9" spans="1:13" ht="16.5" customHeight="1" x14ac:dyDescent="0.2">
      <c r="E9" s="10" t="s">
        <v>5</v>
      </c>
      <c r="F9" s="428">
        <v>932153</v>
      </c>
      <c r="G9" s="428">
        <v>440814</v>
      </c>
      <c r="H9" s="428">
        <v>334432</v>
      </c>
      <c r="I9" s="429">
        <v>156907</v>
      </c>
    </row>
    <row r="10" spans="1:13" ht="16.5" customHeight="1" x14ac:dyDescent="0.2">
      <c r="E10" s="10" t="s">
        <v>6</v>
      </c>
      <c r="F10" s="422">
        <v>306058</v>
      </c>
      <c r="G10" s="422">
        <v>150229</v>
      </c>
      <c r="H10" s="422">
        <v>106204</v>
      </c>
      <c r="I10" s="423">
        <v>49625</v>
      </c>
    </row>
    <row r="11" spans="1:13" ht="16.5" customHeight="1" x14ac:dyDescent="0.2">
      <c r="E11" s="10" t="s">
        <v>14</v>
      </c>
      <c r="F11" s="422">
        <v>187576</v>
      </c>
      <c r="G11" s="422">
        <v>91077</v>
      </c>
      <c r="H11" s="422">
        <v>70189</v>
      </c>
      <c r="I11" s="423">
        <v>26310</v>
      </c>
    </row>
    <row r="12" spans="1:13" ht="16.5" customHeight="1" x14ac:dyDescent="0.2">
      <c r="E12" s="10" t="s">
        <v>7</v>
      </c>
      <c r="F12" s="422">
        <v>126451</v>
      </c>
      <c r="G12" s="422">
        <v>57776</v>
      </c>
      <c r="H12" s="422">
        <v>47247</v>
      </c>
      <c r="I12" s="423">
        <v>21428</v>
      </c>
    </row>
    <row r="13" spans="1:13" ht="16.5" customHeight="1" x14ac:dyDescent="0.2">
      <c r="E13" s="10" t="s">
        <v>8</v>
      </c>
      <c r="F13" s="422">
        <v>72953</v>
      </c>
      <c r="G13" s="422">
        <v>35539</v>
      </c>
      <c r="H13" s="422">
        <v>26333</v>
      </c>
      <c r="I13" s="423">
        <v>11081</v>
      </c>
    </row>
    <row r="14" spans="1:13" ht="16.5" customHeight="1" x14ac:dyDescent="0.2">
      <c r="E14" s="10" t="s">
        <v>9</v>
      </c>
      <c r="F14" s="422">
        <v>54036</v>
      </c>
      <c r="G14" s="422">
        <v>22504</v>
      </c>
      <c r="H14" s="422">
        <v>20082</v>
      </c>
      <c r="I14" s="423">
        <v>11450</v>
      </c>
    </row>
    <row r="15" spans="1:13" ht="16.5" customHeight="1" x14ac:dyDescent="0.2">
      <c r="E15" s="10" t="s">
        <v>10</v>
      </c>
      <c r="F15" s="422">
        <v>107853</v>
      </c>
      <c r="G15" s="422">
        <v>50385</v>
      </c>
      <c r="H15" s="422">
        <v>39443</v>
      </c>
      <c r="I15" s="423">
        <v>18025</v>
      </c>
    </row>
    <row r="16" spans="1:13" ht="16.5" customHeight="1" x14ac:dyDescent="0.2">
      <c r="E16" s="10" t="s">
        <v>11</v>
      </c>
      <c r="F16" s="422">
        <v>57297</v>
      </c>
      <c r="G16" s="422">
        <v>27327</v>
      </c>
      <c r="H16" s="422">
        <v>20338</v>
      </c>
      <c r="I16" s="423">
        <v>9632</v>
      </c>
    </row>
    <row r="17" spans="5:13" ht="16.5" customHeight="1" x14ac:dyDescent="0.2">
      <c r="E17" s="10" t="s">
        <v>12</v>
      </c>
      <c r="F17" s="422">
        <v>65319</v>
      </c>
      <c r="G17" s="422">
        <v>30366</v>
      </c>
      <c r="H17" s="422">
        <v>24097</v>
      </c>
      <c r="I17" s="423">
        <v>10856</v>
      </c>
    </row>
    <row r="18" spans="5:13" ht="16.5" customHeight="1" x14ac:dyDescent="0.2">
      <c r="E18" s="10" t="s">
        <v>13</v>
      </c>
      <c r="F18" s="422">
        <v>18710</v>
      </c>
      <c r="G18" s="422">
        <v>7730</v>
      </c>
      <c r="H18" s="422">
        <v>7050</v>
      </c>
      <c r="I18" s="423">
        <v>3930</v>
      </c>
      <c r="M18" s="1" t="s">
        <v>87</v>
      </c>
    </row>
    <row r="19" spans="5:13" ht="16.5" customHeight="1" x14ac:dyDescent="0.2">
      <c r="E19" s="10" t="s">
        <v>15</v>
      </c>
      <c r="F19" s="422">
        <v>16321</v>
      </c>
      <c r="G19" s="422">
        <v>7801</v>
      </c>
      <c r="H19" s="422">
        <v>5775</v>
      </c>
      <c r="I19" s="423">
        <v>2745</v>
      </c>
    </row>
    <row r="20" spans="5:13" ht="16.5" customHeight="1" x14ac:dyDescent="0.2">
      <c r="E20" s="10" t="s">
        <v>16</v>
      </c>
      <c r="F20" s="422">
        <v>49195</v>
      </c>
      <c r="G20" s="422">
        <v>25190</v>
      </c>
      <c r="H20" s="422">
        <v>17430</v>
      </c>
      <c r="I20" s="423">
        <v>6575</v>
      </c>
    </row>
    <row r="21" spans="5:13" ht="16.5" customHeight="1" x14ac:dyDescent="0.2">
      <c r="E21" s="10" t="s">
        <v>17</v>
      </c>
      <c r="F21" s="422">
        <v>58297</v>
      </c>
      <c r="G21" s="422">
        <v>29632</v>
      </c>
      <c r="H21" s="422">
        <v>21214</v>
      </c>
      <c r="I21" s="423">
        <v>7451</v>
      </c>
    </row>
    <row r="22" spans="5:13" ht="16.5" customHeight="1" x14ac:dyDescent="0.2">
      <c r="E22" s="10" t="s">
        <v>18</v>
      </c>
      <c r="F22" s="422">
        <v>57918</v>
      </c>
      <c r="G22" s="422">
        <v>27731</v>
      </c>
      <c r="H22" s="422">
        <v>21948</v>
      </c>
      <c r="I22" s="423">
        <v>8239</v>
      </c>
    </row>
    <row r="23" spans="5:13" ht="16.5" customHeight="1" x14ac:dyDescent="0.2">
      <c r="E23" s="10" t="s">
        <v>19</v>
      </c>
      <c r="F23" s="422">
        <v>26599</v>
      </c>
      <c r="G23" s="422">
        <v>12917</v>
      </c>
      <c r="H23" s="422">
        <v>9874</v>
      </c>
      <c r="I23" s="423">
        <v>3808</v>
      </c>
    </row>
    <row r="24" spans="5:13" ht="16.5" customHeight="1" x14ac:dyDescent="0.2">
      <c r="E24" s="10" t="s">
        <v>20</v>
      </c>
      <c r="F24" s="422">
        <v>33771</v>
      </c>
      <c r="G24" s="422">
        <v>16809</v>
      </c>
      <c r="H24" s="422">
        <v>12619</v>
      </c>
      <c r="I24" s="423">
        <v>4343</v>
      </c>
    </row>
    <row r="25" spans="5:13" ht="16.5" customHeight="1" x14ac:dyDescent="0.2">
      <c r="E25" s="10" t="s">
        <v>21</v>
      </c>
      <c r="F25" s="422">
        <v>34162</v>
      </c>
      <c r="G25" s="422">
        <v>16722</v>
      </c>
      <c r="H25" s="422">
        <v>12795</v>
      </c>
      <c r="I25" s="423">
        <v>4645</v>
      </c>
    </row>
    <row r="26" spans="5:13" ht="16.5" customHeight="1" x14ac:dyDescent="0.2">
      <c r="E26" s="10" t="s">
        <v>22</v>
      </c>
      <c r="F26" s="422">
        <v>13648</v>
      </c>
      <c r="G26" s="422">
        <v>6261</v>
      </c>
      <c r="H26" s="422">
        <v>5125</v>
      </c>
      <c r="I26" s="423">
        <v>2262</v>
      </c>
    </row>
    <row r="27" spans="5:13" ht="16.5" customHeight="1" x14ac:dyDescent="0.2">
      <c r="E27" s="10" t="s">
        <v>23</v>
      </c>
      <c r="F27" s="422">
        <v>23112</v>
      </c>
      <c r="G27" s="422">
        <v>10868</v>
      </c>
      <c r="H27" s="422">
        <v>9412</v>
      </c>
      <c r="I27" s="423">
        <v>2832</v>
      </c>
    </row>
    <row r="28" spans="5:13" ht="16.5" customHeight="1" x14ac:dyDescent="0.2">
      <c r="E28" s="10" t="s">
        <v>24</v>
      </c>
      <c r="F28" s="422">
        <v>10294</v>
      </c>
      <c r="G28" s="422">
        <v>4386</v>
      </c>
      <c r="H28" s="422">
        <v>3926</v>
      </c>
      <c r="I28" s="423">
        <v>1982</v>
      </c>
    </row>
    <row r="29" spans="5:13" ht="16.5" customHeight="1" x14ac:dyDescent="0.2">
      <c r="E29" s="10" t="s">
        <v>25</v>
      </c>
      <c r="F29" s="422">
        <v>13402</v>
      </c>
      <c r="G29" s="422">
        <v>6758</v>
      </c>
      <c r="H29" s="422">
        <v>4962</v>
      </c>
      <c r="I29" s="423">
        <v>1682</v>
      </c>
    </row>
    <row r="30" spans="5:13" ht="16.5" customHeight="1" x14ac:dyDescent="0.2">
      <c r="E30" s="10" t="s">
        <v>26</v>
      </c>
      <c r="F30" s="422">
        <v>11161</v>
      </c>
      <c r="G30" s="422">
        <v>5170</v>
      </c>
      <c r="H30" s="422">
        <v>4166</v>
      </c>
      <c r="I30" s="423">
        <v>1825</v>
      </c>
    </row>
    <row r="31" spans="5:13" ht="16.5" customHeight="1" x14ac:dyDescent="0.2">
      <c r="E31" s="10" t="s">
        <v>27</v>
      </c>
      <c r="F31" s="422">
        <v>9915</v>
      </c>
      <c r="G31" s="422">
        <v>4367</v>
      </c>
      <c r="H31" s="422">
        <v>3773</v>
      </c>
      <c r="I31" s="423">
        <v>1775</v>
      </c>
    </row>
    <row r="32" spans="5:13" ht="16.5" customHeight="1" x14ac:dyDescent="0.2">
      <c r="E32" s="10" t="s">
        <v>28</v>
      </c>
      <c r="F32" s="422">
        <v>3209</v>
      </c>
      <c r="G32" s="422">
        <v>1638</v>
      </c>
      <c r="H32" s="422">
        <v>1153</v>
      </c>
      <c r="I32" s="423">
        <v>418</v>
      </c>
    </row>
    <row r="33" spans="5:9" ht="16.5" customHeight="1" x14ac:dyDescent="0.2">
      <c r="E33" s="10" t="s">
        <v>29</v>
      </c>
      <c r="F33" s="422">
        <v>4947</v>
      </c>
      <c r="G33" s="422">
        <v>2434</v>
      </c>
      <c r="H33" s="422">
        <v>1833</v>
      </c>
      <c r="I33" s="423">
        <v>680</v>
      </c>
    </row>
    <row r="34" spans="5:9" ht="16.5" customHeight="1" x14ac:dyDescent="0.2">
      <c r="E34" s="10" t="s">
        <v>30</v>
      </c>
      <c r="F34" s="422">
        <v>3756</v>
      </c>
      <c r="G34" s="422">
        <v>1746</v>
      </c>
      <c r="H34" s="422">
        <v>1342</v>
      </c>
      <c r="I34" s="423">
        <v>668</v>
      </c>
    </row>
    <row r="35" spans="5:9" ht="16.5" customHeight="1" x14ac:dyDescent="0.2">
      <c r="E35" s="10" t="s">
        <v>31</v>
      </c>
      <c r="F35" s="422">
        <v>4040</v>
      </c>
      <c r="G35" s="422">
        <v>2032</v>
      </c>
      <c r="H35" s="422">
        <v>1254</v>
      </c>
      <c r="I35" s="423">
        <v>754</v>
      </c>
    </row>
    <row r="36" spans="5:9" ht="16.5" customHeight="1" x14ac:dyDescent="0.2">
      <c r="E36" s="10" t="s">
        <v>32</v>
      </c>
      <c r="F36" s="422">
        <v>4541</v>
      </c>
      <c r="G36" s="422">
        <v>2118</v>
      </c>
      <c r="H36" s="422">
        <v>1711</v>
      </c>
      <c r="I36" s="423">
        <v>712</v>
      </c>
    </row>
    <row r="37" spans="5:9" ht="16.5" customHeight="1" x14ac:dyDescent="0.2">
      <c r="E37" s="10" t="s">
        <v>33</v>
      </c>
      <c r="F37" s="422">
        <v>4207</v>
      </c>
      <c r="G37" s="422">
        <v>2009</v>
      </c>
      <c r="H37" s="422">
        <v>1504</v>
      </c>
      <c r="I37" s="423">
        <v>694</v>
      </c>
    </row>
    <row r="38" spans="5:9" ht="16.5" customHeight="1" x14ac:dyDescent="0.2">
      <c r="E38" s="10" t="s">
        <v>34</v>
      </c>
      <c r="F38" s="422">
        <v>3036</v>
      </c>
      <c r="G38" s="422">
        <v>1401</v>
      </c>
      <c r="H38" s="422">
        <v>1116</v>
      </c>
      <c r="I38" s="423">
        <v>519</v>
      </c>
    </row>
    <row r="39" spans="5:9" ht="16.5" customHeight="1" x14ac:dyDescent="0.2">
      <c r="E39" s="10" t="s">
        <v>35</v>
      </c>
      <c r="F39" s="422">
        <v>9953</v>
      </c>
      <c r="G39" s="422">
        <v>4493</v>
      </c>
      <c r="H39" s="422">
        <v>3745</v>
      </c>
      <c r="I39" s="423">
        <v>1715</v>
      </c>
    </row>
    <row r="40" spans="5:9" ht="16.5" customHeight="1" x14ac:dyDescent="0.2">
      <c r="E40" s="10" t="s">
        <v>36</v>
      </c>
      <c r="F40" s="422">
        <v>12286</v>
      </c>
      <c r="G40" s="422">
        <v>6575</v>
      </c>
      <c r="H40" s="422">
        <v>4284</v>
      </c>
      <c r="I40" s="423">
        <v>1427</v>
      </c>
    </row>
    <row r="41" spans="5:9" ht="16.5" customHeight="1" thickBot="1" x14ac:dyDescent="0.25">
      <c r="E41" s="11" t="s">
        <v>37</v>
      </c>
      <c r="F41" s="424">
        <v>1070</v>
      </c>
      <c r="G41" s="424">
        <v>587</v>
      </c>
      <c r="H41" s="424">
        <v>332</v>
      </c>
      <c r="I41" s="425">
        <v>151</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88"/>
    <col min="5" max="5" width="7.77734375" style="288" customWidth="1"/>
    <col min="6" max="6" width="9" style="288"/>
    <col min="7" max="7" width="10.6640625" style="288" customWidth="1"/>
    <col min="8" max="15" width="9" style="288"/>
    <col min="16" max="16" width="7.88671875" style="288" customWidth="1"/>
    <col min="17" max="26" width="9" style="288"/>
    <col min="27" max="27" width="7.77734375" style="288" customWidth="1"/>
    <col min="28" max="37" width="9" style="288"/>
    <col min="38" max="38" width="6.77734375" style="288" customWidth="1"/>
    <col min="39" max="48" width="9" style="288"/>
    <col min="49" max="49" width="7.77734375" style="288" customWidth="1"/>
    <col min="50" max="59" width="9" style="288"/>
    <col min="60" max="60" width="7.44140625" style="288" customWidth="1"/>
    <col min="61" max="70" width="9" style="288"/>
    <col min="71" max="71" width="7.33203125" style="288" customWidth="1"/>
    <col min="72" max="81" width="9" style="288"/>
    <col min="82" max="82" width="7.44140625" style="288" customWidth="1"/>
    <col min="83" max="92" width="9" style="288"/>
    <col min="93" max="93" width="7.6640625" style="288" customWidth="1"/>
    <col min="94" max="16384" width="9" style="288"/>
  </cols>
  <sheetData>
    <row r="1" spans="1:111" ht="20.25" customHeight="1" x14ac:dyDescent="0.2">
      <c r="A1" s="323" t="s">
        <v>123</v>
      </c>
      <c r="I1" s="457">
        <f>第１表!F2</f>
        <v>3</v>
      </c>
      <c r="J1" s="457"/>
      <c r="K1" s="280">
        <f>第１表!G2</f>
        <v>12</v>
      </c>
      <c r="L1" s="458">
        <f>IF(K1&lt;3,K1+12-2,K1-2)</f>
        <v>10</v>
      </c>
      <c r="M1" s="458"/>
    </row>
    <row r="2" spans="1:111" ht="18.75" customHeight="1" thickBot="1" x14ac:dyDescent="0.25">
      <c r="A2" s="323" t="s">
        <v>131</v>
      </c>
    </row>
    <row r="3" spans="1:111" ht="13.8" thickBot="1" x14ac:dyDescent="0.25">
      <c r="A3" s="478"/>
      <c r="B3" s="481" t="s">
        <v>112</v>
      </c>
      <c r="C3" s="481"/>
      <c r="D3" s="481"/>
      <c r="E3" s="481"/>
      <c r="F3" s="481"/>
      <c r="G3" s="481"/>
      <c r="H3" s="481"/>
      <c r="I3" s="481"/>
      <c r="J3" s="481"/>
      <c r="K3" s="481"/>
      <c r="L3" s="482"/>
      <c r="M3" s="476" t="s">
        <v>111</v>
      </c>
      <c r="N3" s="476"/>
      <c r="O3" s="476"/>
      <c r="P3" s="476"/>
      <c r="Q3" s="476"/>
      <c r="R3" s="476"/>
      <c r="S3" s="476"/>
      <c r="T3" s="476"/>
      <c r="U3" s="476"/>
      <c r="V3" s="476"/>
      <c r="W3" s="477"/>
      <c r="X3" s="475" t="s">
        <v>110</v>
      </c>
      <c r="Y3" s="476"/>
      <c r="Z3" s="476"/>
      <c r="AA3" s="476"/>
      <c r="AB3" s="476"/>
      <c r="AC3" s="476"/>
      <c r="AD3" s="476"/>
      <c r="AE3" s="476"/>
      <c r="AF3" s="476"/>
      <c r="AG3" s="476"/>
      <c r="AH3" s="477"/>
      <c r="AI3" s="475" t="s">
        <v>109</v>
      </c>
      <c r="AJ3" s="476"/>
      <c r="AK3" s="476"/>
      <c r="AL3" s="476"/>
      <c r="AM3" s="476"/>
      <c r="AN3" s="476"/>
      <c r="AO3" s="476"/>
      <c r="AP3" s="476"/>
      <c r="AQ3" s="476"/>
      <c r="AR3" s="476"/>
      <c r="AS3" s="477"/>
      <c r="AT3" s="475" t="s">
        <v>108</v>
      </c>
      <c r="AU3" s="476"/>
      <c r="AV3" s="476"/>
      <c r="AW3" s="476"/>
      <c r="AX3" s="476"/>
      <c r="AY3" s="476"/>
      <c r="AZ3" s="476"/>
      <c r="BA3" s="476"/>
      <c r="BB3" s="476"/>
      <c r="BC3" s="476"/>
      <c r="BD3" s="477"/>
      <c r="BE3" s="475" t="s">
        <v>107</v>
      </c>
      <c r="BF3" s="476"/>
      <c r="BG3" s="476"/>
      <c r="BH3" s="476"/>
      <c r="BI3" s="476"/>
      <c r="BJ3" s="476"/>
      <c r="BK3" s="476"/>
      <c r="BL3" s="476"/>
      <c r="BM3" s="476"/>
      <c r="BN3" s="476"/>
      <c r="BO3" s="477"/>
      <c r="BP3" s="475" t="s">
        <v>106</v>
      </c>
      <c r="BQ3" s="476"/>
      <c r="BR3" s="476"/>
      <c r="BS3" s="476"/>
      <c r="BT3" s="476"/>
      <c r="BU3" s="476"/>
      <c r="BV3" s="476"/>
      <c r="BW3" s="476"/>
      <c r="BX3" s="476"/>
      <c r="BY3" s="476"/>
      <c r="BZ3" s="477"/>
      <c r="CA3" s="475" t="s">
        <v>128</v>
      </c>
      <c r="CB3" s="476"/>
      <c r="CC3" s="476"/>
      <c r="CD3" s="476"/>
      <c r="CE3" s="476"/>
      <c r="CF3" s="476"/>
      <c r="CG3" s="476"/>
      <c r="CH3" s="476"/>
      <c r="CI3" s="476"/>
      <c r="CJ3" s="476"/>
      <c r="CK3" s="477"/>
      <c r="CL3" s="475" t="s">
        <v>161</v>
      </c>
      <c r="CM3" s="476"/>
      <c r="CN3" s="476"/>
      <c r="CO3" s="476"/>
      <c r="CP3" s="476"/>
      <c r="CQ3" s="476"/>
      <c r="CR3" s="476"/>
      <c r="CS3" s="476"/>
      <c r="CT3" s="476"/>
      <c r="CU3" s="476"/>
      <c r="CV3" s="477"/>
      <c r="CW3" s="475" t="s">
        <v>157</v>
      </c>
      <c r="CX3" s="476"/>
      <c r="CY3" s="476"/>
      <c r="CZ3" s="476"/>
      <c r="DA3" s="476"/>
      <c r="DB3" s="476"/>
      <c r="DC3" s="476"/>
      <c r="DD3" s="476"/>
      <c r="DE3" s="476"/>
      <c r="DF3" s="476"/>
      <c r="DG3" s="477"/>
    </row>
    <row r="4" spans="1:111" x14ac:dyDescent="0.2">
      <c r="A4" s="479"/>
      <c r="B4" s="483" t="s">
        <v>61</v>
      </c>
      <c r="C4" s="462"/>
      <c r="D4" s="463"/>
      <c r="E4" s="464" t="s">
        <v>62</v>
      </c>
      <c r="F4" s="462"/>
      <c r="G4" s="462"/>
      <c r="H4" s="462"/>
      <c r="I4" s="462"/>
      <c r="J4" s="462"/>
      <c r="K4" s="465"/>
      <c r="L4" s="459" t="s">
        <v>52</v>
      </c>
      <c r="M4" s="483" t="s">
        <v>61</v>
      </c>
      <c r="N4" s="462"/>
      <c r="O4" s="463"/>
      <c r="P4" s="464" t="s">
        <v>62</v>
      </c>
      <c r="Q4" s="462"/>
      <c r="R4" s="462"/>
      <c r="S4" s="462"/>
      <c r="T4" s="462"/>
      <c r="U4" s="462"/>
      <c r="V4" s="463"/>
      <c r="W4" s="459" t="s">
        <v>52</v>
      </c>
      <c r="X4" s="461" t="s">
        <v>61</v>
      </c>
      <c r="Y4" s="462"/>
      <c r="Z4" s="465"/>
      <c r="AA4" s="464" t="s">
        <v>62</v>
      </c>
      <c r="AB4" s="462"/>
      <c r="AC4" s="462"/>
      <c r="AD4" s="462"/>
      <c r="AE4" s="462"/>
      <c r="AF4" s="462"/>
      <c r="AG4" s="463"/>
      <c r="AH4" s="459" t="s">
        <v>52</v>
      </c>
      <c r="AI4" s="461" t="s">
        <v>61</v>
      </c>
      <c r="AJ4" s="462"/>
      <c r="AK4" s="463"/>
      <c r="AL4" s="464" t="s">
        <v>62</v>
      </c>
      <c r="AM4" s="462"/>
      <c r="AN4" s="462"/>
      <c r="AO4" s="462"/>
      <c r="AP4" s="462"/>
      <c r="AQ4" s="462"/>
      <c r="AR4" s="463"/>
      <c r="AS4" s="459" t="s">
        <v>52</v>
      </c>
      <c r="AT4" s="461" t="s">
        <v>61</v>
      </c>
      <c r="AU4" s="462"/>
      <c r="AV4" s="465"/>
      <c r="AW4" s="464" t="s">
        <v>62</v>
      </c>
      <c r="AX4" s="462"/>
      <c r="AY4" s="462"/>
      <c r="AZ4" s="462"/>
      <c r="BA4" s="462"/>
      <c r="BB4" s="462"/>
      <c r="BC4" s="465"/>
      <c r="BD4" s="459" t="s">
        <v>52</v>
      </c>
      <c r="BE4" s="461" t="s">
        <v>61</v>
      </c>
      <c r="BF4" s="462"/>
      <c r="BG4" s="463"/>
      <c r="BH4" s="464" t="s">
        <v>62</v>
      </c>
      <c r="BI4" s="462"/>
      <c r="BJ4" s="462"/>
      <c r="BK4" s="462"/>
      <c r="BL4" s="462"/>
      <c r="BM4" s="462"/>
      <c r="BN4" s="463"/>
      <c r="BO4" s="459" t="s">
        <v>52</v>
      </c>
      <c r="BP4" s="461" t="s">
        <v>61</v>
      </c>
      <c r="BQ4" s="462"/>
      <c r="BR4" s="463"/>
      <c r="BS4" s="464" t="s">
        <v>62</v>
      </c>
      <c r="BT4" s="462"/>
      <c r="BU4" s="462"/>
      <c r="BV4" s="462"/>
      <c r="BW4" s="462"/>
      <c r="BX4" s="462"/>
      <c r="BY4" s="463"/>
      <c r="BZ4" s="459" t="s">
        <v>52</v>
      </c>
      <c r="CA4" s="461" t="s">
        <v>61</v>
      </c>
      <c r="CB4" s="462"/>
      <c r="CC4" s="463"/>
      <c r="CD4" s="464" t="s">
        <v>62</v>
      </c>
      <c r="CE4" s="462"/>
      <c r="CF4" s="462"/>
      <c r="CG4" s="462"/>
      <c r="CH4" s="462"/>
      <c r="CI4" s="462"/>
      <c r="CJ4" s="463"/>
      <c r="CK4" s="459" t="s">
        <v>52</v>
      </c>
      <c r="CL4" s="461" t="s">
        <v>61</v>
      </c>
      <c r="CM4" s="462"/>
      <c r="CN4" s="463"/>
      <c r="CO4" s="464" t="s">
        <v>62</v>
      </c>
      <c r="CP4" s="462"/>
      <c r="CQ4" s="462"/>
      <c r="CR4" s="462"/>
      <c r="CS4" s="462"/>
      <c r="CT4" s="462"/>
      <c r="CU4" s="463"/>
      <c r="CV4" s="459" t="s">
        <v>52</v>
      </c>
      <c r="CW4" s="461" t="s">
        <v>61</v>
      </c>
      <c r="CX4" s="462"/>
      <c r="CY4" s="463"/>
      <c r="CZ4" s="464" t="s">
        <v>62</v>
      </c>
      <c r="DA4" s="462"/>
      <c r="DB4" s="462"/>
      <c r="DC4" s="462"/>
      <c r="DD4" s="462"/>
      <c r="DE4" s="462"/>
      <c r="DF4" s="463"/>
      <c r="DG4" s="459" t="s">
        <v>52</v>
      </c>
    </row>
    <row r="5" spans="1:111" ht="28.5" customHeight="1" thickBot="1" x14ac:dyDescent="0.25">
      <c r="A5" s="480"/>
      <c r="B5" s="297" t="s">
        <v>43</v>
      </c>
      <c r="C5" s="298" t="s">
        <v>44</v>
      </c>
      <c r="D5" s="299" t="s">
        <v>45</v>
      </c>
      <c r="E5" s="300" t="s">
        <v>83</v>
      </c>
      <c r="F5" s="292" t="s">
        <v>47</v>
      </c>
      <c r="G5" s="292" t="s">
        <v>48</v>
      </c>
      <c r="H5" s="292" t="s">
        <v>49</v>
      </c>
      <c r="I5" s="292" t="s">
        <v>50</v>
      </c>
      <c r="J5" s="292" t="s">
        <v>51</v>
      </c>
      <c r="K5" s="301" t="s">
        <v>45</v>
      </c>
      <c r="L5" s="460"/>
      <c r="M5" s="297" t="s">
        <v>43</v>
      </c>
      <c r="N5" s="292" t="s">
        <v>44</v>
      </c>
      <c r="O5" s="298" t="s">
        <v>45</v>
      </c>
      <c r="P5" s="300" t="s">
        <v>83</v>
      </c>
      <c r="Q5" s="292" t="s">
        <v>47</v>
      </c>
      <c r="R5" s="292" t="s">
        <v>48</v>
      </c>
      <c r="S5" s="292" t="s">
        <v>49</v>
      </c>
      <c r="T5" s="292" t="s">
        <v>50</v>
      </c>
      <c r="U5" s="292" t="s">
        <v>51</v>
      </c>
      <c r="V5" s="298" t="s">
        <v>45</v>
      </c>
      <c r="W5" s="460"/>
      <c r="X5" s="363" t="s">
        <v>43</v>
      </c>
      <c r="Y5" s="292" t="s">
        <v>44</v>
      </c>
      <c r="Z5" s="301" t="s">
        <v>45</v>
      </c>
      <c r="AA5" s="300" t="s">
        <v>83</v>
      </c>
      <c r="AB5" s="292" t="s">
        <v>47</v>
      </c>
      <c r="AC5" s="292" t="s">
        <v>48</v>
      </c>
      <c r="AD5" s="292" t="s">
        <v>49</v>
      </c>
      <c r="AE5" s="292" t="s">
        <v>50</v>
      </c>
      <c r="AF5" s="292" t="s">
        <v>51</v>
      </c>
      <c r="AG5" s="298" t="s">
        <v>45</v>
      </c>
      <c r="AH5" s="460"/>
      <c r="AI5" s="363" t="s">
        <v>43</v>
      </c>
      <c r="AJ5" s="292" t="s">
        <v>44</v>
      </c>
      <c r="AK5" s="298" t="s">
        <v>45</v>
      </c>
      <c r="AL5" s="300" t="s">
        <v>83</v>
      </c>
      <c r="AM5" s="292" t="s">
        <v>47</v>
      </c>
      <c r="AN5" s="292" t="s">
        <v>48</v>
      </c>
      <c r="AO5" s="292" t="s">
        <v>49</v>
      </c>
      <c r="AP5" s="292" t="s">
        <v>50</v>
      </c>
      <c r="AQ5" s="292" t="s">
        <v>51</v>
      </c>
      <c r="AR5" s="298" t="s">
        <v>45</v>
      </c>
      <c r="AS5" s="460"/>
      <c r="AT5" s="363" t="s">
        <v>43</v>
      </c>
      <c r="AU5" s="292" t="s">
        <v>44</v>
      </c>
      <c r="AV5" s="301" t="s">
        <v>45</v>
      </c>
      <c r="AW5" s="300" t="s">
        <v>83</v>
      </c>
      <c r="AX5" s="292" t="s">
        <v>47</v>
      </c>
      <c r="AY5" s="292" t="s">
        <v>48</v>
      </c>
      <c r="AZ5" s="292" t="s">
        <v>49</v>
      </c>
      <c r="BA5" s="292" t="s">
        <v>50</v>
      </c>
      <c r="BB5" s="292" t="s">
        <v>51</v>
      </c>
      <c r="BC5" s="301" t="s">
        <v>45</v>
      </c>
      <c r="BD5" s="460"/>
      <c r="BE5" s="363" t="s">
        <v>43</v>
      </c>
      <c r="BF5" s="292" t="s">
        <v>44</v>
      </c>
      <c r="BG5" s="298" t="s">
        <v>45</v>
      </c>
      <c r="BH5" s="300" t="s">
        <v>83</v>
      </c>
      <c r="BI5" s="292" t="s">
        <v>47</v>
      </c>
      <c r="BJ5" s="292" t="s">
        <v>48</v>
      </c>
      <c r="BK5" s="292" t="s">
        <v>49</v>
      </c>
      <c r="BL5" s="292" t="s">
        <v>50</v>
      </c>
      <c r="BM5" s="292" t="s">
        <v>51</v>
      </c>
      <c r="BN5" s="298" t="s">
        <v>45</v>
      </c>
      <c r="BO5" s="460"/>
      <c r="BP5" s="363" t="s">
        <v>43</v>
      </c>
      <c r="BQ5" s="292" t="s">
        <v>44</v>
      </c>
      <c r="BR5" s="298" t="s">
        <v>45</v>
      </c>
      <c r="BS5" s="300" t="s">
        <v>83</v>
      </c>
      <c r="BT5" s="292" t="s">
        <v>47</v>
      </c>
      <c r="BU5" s="292" t="s">
        <v>48</v>
      </c>
      <c r="BV5" s="292" t="s">
        <v>49</v>
      </c>
      <c r="BW5" s="292" t="s">
        <v>50</v>
      </c>
      <c r="BX5" s="292" t="s">
        <v>51</v>
      </c>
      <c r="BY5" s="298" t="s">
        <v>45</v>
      </c>
      <c r="BZ5" s="460"/>
      <c r="CA5" s="363" t="s">
        <v>43</v>
      </c>
      <c r="CB5" s="292" t="s">
        <v>44</v>
      </c>
      <c r="CC5" s="298" t="s">
        <v>45</v>
      </c>
      <c r="CD5" s="300" t="s">
        <v>83</v>
      </c>
      <c r="CE5" s="292" t="s">
        <v>47</v>
      </c>
      <c r="CF5" s="292" t="s">
        <v>48</v>
      </c>
      <c r="CG5" s="292" t="s">
        <v>49</v>
      </c>
      <c r="CH5" s="292" t="s">
        <v>50</v>
      </c>
      <c r="CI5" s="292" t="s">
        <v>51</v>
      </c>
      <c r="CJ5" s="298" t="s">
        <v>45</v>
      </c>
      <c r="CK5" s="460"/>
      <c r="CL5" s="363" t="s">
        <v>43</v>
      </c>
      <c r="CM5" s="292" t="s">
        <v>44</v>
      </c>
      <c r="CN5" s="298" t="s">
        <v>45</v>
      </c>
      <c r="CO5" s="300" t="s">
        <v>83</v>
      </c>
      <c r="CP5" s="292" t="s">
        <v>47</v>
      </c>
      <c r="CQ5" s="292" t="s">
        <v>48</v>
      </c>
      <c r="CR5" s="292" t="s">
        <v>49</v>
      </c>
      <c r="CS5" s="292" t="s">
        <v>50</v>
      </c>
      <c r="CT5" s="292" t="s">
        <v>51</v>
      </c>
      <c r="CU5" s="298" t="s">
        <v>45</v>
      </c>
      <c r="CV5" s="460"/>
      <c r="CW5" s="414" t="s">
        <v>43</v>
      </c>
      <c r="CX5" s="292" t="s">
        <v>44</v>
      </c>
      <c r="CY5" s="298" t="s">
        <v>45</v>
      </c>
      <c r="CZ5" s="300" t="s">
        <v>83</v>
      </c>
      <c r="DA5" s="292" t="s">
        <v>47</v>
      </c>
      <c r="DB5" s="292" t="s">
        <v>48</v>
      </c>
      <c r="DC5" s="292" t="s">
        <v>49</v>
      </c>
      <c r="DD5" s="292" t="s">
        <v>50</v>
      </c>
      <c r="DE5" s="292" t="s">
        <v>51</v>
      </c>
      <c r="DF5" s="298" t="s">
        <v>45</v>
      </c>
      <c r="DG5" s="460"/>
    </row>
    <row r="6" spans="1:111" ht="18.75" customHeight="1" x14ac:dyDescent="0.2">
      <c r="A6" s="293" t="s">
        <v>4</v>
      </c>
      <c r="B6" s="302">
        <v>0</v>
      </c>
      <c r="C6" s="303">
        <v>0</v>
      </c>
      <c r="D6" s="304">
        <v>0</v>
      </c>
      <c r="E6" s="305">
        <v>0</v>
      </c>
      <c r="F6" s="306">
        <v>14884</v>
      </c>
      <c r="G6" s="306">
        <v>22763</v>
      </c>
      <c r="H6" s="306">
        <v>22029</v>
      </c>
      <c r="I6" s="306">
        <v>22756</v>
      </c>
      <c r="J6" s="306">
        <v>19802</v>
      </c>
      <c r="K6" s="307">
        <v>102234</v>
      </c>
      <c r="L6" s="308">
        <v>102234</v>
      </c>
      <c r="M6" s="302">
        <v>0</v>
      </c>
      <c r="N6" s="306">
        <v>5</v>
      </c>
      <c r="O6" s="303">
        <v>5</v>
      </c>
      <c r="P6" s="305">
        <v>0</v>
      </c>
      <c r="Q6" s="306">
        <v>22</v>
      </c>
      <c r="R6" s="306">
        <v>126</v>
      </c>
      <c r="S6" s="306">
        <v>273</v>
      </c>
      <c r="T6" s="306">
        <v>631</v>
      </c>
      <c r="U6" s="306">
        <v>1058</v>
      </c>
      <c r="V6" s="303">
        <v>2110</v>
      </c>
      <c r="W6" s="308">
        <v>2115</v>
      </c>
      <c r="X6" s="302">
        <v>1104</v>
      </c>
      <c r="Y6" s="306">
        <v>2951</v>
      </c>
      <c r="Z6" s="303">
        <v>4055</v>
      </c>
      <c r="AA6" s="305">
        <v>0</v>
      </c>
      <c r="AB6" s="306">
        <v>8007</v>
      </c>
      <c r="AC6" s="306">
        <v>12336</v>
      </c>
      <c r="AD6" s="306">
        <v>7431</v>
      </c>
      <c r="AE6" s="306">
        <v>6393</v>
      </c>
      <c r="AF6" s="306">
        <v>4549</v>
      </c>
      <c r="AG6" s="303">
        <v>38716</v>
      </c>
      <c r="AH6" s="308">
        <v>42771</v>
      </c>
      <c r="AI6" s="302">
        <v>194</v>
      </c>
      <c r="AJ6" s="306">
        <v>561</v>
      </c>
      <c r="AK6" s="303">
        <v>755</v>
      </c>
      <c r="AL6" s="305">
        <v>0</v>
      </c>
      <c r="AM6" s="306">
        <v>1031</v>
      </c>
      <c r="AN6" s="306">
        <v>1786</v>
      </c>
      <c r="AO6" s="306">
        <v>1000</v>
      </c>
      <c r="AP6" s="306">
        <v>947</v>
      </c>
      <c r="AQ6" s="306">
        <v>549</v>
      </c>
      <c r="AR6" s="303">
        <v>5313</v>
      </c>
      <c r="AS6" s="308">
        <v>6068</v>
      </c>
      <c r="AT6" s="302">
        <v>0</v>
      </c>
      <c r="AU6" s="306">
        <v>0</v>
      </c>
      <c r="AV6" s="303">
        <v>0</v>
      </c>
      <c r="AW6" s="305">
        <v>0</v>
      </c>
      <c r="AX6" s="306">
        <v>13920</v>
      </c>
      <c r="AY6" s="306">
        <v>13281</v>
      </c>
      <c r="AZ6" s="306">
        <v>7799</v>
      </c>
      <c r="BA6" s="306">
        <v>3984</v>
      </c>
      <c r="BB6" s="306">
        <v>1463</v>
      </c>
      <c r="BC6" s="307">
        <v>40447</v>
      </c>
      <c r="BD6" s="308">
        <v>40447</v>
      </c>
      <c r="BE6" s="302">
        <v>0</v>
      </c>
      <c r="BF6" s="306">
        <v>0</v>
      </c>
      <c r="BG6" s="303">
        <v>0</v>
      </c>
      <c r="BH6" s="305">
        <v>0</v>
      </c>
      <c r="BI6" s="306">
        <v>2711</v>
      </c>
      <c r="BJ6" s="306">
        <v>4213</v>
      </c>
      <c r="BK6" s="306">
        <v>2496</v>
      </c>
      <c r="BL6" s="306">
        <v>1445</v>
      </c>
      <c r="BM6" s="306">
        <v>406</v>
      </c>
      <c r="BN6" s="303">
        <v>11271</v>
      </c>
      <c r="BO6" s="308">
        <v>11271</v>
      </c>
      <c r="BP6" s="302">
        <v>13</v>
      </c>
      <c r="BQ6" s="306">
        <v>103</v>
      </c>
      <c r="BR6" s="303">
        <v>116</v>
      </c>
      <c r="BS6" s="305">
        <v>0</v>
      </c>
      <c r="BT6" s="306">
        <v>1105</v>
      </c>
      <c r="BU6" s="306">
        <v>1926</v>
      </c>
      <c r="BV6" s="306">
        <v>3722</v>
      </c>
      <c r="BW6" s="306">
        <v>3047</v>
      </c>
      <c r="BX6" s="306">
        <v>997</v>
      </c>
      <c r="BY6" s="303">
        <v>10797</v>
      </c>
      <c r="BZ6" s="308">
        <v>10913</v>
      </c>
      <c r="CA6" s="302">
        <v>0</v>
      </c>
      <c r="CB6" s="306">
        <v>3</v>
      </c>
      <c r="CC6" s="303">
        <v>3</v>
      </c>
      <c r="CD6" s="305">
        <v>0</v>
      </c>
      <c r="CE6" s="306">
        <v>165</v>
      </c>
      <c r="CF6" s="306">
        <v>256</v>
      </c>
      <c r="CG6" s="306">
        <v>500</v>
      </c>
      <c r="CH6" s="306">
        <v>240</v>
      </c>
      <c r="CI6" s="306">
        <v>97</v>
      </c>
      <c r="CJ6" s="303">
        <v>1258</v>
      </c>
      <c r="CK6" s="308">
        <v>1261</v>
      </c>
      <c r="CL6" s="302">
        <v>0</v>
      </c>
      <c r="CM6" s="306">
        <v>0</v>
      </c>
      <c r="CN6" s="303">
        <v>0</v>
      </c>
      <c r="CO6" s="305">
        <v>0</v>
      </c>
      <c r="CP6" s="306">
        <v>0</v>
      </c>
      <c r="CQ6" s="306">
        <v>0</v>
      </c>
      <c r="CR6" s="306">
        <v>0</v>
      </c>
      <c r="CS6" s="306">
        <v>0</v>
      </c>
      <c r="CT6" s="306">
        <v>0</v>
      </c>
      <c r="CU6" s="303">
        <v>0</v>
      </c>
      <c r="CV6" s="308">
        <v>0</v>
      </c>
      <c r="CW6" s="302">
        <v>0</v>
      </c>
      <c r="CX6" s="306">
        <v>0</v>
      </c>
      <c r="CY6" s="303">
        <v>0</v>
      </c>
      <c r="CZ6" s="305">
        <v>0</v>
      </c>
      <c r="DA6" s="306">
        <v>0</v>
      </c>
      <c r="DB6" s="306">
        <v>0</v>
      </c>
      <c r="DC6" s="306">
        <v>0</v>
      </c>
      <c r="DD6" s="306">
        <v>0</v>
      </c>
      <c r="DE6" s="306">
        <v>0</v>
      </c>
      <c r="DF6" s="303">
        <v>0</v>
      </c>
      <c r="DG6" s="308">
        <v>0</v>
      </c>
    </row>
    <row r="7" spans="1:111" ht="18.75" customHeight="1" x14ac:dyDescent="0.2">
      <c r="A7" s="294" t="s">
        <v>5</v>
      </c>
      <c r="B7" s="309">
        <v>0</v>
      </c>
      <c r="C7" s="310">
        <v>0</v>
      </c>
      <c r="D7" s="311">
        <v>0</v>
      </c>
      <c r="E7" s="312">
        <v>0</v>
      </c>
      <c r="F7" s="313">
        <v>5426</v>
      </c>
      <c r="G7" s="313">
        <v>10297</v>
      </c>
      <c r="H7" s="313">
        <v>8991</v>
      </c>
      <c r="I7" s="313">
        <v>7961</v>
      </c>
      <c r="J7" s="313">
        <v>9009</v>
      </c>
      <c r="K7" s="314">
        <v>41684</v>
      </c>
      <c r="L7" s="315">
        <v>41684</v>
      </c>
      <c r="M7" s="309">
        <v>0</v>
      </c>
      <c r="N7" s="313">
        <v>5</v>
      </c>
      <c r="O7" s="310">
        <v>5</v>
      </c>
      <c r="P7" s="312">
        <v>0</v>
      </c>
      <c r="Q7" s="313">
        <v>13</v>
      </c>
      <c r="R7" s="313">
        <v>83</v>
      </c>
      <c r="S7" s="313">
        <v>95</v>
      </c>
      <c r="T7" s="313">
        <v>274</v>
      </c>
      <c r="U7" s="313">
        <v>506</v>
      </c>
      <c r="V7" s="310">
        <v>971</v>
      </c>
      <c r="W7" s="315">
        <v>976</v>
      </c>
      <c r="X7" s="309">
        <v>582</v>
      </c>
      <c r="Y7" s="313">
        <v>1646</v>
      </c>
      <c r="Z7" s="310">
        <v>2228</v>
      </c>
      <c r="AA7" s="312">
        <v>0</v>
      </c>
      <c r="AB7" s="313">
        <v>3216</v>
      </c>
      <c r="AC7" s="313">
        <v>6838</v>
      </c>
      <c r="AD7" s="313">
        <v>4042</v>
      </c>
      <c r="AE7" s="313">
        <v>2921</v>
      </c>
      <c r="AF7" s="313">
        <v>2146</v>
      </c>
      <c r="AG7" s="310">
        <v>19163</v>
      </c>
      <c r="AH7" s="315">
        <v>21391</v>
      </c>
      <c r="AI7" s="309">
        <v>91</v>
      </c>
      <c r="AJ7" s="313">
        <v>288</v>
      </c>
      <c r="AK7" s="310">
        <v>379</v>
      </c>
      <c r="AL7" s="312">
        <v>0</v>
      </c>
      <c r="AM7" s="313">
        <v>244</v>
      </c>
      <c r="AN7" s="313">
        <v>734</v>
      </c>
      <c r="AO7" s="313">
        <v>487</v>
      </c>
      <c r="AP7" s="313">
        <v>347</v>
      </c>
      <c r="AQ7" s="313">
        <v>222</v>
      </c>
      <c r="AR7" s="310">
        <v>2034</v>
      </c>
      <c r="AS7" s="315">
        <v>2413</v>
      </c>
      <c r="AT7" s="309">
        <v>0</v>
      </c>
      <c r="AU7" s="313">
        <v>0</v>
      </c>
      <c r="AV7" s="310">
        <v>0</v>
      </c>
      <c r="AW7" s="312">
        <v>0</v>
      </c>
      <c r="AX7" s="313">
        <v>4521</v>
      </c>
      <c r="AY7" s="313">
        <v>5517</v>
      </c>
      <c r="AZ7" s="313">
        <v>3209</v>
      </c>
      <c r="BA7" s="313">
        <v>1375</v>
      </c>
      <c r="BB7" s="313">
        <v>541</v>
      </c>
      <c r="BC7" s="314">
        <v>15163</v>
      </c>
      <c r="BD7" s="315">
        <v>15163</v>
      </c>
      <c r="BE7" s="309">
        <v>0</v>
      </c>
      <c r="BF7" s="313">
        <v>0</v>
      </c>
      <c r="BG7" s="310">
        <v>0</v>
      </c>
      <c r="BH7" s="312">
        <v>0</v>
      </c>
      <c r="BI7" s="313">
        <v>952</v>
      </c>
      <c r="BJ7" s="313">
        <v>2022</v>
      </c>
      <c r="BK7" s="313">
        <v>1216</v>
      </c>
      <c r="BL7" s="313">
        <v>603</v>
      </c>
      <c r="BM7" s="313">
        <v>165</v>
      </c>
      <c r="BN7" s="310">
        <v>4958</v>
      </c>
      <c r="BO7" s="315">
        <v>4958</v>
      </c>
      <c r="BP7" s="309">
        <v>7</v>
      </c>
      <c r="BQ7" s="313">
        <v>47</v>
      </c>
      <c r="BR7" s="310">
        <v>54</v>
      </c>
      <c r="BS7" s="312">
        <v>0</v>
      </c>
      <c r="BT7" s="313">
        <v>405</v>
      </c>
      <c r="BU7" s="313">
        <v>824</v>
      </c>
      <c r="BV7" s="313">
        <v>1628</v>
      </c>
      <c r="BW7" s="313">
        <v>1270</v>
      </c>
      <c r="BX7" s="313">
        <v>463</v>
      </c>
      <c r="BY7" s="310">
        <v>4590</v>
      </c>
      <c r="BZ7" s="315">
        <v>4644</v>
      </c>
      <c r="CA7" s="309">
        <v>0</v>
      </c>
      <c r="CB7" s="313">
        <v>3</v>
      </c>
      <c r="CC7" s="310">
        <v>3</v>
      </c>
      <c r="CD7" s="312">
        <v>0</v>
      </c>
      <c r="CE7" s="313">
        <v>78</v>
      </c>
      <c r="CF7" s="313">
        <v>135</v>
      </c>
      <c r="CG7" s="313">
        <v>318</v>
      </c>
      <c r="CH7" s="313">
        <v>125</v>
      </c>
      <c r="CI7" s="313">
        <v>78</v>
      </c>
      <c r="CJ7" s="310">
        <v>734</v>
      </c>
      <c r="CK7" s="315">
        <v>737</v>
      </c>
      <c r="CL7" s="309">
        <v>0</v>
      </c>
      <c r="CM7" s="313">
        <v>0</v>
      </c>
      <c r="CN7" s="310">
        <v>0</v>
      </c>
      <c r="CO7" s="312">
        <v>0</v>
      </c>
      <c r="CP7" s="313">
        <v>0</v>
      </c>
      <c r="CQ7" s="313">
        <v>0</v>
      </c>
      <c r="CR7" s="313">
        <v>0</v>
      </c>
      <c r="CS7" s="313">
        <v>0</v>
      </c>
      <c r="CT7" s="313">
        <v>0</v>
      </c>
      <c r="CU7" s="310">
        <v>0</v>
      </c>
      <c r="CV7" s="315">
        <v>0</v>
      </c>
      <c r="CW7" s="309">
        <v>0</v>
      </c>
      <c r="CX7" s="313">
        <v>0</v>
      </c>
      <c r="CY7" s="310">
        <v>0</v>
      </c>
      <c r="CZ7" s="312">
        <v>0</v>
      </c>
      <c r="DA7" s="313">
        <v>0</v>
      </c>
      <c r="DB7" s="313">
        <v>0</v>
      </c>
      <c r="DC7" s="313">
        <v>0</v>
      </c>
      <c r="DD7" s="313">
        <v>0</v>
      </c>
      <c r="DE7" s="313">
        <v>0</v>
      </c>
      <c r="DF7" s="310">
        <v>0</v>
      </c>
      <c r="DG7" s="315">
        <v>0</v>
      </c>
    </row>
    <row r="8" spans="1:111" ht="18.75" customHeight="1" x14ac:dyDescent="0.2">
      <c r="A8" s="294" t="s">
        <v>6</v>
      </c>
      <c r="B8" s="309">
        <v>0</v>
      </c>
      <c r="C8" s="310">
        <v>0</v>
      </c>
      <c r="D8" s="311">
        <v>0</v>
      </c>
      <c r="E8" s="312">
        <v>0</v>
      </c>
      <c r="F8" s="313">
        <v>1973</v>
      </c>
      <c r="G8" s="313">
        <v>2399</v>
      </c>
      <c r="H8" s="313">
        <v>2655</v>
      </c>
      <c r="I8" s="313">
        <v>3189</v>
      </c>
      <c r="J8" s="313">
        <v>2820</v>
      </c>
      <c r="K8" s="314">
        <v>13036</v>
      </c>
      <c r="L8" s="315">
        <v>13036</v>
      </c>
      <c r="M8" s="309">
        <v>0</v>
      </c>
      <c r="N8" s="313">
        <v>0</v>
      </c>
      <c r="O8" s="310">
        <v>0</v>
      </c>
      <c r="P8" s="312">
        <v>0</v>
      </c>
      <c r="Q8" s="313">
        <v>4</v>
      </c>
      <c r="R8" s="313">
        <v>18</v>
      </c>
      <c r="S8" s="313">
        <v>43</v>
      </c>
      <c r="T8" s="313">
        <v>52</v>
      </c>
      <c r="U8" s="313">
        <v>149</v>
      </c>
      <c r="V8" s="310">
        <v>266</v>
      </c>
      <c r="W8" s="315">
        <v>266</v>
      </c>
      <c r="X8" s="309">
        <v>141</v>
      </c>
      <c r="Y8" s="313">
        <v>443</v>
      </c>
      <c r="Z8" s="310">
        <v>584</v>
      </c>
      <c r="AA8" s="312">
        <v>0</v>
      </c>
      <c r="AB8" s="313">
        <v>1314</v>
      </c>
      <c r="AC8" s="313">
        <v>1498</v>
      </c>
      <c r="AD8" s="313">
        <v>932</v>
      </c>
      <c r="AE8" s="313">
        <v>1098</v>
      </c>
      <c r="AF8" s="313">
        <v>656</v>
      </c>
      <c r="AG8" s="310">
        <v>5498</v>
      </c>
      <c r="AH8" s="315">
        <v>6082</v>
      </c>
      <c r="AI8" s="309">
        <v>18</v>
      </c>
      <c r="AJ8" s="313">
        <v>20</v>
      </c>
      <c r="AK8" s="310">
        <v>38</v>
      </c>
      <c r="AL8" s="312">
        <v>0</v>
      </c>
      <c r="AM8" s="313">
        <v>116</v>
      </c>
      <c r="AN8" s="313">
        <v>162</v>
      </c>
      <c r="AO8" s="313">
        <v>46</v>
      </c>
      <c r="AP8" s="313">
        <v>148</v>
      </c>
      <c r="AQ8" s="313">
        <v>83</v>
      </c>
      <c r="AR8" s="310">
        <v>555</v>
      </c>
      <c r="AS8" s="315">
        <v>593</v>
      </c>
      <c r="AT8" s="309">
        <v>0</v>
      </c>
      <c r="AU8" s="313">
        <v>0</v>
      </c>
      <c r="AV8" s="310">
        <v>0</v>
      </c>
      <c r="AW8" s="312">
        <v>0</v>
      </c>
      <c r="AX8" s="313">
        <v>2064</v>
      </c>
      <c r="AY8" s="313">
        <v>1505</v>
      </c>
      <c r="AZ8" s="313">
        <v>877</v>
      </c>
      <c r="BA8" s="313">
        <v>509</v>
      </c>
      <c r="BB8" s="313">
        <v>182</v>
      </c>
      <c r="BC8" s="314">
        <v>5137</v>
      </c>
      <c r="BD8" s="315">
        <v>5137</v>
      </c>
      <c r="BE8" s="309">
        <v>0</v>
      </c>
      <c r="BF8" s="313">
        <v>0</v>
      </c>
      <c r="BG8" s="310">
        <v>0</v>
      </c>
      <c r="BH8" s="312">
        <v>0</v>
      </c>
      <c r="BI8" s="313">
        <v>330</v>
      </c>
      <c r="BJ8" s="313">
        <v>518</v>
      </c>
      <c r="BK8" s="313">
        <v>243</v>
      </c>
      <c r="BL8" s="313">
        <v>169</v>
      </c>
      <c r="BM8" s="313">
        <v>72</v>
      </c>
      <c r="BN8" s="310">
        <v>1332</v>
      </c>
      <c r="BO8" s="315">
        <v>1332</v>
      </c>
      <c r="BP8" s="309">
        <v>0</v>
      </c>
      <c r="BQ8" s="313">
        <v>4</v>
      </c>
      <c r="BR8" s="310">
        <v>4</v>
      </c>
      <c r="BS8" s="312">
        <v>0</v>
      </c>
      <c r="BT8" s="313">
        <v>132</v>
      </c>
      <c r="BU8" s="313">
        <v>287</v>
      </c>
      <c r="BV8" s="313">
        <v>367</v>
      </c>
      <c r="BW8" s="313">
        <v>207</v>
      </c>
      <c r="BX8" s="313">
        <v>123</v>
      </c>
      <c r="BY8" s="310">
        <v>1116</v>
      </c>
      <c r="BZ8" s="315">
        <v>1120</v>
      </c>
      <c r="CA8" s="309">
        <v>0</v>
      </c>
      <c r="CB8" s="313">
        <v>0</v>
      </c>
      <c r="CC8" s="310">
        <v>0</v>
      </c>
      <c r="CD8" s="312">
        <v>0</v>
      </c>
      <c r="CE8" s="313">
        <v>27</v>
      </c>
      <c r="CF8" s="313">
        <v>31</v>
      </c>
      <c r="CG8" s="313">
        <v>76</v>
      </c>
      <c r="CH8" s="313">
        <v>27</v>
      </c>
      <c r="CI8" s="313">
        <v>12</v>
      </c>
      <c r="CJ8" s="310">
        <v>173</v>
      </c>
      <c r="CK8" s="315">
        <v>173</v>
      </c>
      <c r="CL8" s="309">
        <v>0</v>
      </c>
      <c r="CM8" s="313">
        <v>0</v>
      </c>
      <c r="CN8" s="310">
        <v>0</v>
      </c>
      <c r="CO8" s="312">
        <v>0</v>
      </c>
      <c r="CP8" s="313">
        <v>0</v>
      </c>
      <c r="CQ8" s="313">
        <v>0</v>
      </c>
      <c r="CR8" s="313">
        <v>0</v>
      </c>
      <c r="CS8" s="313">
        <v>0</v>
      </c>
      <c r="CT8" s="313">
        <v>0</v>
      </c>
      <c r="CU8" s="310">
        <v>0</v>
      </c>
      <c r="CV8" s="315">
        <v>0</v>
      </c>
      <c r="CW8" s="309">
        <v>0</v>
      </c>
      <c r="CX8" s="313">
        <v>0</v>
      </c>
      <c r="CY8" s="310">
        <v>0</v>
      </c>
      <c r="CZ8" s="312">
        <v>0</v>
      </c>
      <c r="DA8" s="313">
        <v>0</v>
      </c>
      <c r="DB8" s="313">
        <v>0</v>
      </c>
      <c r="DC8" s="313">
        <v>0</v>
      </c>
      <c r="DD8" s="313">
        <v>0</v>
      </c>
      <c r="DE8" s="313">
        <v>0</v>
      </c>
      <c r="DF8" s="310">
        <v>0</v>
      </c>
      <c r="DG8" s="315">
        <v>0</v>
      </c>
    </row>
    <row r="9" spans="1:111" ht="18.75" customHeight="1" x14ac:dyDescent="0.2">
      <c r="A9" s="294" t="s">
        <v>14</v>
      </c>
      <c r="B9" s="309">
        <v>0</v>
      </c>
      <c r="C9" s="310">
        <v>0</v>
      </c>
      <c r="D9" s="311">
        <v>0</v>
      </c>
      <c r="E9" s="312">
        <v>0</v>
      </c>
      <c r="F9" s="313">
        <v>1126</v>
      </c>
      <c r="G9" s="313">
        <v>1280</v>
      </c>
      <c r="H9" s="313">
        <v>1485</v>
      </c>
      <c r="I9" s="313">
        <v>702</v>
      </c>
      <c r="J9" s="313">
        <v>969</v>
      </c>
      <c r="K9" s="314">
        <v>5562</v>
      </c>
      <c r="L9" s="315">
        <v>5562</v>
      </c>
      <c r="M9" s="309">
        <v>0</v>
      </c>
      <c r="N9" s="313">
        <v>0</v>
      </c>
      <c r="O9" s="310">
        <v>0</v>
      </c>
      <c r="P9" s="312">
        <v>0</v>
      </c>
      <c r="Q9" s="313">
        <v>0</v>
      </c>
      <c r="R9" s="313">
        <v>0</v>
      </c>
      <c r="S9" s="313">
        <v>7</v>
      </c>
      <c r="T9" s="313">
        <v>18</v>
      </c>
      <c r="U9" s="313">
        <v>35</v>
      </c>
      <c r="V9" s="310">
        <v>60</v>
      </c>
      <c r="W9" s="315">
        <v>60</v>
      </c>
      <c r="X9" s="309">
        <v>30</v>
      </c>
      <c r="Y9" s="313">
        <v>194</v>
      </c>
      <c r="Z9" s="310">
        <v>224</v>
      </c>
      <c r="AA9" s="312">
        <v>0</v>
      </c>
      <c r="AB9" s="313">
        <v>436</v>
      </c>
      <c r="AC9" s="313">
        <v>843</v>
      </c>
      <c r="AD9" s="313">
        <v>652</v>
      </c>
      <c r="AE9" s="313">
        <v>421</v>
      </c>
      <c r="AF9" s="313">
        <v>258</v>
      </c>
      <c r="AG9" s="310">
        <v>2610</v>
      </c>
      <c r="AH9" s="315">
        <v>2834</v>
      </c>
      <c r="AI9" s="309">
        <v>8</v>
      </c>
      <c r="AJ9" s="313">
        <v>20</v>
      </c>
      <c r="AK9" s="310">
        <v>28</v>
      </c>
      <c r="AL9" s="312">
        <v>0</v>
      </c>
      <c r="AM9" s="313">
        <v>12</v>
      </c>
      <c r="AN9" s="313">
        <v>0</v>
      </c>
      <c r="AO9" s="313">
        <v>6</v>
      </c>
      <c r="AP9" s="313">
        <v>38</v>
      </c>
      <c r="AQ9" s="313">
        <v>22</v>
      </c>
      <c r="AR9" s="310">
        <v>78</v>
      </c>
      <c r="AS9" s="315">
        <v>106</v>
      </c>
      <c r="AT9" s="309">
        <v>0</v>
      </c>
      <c r="AU9" s="313">
        <v>0</v>
      </c>
      <c r="AV9" s="310">
        <v>0</v>
      </c>
      <c r="AW9" s="312">
        <v>0</v>
      </c>
      <c r="AX9" s="313">
        <v>1026</v>
      </c>
      <c r="AY9" s="313">
        <v>953</v>
      </c>
      <c r="AZ9" s="313">
        <v>654</v>
      </c>
      <c r="BA9" s="313">
        <v>574</v>
      </c>
      <c r="BB9" s="313">
        <v>116</v>
      </c>
      <c r="BC9" s="314">
        <v>3323</v>
      </c>
      <c r="BD9" s="315">
        <v>3323</v>
      </c>
      <c r="BE9" s="309">
        <v>0</v>
      </c>
      <c r="BF9" s="313">
        <v>0</v>
      </c>
      <c r="BG9" s="310">
        <v>0</v>
      </c>
      <c r="BH9" s="312">
        <v>0</v>
      </c>
      <c r="BI9" s="313">
        <v>47</v>
      </c>
      <c r="BJ9" s="313">
        <v>209</v>
      </c>
      <c r="BK9" s="313">
        <v>154</v>
      </c>
      <c r="BL9" s="313">
        <v>68</v>
      </c>
      <c r="BM9" s="313">
        <v>9</v>
      </c>
      <c r="BN9" s="310">
        <v>487</v>
      </c>
      <c r="BO9" s="315">
        <v>487</v>
      </c>
      <c r="BP9" s="309">
        <v>0</v>
      </c>
      <c r="BQ9" s="313">
        <v>22</v>
      </c>
      <c r="BR9" s="310">
        <v>22</v>
      </c>
      <c r="BS9" s="312">
        <v>0</v>
      </c>
      <c r="BT9" s="313">
        <v>78</v>
      </c>
      <c r="BU9" s="313">
        <v>59</v>
      </c>
      <c r="BV9" s="313">
        <v>233</v>
      </c>
      <c r="BW9" s="313">
        <v>262</v>
      </c>
      <c r="BX9" s="313">
        <v>70</v>
      </c>
      <c r="BY9" s="310">
        <v>702</v>
      </c>
      <c r="BZ9" s="315">
        <v>724</v>
      </c>
      <c r="CA9" s="309">
        <v>0</v>
      </c>
      <c r="CB9" s="313">
        <v>0</v>
      </c>
      <c r="CC9" s="310">
        <v>0</v>
      </c>
      <c r="CD9" s="312">
        <v>0</v>
      </c>
      <c r="CE9" s="313">
        <v>0</v>
      </c>
      <c r="CF9" s="313">
        <v>0</v>
      </c>
      <c r="CG9" s="313">
        <v>12</v>
      </c>
      <c r="CH9" s="313">
        <v>3</v>
      </c>
      <c r="CI9" s="313">
        <v>0</v>
      </c>
      <c r="CJ9" s="310">
        <v>15</v>
      </c>
      <c r="CK9" s="315">
        <v>15</v>
      </c>
      <c r="CL9" s="309">
        <v>0</v>
      </c>
      <c r="CM9" s="313">
        <v>0</v>
      </c>
      <c r="CN9" s="310">
        <v>0</v>
      </c>
      <c r="CO9" s="312">
        <v>0</v>
      </c>
      <c r="CP9" s="313">
        <v>0</v>
      </c>
      <c r="CQ9" s="313">
        <v>0</v>
      </c>
      <c r="CR9" s="313">
        <v>0</v>
      </c>
      <c r="CS9" s="313">
        <v>0</v>
      </c>
      <c r="CT9" s="313">
        <v>0</v>
      </c>
      <c r="CU9" s="310">
        <v>0</v>
      </c>
      <c r="CV9" s="315">
        <v>0</v>
      </c>
      <c r="CW9" s="309">
        <v>0</v>
      </c>
      <c r="CX9" s="313">
        <v>0</v>
      </c>
      <c r="CY9" s="310">
        <v>0</v>
      </c>
      <c r="CZ9" s="312">
        <v>0</v>
      </c>
      <c r="DA9" s="313">
        <v>0</v>
      </c>
      <c r="DB9" s="313">
        <v>0</v>
      </c>
      <c r="DC9" s="313">
        <v>0</v>
      </c>
      <c r="DD9" s="313">
        <v>0</v>
      </c>
      <c r="DE9" s="313">
        <v>0</v>
      </c>
      <c r="DF9" s="310">
        <v>0</v>
      </c>
      <c r="DG9" s="315">
        <v>0</v>
      </c>
    </row>
    <row r="10" spans="1:111" ht="18.75" customHeight="1" x14ac:dyDescent="0.2">
      <c r="A10" s="294" t="s">
        <v>7</v>
      </c>
      <c r="B10" s="309">
        <v>0</v>
      </c>
      <c r="C10" s="310">
        <v>0</v>
      </c>
      <c r="D10" s="311">
        <v>0</v>
      </c>
      <c r="E10" s="312">
        <v>0</v>
      </c>
      <c r="F10" s="313">
        <v>1526</v>
      </c>
      <c r="G10" s="313">
        <v>2029</v>
      </c>
      <c r="H10" s="313">
        <v>1939</v>
      </c>
      <c r="I10" s="313">
        <v>1769</v>
      </c>
      <c r="J10" s="313">
        <v>794</v>
      </c>
      <c r="K10" s="314">
        <v>8057</v>
      </c>
      <c r="L10" s="315">
        <v>8057</v>
      </c>
      <c r="M10" s="309">
        <v>0</v>
      </c>
      <c r="N10" s="313">
        <v>0</v>
      </c>
      <c r="O10" s="310">
        <v>0</v>
      </c>
      <c r="P10" s="312">
        <v>0</v>
      </c>
      <c r="Q10" s="313">
        <v>4</v>
      </c>
      <c r="R10" s="313">
        <v>6</v>
      </c>
      <c r="S10" s="313">
        <v>48</v>
      </c>
      <c r="T10" s="313">
        <v>35</v>
      </c>
      <c r="U10" s="313">
        <v>71</v>
      </c>
      <c r="V10" s="310">
        <v>164</v>
      </c>
      <c r="W10" s="315">
        <v>164</v>
      </c>
      <c r="X10" s="309">
        <v>15</v>
      </c>
      <c r="Y10" s="313">
        <v>24</v>
      </c>
      <c r="Z10" s="310">
        <v>39</v>
      </c>
      <c r="AA10" s="312">
        <v>0</v>
      </c>
      <c r="AB10" s="313">
        <v>445</v>
      </c>
      <c r="AC10" s="313">
        <v>409</v>
      </c>
      <c r="AD10" s="313">
        <v>316</v>
      </c>
      <c r="AE10" s="313">
        <v>208</v>
      </c>
      <c r="AF10" s="313">
        <v>149</v>
      </c>
      <c r="AG10" s="310">
        <v>1527</v>
      </c>
      <c r="AH10" s="315">
        <v>1566</v>
      </c>
      <c r="AI10" s="309">
        <v>0</v>
      </c>
      <c r="AJ10" s="313">
        <v>12</v>
      </c>
      <c r="AK10" s="310">
        <v>12</v>
      </c>
      <c r="AL10" s="312">
        <v>0</v>
      </c>
      <c r="AM10" s="313">
        <v>55</v>
      </c>
      <c r="AN10" s="313">
        <v>80</v>
      </c>
      <c r="AO10" s="313">
        <v>46</v>
      </c>
      <c r="AP10" s="313">
        <v>36</v>
      </c>
      <c r="AQ10" s="313">
        <v>32</v>
      </c>
      <c r="AR10" s="310">
        <v>249</v>
      </c>
      <c r="AS10" s="315">
        <v>261</v>
      </c>
      <c r="AT10" s="309">
        <v>0</v>
      </c>
      <c r="AU10" s="313">
        <v>0</v>
      </c>
      <c r="AV10" s="310">
        <v>0</v>
      </c>
      <c r="AW10" s="312">
        <v>0</v>
      </c>
      <c r="AX10" s="313">
        <v>1245</v>
      </c>
      <c r="AY10" s="313">
        <v>1000</v>
      </c>
      <c r="AZ10" s="313">
        <v>479</v>
      </c>
      <c r="BA10" s="313">
        <v>246</v>
      </c>
      <c r="BB10" s="313">
        <v>93</v>
      </c>
      <c r="BC10" s="314">
        <v>3063</v>
      </c>
      <c r="BD10" s="315">
        <v>3063</v>
      </c>
      <c r="BE10" s="309">
        <v>0</v>
      </c>
      <c r="BF10" s="313">
        <v>0</v>
      </c>
      <c r="BG10" s="310">
        <v>0</v>
      </c>
      <c r="BH10" s="312">
        <v>0</v>
      </c>
      <c r="BI10" s="313">
        <v>166</v>
      </c>
      <c r="BJ10" s="313">
        <v>95</v>
      </c>
      <c r="BK10" s="313">
        <v>127</v>
      </c>
      <c r="BL10" s="313">
        <v>36</v>
      </c>
      <c r="BM10" s="313">
        <v>12</v>
      </c>
      <c r="BN10" s="310">
        <v>436</v>
      </c>
      <c r="BO10" s="315">
        <v>436</v>
      </c>
      <c r="BP10" s="309">
        <v>0</v>
      </c>
      <c r="BQ10" s="313">
        <v>0</v>
      </c>
      <c r="BR10" s="310">
        <v>0</v>
      </c>
      <c r="BS10" s="312">
        <v>0</v>
      </c>
      <c r="BT10" s="313">
        <v>121</v>
      </c>
      <c r="BU10" s="313">
        <v>165</v>
      </c>
      <c r="BV10" s="313">
        <v>231</v>
      </c>
      <c r="BW10" s="313">
        <v>137</v>
      </c>
      <c r="BX10" s="313">
        <v>41</v>
      </c>
      <c r="BY10" s="310">
        <v>695</v>
      </c>
      <c r="BZ10" s="315">
        <v>695</v>
      </c>
      <c r="CA10" s="309">
        <v>0</v>
      </c>
      <c r="CB10" s="313">
        <v>0</v>
      </c>
      <c r="CC10" s="310">
        <v>0</v>
      </c>
      <c r="CD10" s="312">
        <v>0</v>
      </c>
      <c r="CE10" s="313">
        <v>20</v>
      </c>
      <c r="CF10" s="313">
        <v>3</v>
      </c>
      <c r="CG10" s="313">
        <v>0</v>
      </c>
      <c r="CH10" s="313">
        <v>6</v>
      </c>
      <c r="CI10" s="313">
        <v>0</v>
      </c>
      <c r="CJ10" s="310">
        <v>29</v>
      </c>
      <c r="CK10" s="315">
        <v>29</v>
      </c>
      <c r="CL10" s="309">
        <v>0</v>
      </c>
      <c r="CM10" s="313">
        <v>0</v>
      </c>
      <c r="CN10" s="310">
        <v>0</v>
      </c>
      <c r="CO10" s="312">
        <v>0</v>
      </c>
      <c r="CP10" s="313">
        <v>0</v>
      </c>
      <c r="CQ10" s="313">
        <v>0</v>
      </c>
      <c r="CR10" s="313">
        <v>0</v>
      </c>
      <c r="CS10" s="313">
        <v>0</v>
      </c>
      <c r="CT10" s="313">
        <v>0</v>
      </c>
      <c r="CU10" s="310">
        <v>0</v>
      </c>
      <c r="CV10" s="315">
        <v>0</v>
      </c>
      <c r="CW10" s="309">
        <v>0</v>
      </c>
      <c r="CX10" s="313">
        <v>0</v>
      </c>
      <c r="CY10" s="310">
        <v>0</v>
      </c>
      <c r="CZ10" s="312">
        <v>0</v>
      </c>
      <c r="DA10" s="313">
        <v>0</v>
      </c>
      <c r="DB10" s="313">
        <v>0</v>
      </c>
      <c r="DC10" s="313">
        <v>0</v>
      </c>
      <c r="DD10" s="313">
        <v>0</v>
      </c>
      <c r="DE10" s="313">
        <v>0</v>
      </c>
      <c r="DF10" s="310">
        <v>0</v>
      </c>
      <c r="DG10" s="315">
        <v>0</v>
      </c>
    </row>
    <row r="11" spans="1:111" ht="18.75" customHeight="1" x14ac:dyDescent="0.2">
      <c r="A11" s="294" t="s">
        <v>8</v>
      </c>
      <c r="B11" s="309">
        <v>0</v>
      </c>
      <c r="C11" s="310">
        <v>0</v>
      </c>
      <c r="D11" s="311">
        <v>0</v>
      </c>
      <c r="E11" s="312">
        <v>0</v>
      </c>
      <c r="F11" s="313">
        <v>331</v>
      </c>
      <c r="G11" s="313">
        <v>532</v>
      </c>
      <c r="H11" s="313">
        <v>844</v>
      </c>
      <c r="I11" s="313">
        <v>235</v>
      </c>
      <c r="J11" s="313">
        <v>716</v>
      </c>
      <c r="K11" s="314">
        <v>2658</v>
      </c>
      <c r="L11" s="315">
        <v>2658</v>
      </c>
      <c r="M11" s="309">
        <v>0</v>
      </c>
      <c r="N11" s="313">
        <v>0</v>
      </c>
      <c r="O11" s="310">
        <v>0</v>
      </c>
      <c r="P11" s="312">
        <v>0</v>
      </c>
      <c r="Q11" s="313">
        <v>0</v>
      </c>
      <c r="R11" s="313">
        <v>4</v>
      </c>
      <c r="S11" s="313">
        <v>4</v>
      </c>
      <c r="T11" s="313">
        <v>24</v>
      </c>
      <c r="U11" s="313">
        <v>32</v>
      </c>
      <c r="V11" s="310">
        <v>64</v>
      </c>
      <c r="W11" s="315">
        <v>64</v>
      </c>
      <c r="X11" s="309">
        <v>13</v>
      </c>
      <c r="Y11" s="313">
        <v>23</v>
      </c>
      <c r="Z11" s="310">
        <v>36</v>
      </c>
      <c r="AA11" s="312">
        <v>0</v>
      </c>
      <c r="AB11" s="313">
        <v>91</v>
      </c>
      <c r="AC11" s="313">
        <v>175</v>
      </c>
      <c r="AD11" s="313">
        <v>116</v>
      </c>
      <c r="AE11" s="313">
        <v>92</v>
      </c>
      <c r="AF11" s="313">
        <v>43</v>
      </c>
      <c r="AG11" s="310">
        <v>517</v>
      </c>
      <c r="AH11" s="315">
        <v>553</v>
      </c>
      <c r="AI11" s="309">
        <v>0</v>
      </c>
      <c r="AJ11" s="313">
        <v>18</v>
      </c>
      <c r="AK11" s="310">
        <v>18</v>
      </c>
      <c r="AL11" s="312">
        <v>0</v>
      </c>
      <c r="AM11" s="313">
        <v>7</v>
      </c>
      <c r="AN11" s="313">
        <v>70</v>
      </c>
      <c r="AO11" s="313">
        <v>129</v>
      </c>
      <c r="AP11" s="313">
        <v>60</v>
      </c>
      <c r="AQ11" s="313">
        <v>8</v>
      </c>
      <c r="AR11" s="310">
        <v>274</v>
      </c>
      <c r="AS11" s="315">
        <v>292</v>
      </c>
      <c r="AT11" s="309">
        <v>0</v>
      </c>
      <c r="AU11" s="313">
        <v>0</v>
      </c>
      <c r="AV11" s="310">
        <v>0</v>
      </c>
      <c r="AW11" s="312">
        <v>0</v>
      </c>
      <c r="AX11" s="313">
        <v>298</v>
      </c>
      <c r="AY11" s="313">
        <v>400</v>
      </c>
      <c r="AZ11" s="313">
        <v>172</v>
      </c>
      <c r="BA11" s="313">
        <v>67</v>
      </c>
      <c r="BB11" s="313">
        <v>81</v>
      </c>
      <c r="BC11" s="314">
        <v>1018</v>
      </c>
      <c r="BD11" s="315">
        <v>1018</v>
      </c>
      <c r="BE11" s="309">
        <v>0</v>
      </c>
      <c r="BF11" s="313">
        <v>0</v>
      </c>
      <c r="BG11" s="310">
        <v>0</v>
      </c>
      <c r="BH11" s="312">
        <v>0</v>
      </c>
      <c r="BI11" s="313">
        <v>25</v>
      </c>
      <c r="BJ11" s="313">
        <v>82</v>
      </c>
      <c r="BK11" s="313">
        <v>59</v>
      </c>
      <c r="BL11" s="313">
        <v>26</v>
      </c>
      <c r="BM11" s="313">
        <v>12</v>
      </c>
      <c r="BN11" s="310">
        <v>204</v>
      </c>
      <c r="BO11" s="315">
        <v>204</v>
      </c>
      <c r="BP11" s="309">
        <v>0</v>
      </c>
      <c r="BQ11" s="313">
        <v>0</v>
      </c>
      <c r="BR11" s="310">
        <v>0</v>
      </c>
      <c r="BS11" s="312">
        <v>0</v>
      </c>
      <c r="BT11" s="313">
        <v>27</v>
      </c>
      <c r="BU11" s="313">
        <v>48</v>
      </c>
      <c r="BV11" s="313">
        <v>99</v>
      </c>
      <c r="BW11" s="313">
        <v>40</v>
      </c>
      <c r="BX11" s="313">
        <v>8</v>
      </c>
      <c r="BY11" s="310">
        <v>222</v>
      </c>
      <c r="BZ11" s="315">
        <v>222</v>
      </c>
      <c r="CA11" s="309">
        <v>0</v>
      </c>
      <c r="CB11" s="313">
        <v>0</v>
      </c>
      <c r="CC11" s="310">
        <v>0</v>
      </c>
      <c r="CD11" s="312">
        <v>0</v>
      </c>
      <c r="CE11" s="313">
        <v>0</v>
      </c>
      <c r="CF11" s="313">
        <v>0</v>
      </c>
      <c r="CG11" s="313">
        <v>11</v>
      </c>
      <c r="CH11" s="313">
        <v>0</v>
      </c>
      <c r="CI11" s="313">
        <v>0</v>
      </c>
      <c r="CJ11" s="310">
        <v>11</v>
      </c>
      <c r="CK11" s="315">
        <v>11</v>
      </c>
      <c r="CL11" s="309">
        <v>0</v>
      </c>
      <c r="CM11" s="313">
        <v>0</v>
      </c>
      <c r="CN11" s="310">
        <v>0</v>
      </c>
      <c r="CO11" s="312">
        <v>0</v>
      </c>
      <c r="CP11" s="313">
        <v>0</v>
      </c>
      <c r="CQ11" s="313">
        <v>0</v>
      </c>
      <c r="CR11" s="313">
        <v>0</v>
      </c>
      <c r="CS11" s="313">
        <v>0</v>
      </c>
      <c r="CT11" s="313">
        <v>0</v>
      </c>
      <c r="CU11" s="310">
        <v>0</v>
      </c>
      <c r="CV11" s="315">
        <v>0</v>
      </c>
      <c r="CW11" s="309">
        <v>0</v>
      </c>
      <c r="CX11" s="313">
        <v>0</v>
      </c>
      <c r="CY11" s="310">
        <v>0</v>
      </c>
      <c r="CZ11" s="312">
        <v>0</v>
      </c>
      <c r="DA11" s="313">
        <v>0</v>
      </c>
      <c r="DB11" s="313">
        <v>0</v>
      </c>
      <c r="DC11" s="313">
        <v>0</v>
      </c>
      <c r="DD11" s="313">
        <v>0</v>
      </c>
      <c r="DE11" s="313">
        <v>0</v>
      </c>
      <c r="DF11" s="310">
        <v>0</v>
      </c>
      <c r="DG11" s="315">
        <v>0</v>
      </c>
    </row>
    <row r="12" spans="1:111" ht="18.75" customHeight="1" x14ac:dyDescent="0.2">
      <c r="A12" s="294" t="s">
        <v>9</v>
      </c>
      <c r="B12" s="309">
        <v>0</v>
      </c>
      <c r="C12" s="310">
        <v>0</v>
      </c>
      <c r="D12" s="311">
        <v>0</v>
      </c>
      <c r="E12" s="312">
        <v>0</v>
      </c>
      <c r="F12" s="313">
        <v>403</v>
      </c>
      <c r="G12" s="313">
        <v>1020</v>
      </c>
      <c r="H12" s="313">
        <v>883</v>
      </c>
      <c r="I12" s="313">
        <v>1309</v>
      </c>
      <c r="J12" s="313">
        <v>826</v>
      </c>
      <c r="K12" s="314">
        <v>4441</v>
      </c>
      <c r="L12" s="315">
        <v>4441</v>
      </c>
      <c r="M12" s="309">
        <v>0</v>
      </c>
      <c r="N12" s="313">
        <v>0</v>
      </c>
      <c r="O12" s="310">
        <v>0</v>
      </c>
      <c r="P12" s="312">
        <v>0</v>
      </c>
      <c r="Q12" s="313">
        <v>1</v>
      </c>
      <c r="R12" s="313">
        <v>0</v>
      </c>
      <c r="S12" s="313">
        <v>5</v>
      </c>
      <c r="T12" s="313">
        <v>25</v>
      </c>
      <c r="U12" s="313">
        <v>18</v>
      </c>
      <c r="V12" s="310">
        <v>49</v>
      </c>
      <c r="W12" s="315">
        <v>49</v>
      </c>
      <c r="X12" s="309">
        <v>3</v>
      </c>
      <c r="Y12" s="313">
        <v>64</v>
      </c>
      <c r="Z12" s="310">
        <v>67</v>
      </c>
      <c r="AA12" s="312">
        <v>0</v>
      </c>
      <c r="AB12" s="313">
        <v>376</v>
      </c>
      <c r="AC12" s="313">
        <v>331</v>
      </c>
      <c r="AD12" s="313">
        <v>215</v>
      </c>
      <c r="AE12" s="313">
        <v>225</v>
      </c>
      <c r="AF12" s="313">
        <v>193</v>
      </c>
      <c r="AG12" s="310">
        <v>1340</v>
      </c>
      <c r="AH12" s="315">
        <v>1407</v>
      </c>
      <c r="AI12" s="309">
        <v>18</v>
      </c>
      <c r="AJ12" s="313">
        <v>7</v>
      </c>
      <c r="AK12" s="310">
        <v>25</v>
      </c>
      <c r="AL12" s="312">
        <v>0</v>
      </c>
      <c r="AM12" s="313">
        <v>9</v>
      </c>
      <c r="AN12" s="313">
        <v>92</v>
      </c>
      <c r="AO12" s="313">
        <v>35</v>
      </c>
      <c r="AP12" s="313">
        <v>65</v>
      </c>
      <c r="AQ12" s="313">
        <v>63</v>
      </c>
      <c r="AR12" s="310">
        <v>264</v>
      </c>
      <c r="AS12" s="315">
        <v>289</v>
      </c>
      <c r="AT12" s="309">
        <v>0</v>
      </c>
      <c r="AU12" s="313">
        <v>0</v>
      </c>
      <c r="AV12" s="310">
        <v>0</v>
      </c>
      <c r="AW12" s="312">
        <v>0</v>
      </c>
      <c r="AX12" s="313">
        <v>451</v>
      </c>
      <c r="AY12" s="313">
        <v>406</v>
      </c>
      <c r="AZ12" s="313">
        <v>308</v>
      </c>
      <c r="BA12" s="313">
        <v>139</v>
      </c>
      <c r="BB12" s="313">
        <v>80</v>
      </c>
      <c r="BC12" s="314">
        <v>1384</v>
      </c>
      <c r="BD12" s="315">
        <v>1384</v>
      </c>
      <c r="BE12" s="309">
        <v>0</v>
      </c>
      <c r="BF12" s="313">
        <v>0</v>
      </c>
      <c r="BG12" s="310">
        <v>0</v>
      </c>
      <c r="BH12" s="312">
        <v>0</v>
      </c>
      <c r="BI12" s="313">
        <v>117</v>
      </c>
      <c r="BJ12" s="313">
        <v>150</v>
      </c>
      <c r="BK12" s="313">
        <v>72</v>
      </c>
      <c r="BL12" s="313">
        <v>54</v>
      </c>
      <c r="BM12" s="313">
        <v>17</v>
      </c>
      <c r="BN12" s="310">
        <v>410</v>
      </c>
      <c r="BO12" s="315">
        <v>410</v>
      </c>
      <c r="BP12" s="309">
        <v>0</v>
      </c>
      <c r="BQ12" s="313">
        <v>0</v>
      </c>
      <c r="BR12" s="310">
        <v>0</v>
      </c>
      <c r="BS12" s="312">
        <v>0</v>
      </c>
      <c r="BT12" s="313">
        <v>37</v>
      </c>
      <c r="BU12" s="313">
        <v>56</v>
      </c>
      <c r="BV12" s="313">
        <v>90</v>
      </c>
      <c r="BW12" s="313">
        <v>60</v>
      </c>
      <c r="BX12" s="313">
        <v>51</v>
      </c>
      <c r="BY12" s="310">
        <v>294</v>
      </c>
      <c r="BZ12" s="315">
        <v>294</v>
      </c>
      <c r="CA12" s="309">
        <v>0</v>
      </c>
      <c r="CB12" s="313">
        <v>0</v>
      </c>
      <c r="CC12" s="310">
        <v>0</v>
      </c>
      <c r="CD12" s="312">
        <v>0</v>
      </c>
      <c r="CE12" s="313">
        <v>5</v>
      </c>
      <c r="CF12" s="313">
        <v>17</v>
      </c>
      <c r="CG12" s="313">
        <v>3</v>
      </c>
      <c r="CH12" s="313">
        <v>0</v>
      </c>
      <c r="CI12" s="313">
        <v>0</v>
      </c>
      <c r="CJ12" s="310">
        <v>25</v>
      </c>
      <c r="CK12" s="315">
        <v>25</v>
      </c>
      <c r="CL12" s="309">
        <v>0</v>
      </c>
      <c r="CM12" s="313">
        <v>0</v>
      </c>
      <c r="CN12" s="310">
        <v>0</v>
      </c>
      <c r="CO12" s="312">
        <v>0</v>
      </c>
      <c r="CP12" s="313">
        <v>0</v>
      </c>
      <c r="CQ12" s="313">
        <v>0</v>
      </c>
      <c r="CR12" s="313">
        <v>0</v>
      </c>
      <c r="CS12" s="313">
        <v>0</v>
      </c>
      <c r="CT12" s="313">
        <v>0</v>
      </c>
      <c r="CU12" s="310">
        <v>0</v>
      </c>
      <c r="CV12" s="315">
        <v>0</v>
      </c>
      <c r="CW12" s="309">
        <v>0</v>
      </c>
      <c r="CX12" s="313">
        <v>0</v>
      </c>
      <c r="CY12" s="310">
        <v>0</v>
      </c>
      <c r="CZ12" s="312">
        <v>0</v>
      </c>
      <c r="DA12" s="313">
        <v>0</v>
      </c>
      <c r="DB12" s="313">
        <v>0</v>
      </c>
      <c r="DC12" s="313">
        <v>0</v>
      </c>
      <c r="DD12" s="313">
        <v>0</v>
      </c>
      <c r="DE12" s="313">
        <v>0</v>
      </c>
      <c r="DF12" s="310">
        <v>0</v>
      </c>
      <c r="DG12" s="315">
        <v>0</v>
      </c>
    </row>
    <row r="13" spans="1:111" ht="18.75" customHeight="1" x14ac:dyDescent="0.2">
      <c r="A13" s="294" t="s">
        <v>10</v>
      </c>
      <c r="B13" s="309">
        <v>0</v>
      </c>
      <c r="C13" s="310">
        <v>0</v>
      </c>
      <c r="D13" s="311">
        <v>0</v>
      </c>
      <c r="E13" s="312">
        <v>0</v>
      </c>
      <c r="F13" s="313">
        <v>1166</v>
      </c>
      <c r="G13" s="313">
        <v>1090</v>
      </c>
      <c r="H13" s="313">
        <v>1280</v>
      </c>
      <c r="I13" s="313">
        <v>1647</v>
      </c>
      <c r="J13" s="313">
        <v>770</v>
      </c>
      <c r="K13" s="314">
        <v>5953</v>
      </c>
      <c r="L13" s="315">
        <v>5953</v>
      </c>
      <c r="M13" s="309">
        <v>0</v>
      </c>
      <c r="N13" s="313">
        <v>0</v>
      </c>
      <c r="O13" s="310">
        <v>0</v>
      </c>
      <c r="P13" s="312">
        <v>0</v>
      </c>
      <c r="Q13" s="313">
        <v>0</v>
      </c>
      <c r="R13" s="313">
        <v>0</v>
      </c>
      <c r="S13" s="313">
        <v>19</v>
      </c>
      <c r="T13" s="313">
        <v>36</v>
      </c>
      <c r="U13" s="313">
        <v>41</v>
      </c>
      <c r="V13" s="310">
        <v>96</v>
      </c>
      <c r="W13" s="315">
        <v>96</v>
      </c>
      <c r="X13" s="309">
        <v>97</v>
      </c>
      <c r="Y13" s="313">
        <v>175</v>
      </c>
      <c r="Z13" s="310">
        <v>272</v>
      </c>
      <c r="AA13" s="312">
        <v>0</v>
      </c>
      <c r="AB13" s="313">
        <v>557</v>
      </c>
      <c r="AC13" s="313">
        <v>432</v>
      </c>
      <c r="AD13" s="313">
        <v>166</v>
      </c>
      <c r="AE13" s="313">
        <v>267</v>
      </c>
      <c r="AF13" s="313">
        <v>255</v>
      </c>
      <c r="AG13" s="310">
        <v>1677</v>
      </c>
      <c r="AH13" s="315">
        <v>1949</v>
      </c>
      <c r="AI13" s="309">
        <v>5</v>
      </c>
      <c r="AJ13" s="313">
        <v>38</v>
      </c>
      <c r="AK13" s="310">
        <v>43</v>
      </c>
      <c r="AL13" s="312">
        <v>0</v>
      </c>
      <c r="AM13" s="313">
        <v>153</v>
      </c>
      <c r="AN13" s="313">
        <v>63</v>
      </c>
      <c r="AO13" s="313">
        <v>41</v>
      </c>
      <c r="AP13" s="313">
        <v>38</v>
      </c>
      <c r="AQ13" s="313">
        <v>0</v>
      </c>
      <c r="AR13" s="310">
        <v>295</v>
      </c>
      <c r="AS13" s="315">
        <v>338</v>
      </c>
      <c r="AT13" s="309">
        <v>0</v>
      </c>
      <c r="AU13" s="313">
        <v>0</v>
      </c>
      <c r="AV13" s="310">
        <v>0</v>
      </c>
      <c r="AW13" s="312">
        <v>0</v>
      </c>
      <c r="AX13" s="313">
        <v>1172</v>
      </c>
      <c r="AY13" s="313">
        <v>639</v>
      </c>
      <c r="AZ13" s="313">
        <v>403</v>
      </c>
      <c r="BA13" s="313">
        <v>103</v>
      </c>
      <c r="BB13" s="313">
        <v>85</v>
      </c>
      <c r="BC13" s="314">
        <v>2402</v>
      </c>
      <c r="BD13" s="315">
        <v>2402</v>
      </c>
      <c r="BE13" s="309">
        <v>0</v>
      </c>
      <c r="BF13" s="313">
        <v>0</v>
      </c>
      <c r="BG13" s="310">
        <v>0</v>
      </c>
      <c r="BH13" s="312">
        <v>0</v>
      </c>
      <c r="BI13" s="313">
        <v>101</v>
      </c>
      <c r="BJ13" s="313">
        <v>86</v>
      </c>
      <c r="BK13" s="313">
        <v>80</v>
      </c>
      <c r="BL13" s="313">
        <v>33</v>
      </c>
      <c r="BM13" s="313">
        <v>15</v>
      </c>
      <c r="BN13" s="310">
        <v>315</v>
      </c>
      <c r="BO13" s="315">
        <v>315</v>
      </c>
      <c r="BP13" s="309">
        <v>0</v>
      </c>
      <c r="BQ13" s="313">
        <v>7</v>
      </c>
      <c r="BR13" s="310">
        <v>7</v>
      </c>
      <c r="BS13" s="312">
        <v>0</v>
      </c>
      <c r="BT13" s="313">
        <v>47</v>
      </c>
      <c r="BU13" s="313">
        <v>47</v>
      </c>
      <c r="BV13" s="313">
        <v>211</v>
      </c>
      <c r="BW13" s="313">
        <v>193</v>
      </c>
      <c r="BX13" s="313">
        <v>41</v>
      </c>
      <c r="BY13" s="310">
        <v>539</v>
      </c>
      <c r="BZ13" s="315">
        <v>546</v>
      </c>
      <c r="CA13" s="309">
        <v>0</v>
      </c>
      <c r="CB13" s="313">
        <v>0</v>
      </c>
      <c r="CC13" s="310">
        <v>0</v>
      </c>
      <c r="CD13" s="312">
        <v>0</v>
      </c>
      <c r="CE13" s="313">
        <v>0</v>
      </c>
      <c r="CF13" s="313">
        <v>29</v>
      </c>
      <c r="CG13" s="313">
        <v>22</v>
      </c>
      <c r="CH13" s="313">
        <v>5</v>
      </c>
      <c r="CI13" s="313">
        <v>3</v>
      </c>
      <c r="CJ13" s="310">
        <v>59</v>
      </c>
      <c r="CK13" s="315">
        <v>59</v>
      </c>
      <c r="CL13" s="309">
        <v>0</v>
      </c>
      <c r="CM13" s="313">
        <v>0</v>
      </c>
      <c r="CN13" s="310">
        <v>0</v>
      </c>
      <c r="CO13" s="312">
        <v>0</v>
      </c>
      <c r="CP13" s="313">
        <v>0</v>
      </c>
      <c r="CQ13" s="313">
        <v>0</v>
      </c>
      <c r="CR13" s="313">
        <v>0</v>
      </c>
      <c r="CS13" s="313">
        <v>0</v>
      </c>
      <c r="CT13" s="313">
        <v>0</v>
      </c>
      <c r="CU13" s="310">
        <v>0</v>
      </c>
      <c r="CV13" s="315">
        <v>0</v>
      </c>
      <c r="CW13" s="309">
        <v>0</v>
      </c>
      <c r="CX13" s="313">
        <v>0</v>
      </c>
      <c r="CY13" s="310">
        <v>0</v>
      </c>
      <c r="CZ13" s="312">
        <v>0</v>
      </c>
      <c r="DA13" s="313">
        <v>0</v>
      </c>
      <c r="DB13" s="313">
        <v>0</v>
      </c>
      <c r="DC13" s="313">
        <v>0</v>
      </c>
      <c r="DD13" s="313">
        <v>0</v>
      </c>
      <c r="DE13" s="313">
        <v>0</v>
      </c>
      <c r="DF13" s="310">
        <v>0</v>
      </c>
      <c r="DG13" s="315">
        <v>0</v>
      </c>
    </row>
    <row r="14" spans="1:111" ht="18.75" customHeight="1" x14ac:dyDescent="0.2">
      <c r="A14" s="294" t="s">
        <v>11</v>
      </c>
      <c r="B14" s="309">
        <v>0</v>
      </c>
      <c r="C14" s="310">
        <v>0</v>
      </c>
      <c r="D14" s="311">
        <v>0</v>
      </c>
      <c r="E14" s="312">
        <v>0</v>
      </c>
      <c r="F14" s="313">
        <v>319</v>
      </c>
      <c r="G14" s="313">
        <v>69</v>
      </c>
      <c r="H14" s="313">
        <v>276</v>
      </c>
      <c r="I14" s="313">
        <v>443</v>
      </c>
      <c r="J14" s="313">
        <v>583</v>
      </c>
      <c r="K14" s="314">
        <v>1690</v>
      </c>
      <c r="L14" s="315">
        <v>1690</v>
      </c>
      <c r="M14" s="309">
        <v>0</v>
      </c>
      <c r="N14" s="313">
        <v>0</v>
      </c>
      <c r="O14" s="310">
        <v>0</v>
      </c>
      <c r="P14" s="312">
        <v>0</v>
      </c>
      <c r="Q14" s="313">
        <v>0</v>
      </c>
      <c r="R14" s="313">
        <v>4</v>
      </c>
      <c r="S14" s="313">
        <v>17</v>
      </c>
      <c r="T14" s="313">
        <v>9</v>
      </c>
      <c r="U14" s="313">
        <v>16</v>
      </c>
      <c r="V14" s="310">
        <v>46</v>
      </c>
      <c r="W14" s="315">
        <v>46</v>
      </c>
      <c r="X14" s="309">
        <v>17</v>
      </c>
      <c r="Y14" s="313">
        <v>-82</v>
      </c>
      <c r="Z14" s="310">
        <v>-65</v>
      </c>
      <c r="AA14" s="312">
        <v>0</v>
      </c>
      <c r="AB14" s="313">
        <v>215</v>
      </c>
      <c r="AC14" s="313">
        <v>118</v>
      </c>
      <c r="AD14" s="313">
        <v>167</v>
      </c>
      <c r="AE14" s="313">
        <v>99</v>
      </c>
      <c r="AF14" s="313">
        <v>170</v>
      </c>
      <c r="AG14" s="310">
        <v>769</v>
      </c>
      <c r="AH14" s="315">
        <v>704</v>
      </c>
      <c r="AI14" s="309">
        <v>6</v>
      </c>
      <c r="AJ14" s="313">
        <v>12</v>
      </c>
      <c r="AK14" s="310">
        <v>18</v>
      </c>
      <c r="AL14" s="312">
        <v>0</v>
      </c>
      <c r="AM14" s="313">
        <v>26</v>
      </c>
      <c r="AN14" s="313">
        <v>9</v>
      </c>
      <c r="AO14" s="313">
        <v>27</v>
      </c>
      <c r="AP14" s="313">
        <v>90</v>
      </c>
      <c r="AQ14" s="313">
        <v>0</v>
      </c>
      <c r="AR14" s="310">
        <v>152</v>
      </c>
      <c r="AS14" s="315">
        <v>170</v>
      </c>
      <c r="AT14" s="309">
        <v>0</v>
      </c>
      <c r="AU14" s="313">
        <v>0</v>
      </c>
      <c r="AV14" s="310">
        <v>0</v>
      </c>
      <c r="AW14" s="312">
        <v>0</v>
      </c>
      <c r="AX14" s="313">
        <v>309</v>
      </c>
      <c r="AY14" s="313">
        <v>204</v>
      </c>
      <c r="AZ14" s="313">
        <v>137</v>
      </c>
      <c r="BA14" s="313">
        <v>99</v>
      </c>
      <c r="BB14" s="313">
        <v>13</v>
      </c>
      <c r="BC14" s="314">
        <v>762</v>
      </c>
      <c r="BD14" s="315">
        <v>762</v>
      </c>
      <c r="BE14" s="309">
        <v>0</v>
      </c>
      <c r="BF14" s="313">
        <v>0</v>
      </c>
      <c r="BG14" s="310">
        <v>0</v>
      </c>
      <c r="BH14" s="312">
        <v>0</v>
      </c>
      <c r="BI14" s="313">
        <v>166</v>
      </c>
      <c r="BJ14" s="313">
        <v>62</v>
      </c>
      <c r="BK14" s="313">
        <v>55</v>
      </c>
      <c r="BL14" s="313">
        <v>100</v>
      </c>
      <c r="BM14" s="313">
        <v>13</v>
      </c>
      <c r="BN14" s="310">
        <v>396</v>
      </c>
      <c r="BO14" s="315">
        <v>396</v>
      </c>
      <c r="BP14" s="309">
        <v>0</v>
      </c>
      <c r="BQ14" s="313">
        <v>6</v>
      </c>
      <c r="BR14" s="310">
        <v>6</v>
      </c>
      <c r="BS14" s="312">
        <v>0</v>
      </c>
      <c r="BT14" s="313">
        <v>36</v>
      </c>
      <c r="BU14" s="313">
        <v>43</v>
      </c>
      <c r="BV14" s="313">
        <v>73</v>
      </c>
      <c r="BW14" s="313">
        <v>35</v>
      </c>
      <c r="BX14" s="313">
        <v>-16</v>
      </c>
      <c r="BY14" s="310">
        <v>171</v>
      </c>
      <c r="BZ14" s="315">
        <v>177</v>
      </c>
      <c r="CA14" s="309">
        <v>0</v>
      </c>
      <c r="CB14" s="313">
        <v>0</v>
      </c>
      <c r="CC14" s="310">
        <v>0</v>
      </c>
      <c r="CD14" s="312">
        <v>0</v>
      </c>
      <c r="CE14" s="313">
        <v>6</v>
      </c>
      <c r="CF14" s="313">
        <v>8</v>
      </c>
      <c r="CG14" s="313">
        <v>17</v>
      </c>
      <c r="CH14" s="313">
        <v>28</v>
      </c>
      <c r="CI14" s="313">
        <v>0</v>
      </c>
      <c r="CJ14" s="310">
        <v>59</v>
      </c>
      <c r="CK14" s="315">
        <v>59</v>
      </c>
      <c r="CL14" s="309">
        <v>0</v>
      </c>
      <c r="CM14" s="313">
        <v>0</v>
      </c>
      <c r="CN14" s="310">
        <v>0</v>
      </c>
      <c r="CO14" s="312">
        <v>0</v>
      </c>
      <c r="CP14" s="313">
        <v>0</v>
      </c>
      <c r="CQ14" s="313">
        <v>0</v>
      </c>
      <c r="CR14" s="313">
        <v>0</v>
      </c>
      <c r="CS14" s="313">
        <v>0</v>
      </c>
      <c r="CT14" s="313">
        <v>0</v>
      </c>
      <c r="CU14" s="310">
        <v>0</v>
      </c>
      <c r="CV14" s="315">
        <v>0</v>
      </c>
      <c r="CW14" s="309">
        <v>0</v>
      </c>
      <c r="CX14" s="313">
        <v>0</v>
      </c>
      <c r="CY14" s="310">
        <v>0</v>
      </c>
      <c r="CZ14" s="312">
        <v>0</v>
      </c>
      <c r="DA14" s="313">
        <v>0</v>
      </c>
      <c r="DB14" s="313">
        <v>0</v>
      </c>
      <c r="DC14" s="313">
        <v>0</v>
      </c>
      <c r="DD14" s="313">
        <v>0</v>
      </c>
      <c r="DE14" s="313">
        <v>0</v>
      </c>
      <c r="DF14" s="310">
        <v>0</v>
      </c>
      <c r="DG14" s="315">
        <v>0</v>
      </c>
    </row>
    <row r="15" spans="1:111" ht="18.75" customHeight="1" x14ac:dyDescent="0.2">
      <c r="A15" s="294" t="s">
        <v>12</v>
      </c>
      <c r="B15" s="309">
        <v>0</v>
      </c>
      <c r="C15" s="310">
        <v>0</v>
      </c>
      <c r="D15" s="311">
        <v>0</v>
      </c>
      <c r="E15" s="312">
        <v>0</v>
      </c>
      <c r="F15" s="313">
        <v>571</v>
      </c>
      <c r="G15" s="313">
        <v>733</v>
      </c>
      <c r="H15" s="313">
        <v>833</v>
      </c>
      <c r="I15" s="313">
        <v>1210</v>
      </c>
      <c r="J15" s="313">
        <v>823</v>
      </c>
      <c r="K15" s="314">
        <v>4170</v>
      </c>
      <c r="L15" s="315">
        <v>4170</v>
      </c>
      <c r="M15" s="309">
        <v>0</v>
      </c>
      <c r="N15" s="313">
        <v>0</v>
      </c>
      <c r="O15" s="310">
        <v>0</v>
      </c>
      <c r="P15" s="312">
        <v>0</v>
      </c>
      <c r="Q15" s="313">
        <v>0</v>
      </c>
      <c r="R15" s="313">
        <v>0</v>
      </c>
      <c r="S15" s="313">
        <v>15</v>
      </c>
      <c r="T15" s="313">
        <v>20</v>
      </c>
      <c r="U15" s="313">
        <v>29</v>
      </c>
      <c r="V15" s="310">
        <v>64</v>
      </c>
      <c r="W15" s="315">
        <v>64</v>
      </c>
      <c r="X15" s="309">
        <v>58</v>
      </c>
      <c r="Y15" s="313">
        <v>125</v>
      </c>
      <c r="Z15" s="310">
        <v>183</v>
      </c>
      <c r="AA15" s="312">
        <v>0</v>
      </c>
      <c r="AB15" s="313">
        <v>190</v>
      </c>
      <c r="AC15" s="313">
        <v>224</v>
      </c>
      <c r="AD15" s="313">
        <v>111</v>
      </c>
      <c r="AE15" s="313">
        <v>164</v>
      </c>
      <c r="AF15" s="313">
        <v>95</v>
      </c>
      <c r="AG15" s="310">
        <v>784</v>
      </c>
      <c r="AH15" s="315">
        <v>967</v>
      </c>
      <c r="AI15" s="309">
        <v>0</v>
      </c>
      <c r="AJ15" s="313">
        <v>0</v>
      </c>
      <c r="AK15" s="310">
        <v>0</v>
      </c>
      <c r="AL15" s="312">
        <v>0</v>
      </c>
      <c r="AM15" s="313">
        <v>16</v>
      </c>
      <c r="AN15" s="313">
        <v>160</v>
      </c>
      <c r="AO15" s="313">
        <v>24</v>
      </c>
      <c r="AP15" s="313">
        <v>27</v>
      </c>
      <c r="AQ15" s="313">
        <v>8</v>
      </c>
      <c r="AR15" s="310">
        <v>235</v>
      </c>
      <c r="AS15" s="315">
        <v>235</v>
      </c>
      <c r="AT15" s="309">
        <v>0</v>
      </c>
      <c r="AU15" s="313">
        <v>0</v>
      </c>
      <c r="AV15" s="310">
        <v>0</v>
      </c>
      <c r="AW15" s="312">
        <v>0</v>
      </c>
      <c r="AX15" s="313">
        <v>563</v>
      </c>
      <c r="AY15" s="313">
        <v>318</v>
      </c>
      <c r="AZ15" s="313">
        <v>236</v>
      </c>
      <c r="BA15" s="313">
        <v>133</v>
      </c>
      <c r="BB15" s="313">
        <v>37</v>
      </c>
      <c r="BC15" s="314">
        <v>1287</v>
      </c>
      <c r="BD15" s="315">
        <v>1287</v>
      </c>
      <c r="BE15" s="309">
        <v>0</v>
      </c>
      <c r="BF15" s="313">
        <v>0</v>
      </c>
      <c r="BG15" s="310">
        <v>0</v>
      </c>
      <c r="BH15" s="312">
        <v>0</v>
      </c>
      <c r="BI15" s="313">
        <v>133</v>
      </c>
      <c r="BJ15" s="313">
        <v>71</v>
      </c>
      <c r="BK15" s="313">
        <v>73</v>
      </c>
      <c r="BL15" s="313">
        <v>58</v>
      </c>
      <c r="BM15" s="313">
        <v>18</v>
      </c>
      <c r="BN15" s="310">
        <v>353</v>
      </c>
      <c r="BO15" s="315">
        <v>353</v>
      </c>
      <c r="BP15" s="309">
        <v>0</v>
      </c>
      <c r="BQ15" s="313">
        <v>0</v>
      </c>
      <c r="BR15" s="310">
        <v>0</v>
      </c>
      <c r="BS15" s="312">
        <v>0</v>
      </c>
      <c r="BT15" s="313">
        <v>29</v>
      </c>
      <c r="BU15" s="313">
        <v>108</v>
      </c>
      <c r="BV15" s="313">
        <v>92</v>
      </c>
      <c r="BW15" s="313">
        <v>126</v>
      </c>
      <c r="BX15" s="313">
        <v>55</v>
      </c>
      <c r="BY15" s="310">
        <v>410</v>
      </c>
      <c r="BZ15" s="315">
        <v>410</v>
      </c>
      <c r="CA15" s="309">
        <v>0</v>
      </c>
      <c r="CB15" s="313">
        <v>0</v>
      </c>
      <c r="CC15" s="310">
        <v>0</v>
      </c>
      <c r="CD15" s="312">
        <v>0</v>
      </c>
      <c r="CE15" s="313">
        <v>0</v>
      </c>
      <c r="CF15" s="313">
        <v>0</v>
      </c>
      <c r="CG15" s="313">
        <v>3</v>
      </c>
      <c r="CH15" s="313">
        <v>0</v>
      </c>
      <c r="CI15" s="313">
        <v>0</v>
      </c>
      <c r="CJ15" s="310">
        <v>3</v>
      </c>
      <c r="CK15" s="315">
        <v>3</v>
      </c>
      <c r="CL15" s="309">
        <v>0</v>
      </c>
      <c r="CM15" s="313">
        <v>0</v>
      </c>
      <c r="CN15" s="310">
        <v>0</v>
      </c>
      <c r="CO15" s="312">
        <v>0</v>
      </c>
      <c r="CP15" s="313">
        <v>0</v>
      </c>
      <c r="CQ15" s="313">
        <v>0</v>
      </c>
      <c r="CR15" s="313">
        <v>0</v>
      </c>
      <c r="CS15" s="313">
        <v>0</v>
      </c>
      <c r="CT15" s="313">
        <v>0</v>
      </c>
      <c r="CU15" s="310">
        <v>0</v>
      </c>
      <c r="CV15" s="315">
        <v>0</v>
      </c>
      <c r="CW15" s="309">
        <v>0</v>
      </c>
      <c r="CX15" s="313">
        <v>0</v>
      </c>
      <c r="CY15" s="310">
        <v>0</v>
      </c>
      <c r="CZ15" s="312">
        <v>0</v>
      </c>
      <c r="DA15" s="313">
        <v>0</v>
      </c>
      <c r="DB15" s="313">
        <v>0</v>
      </c>
      <c r="DC15" s="313">
        <v>0</v>
      </c>
      <c r="DD15" s="313">
        <v>0</v>
      </c>
      <c r="DE15" s="313">
        <v>0</v>
      </c>
      <c r="DF15" s="310">
        <v>0</v>
      </c>
      <c r="DG15" s="315">
        <v>0</v>
      </c>
    </row>
    <row r="16" spans="1:111" ht="18.75" customHeight="1" x14ac:dyDescent="0.2">
      <c r="A16" s="294" t="s">
        <v>13</v>
      </c>
      <c r="B16" s="309">
        <v>0</v>
      </c>
      <c r="C16" s="310">
        <v>0</v>
      </c>
      <c r="D16" s="311">
        <v>0</v>
      </c>
      <c r="E16" s="312">
        <v>0</v>
      </c>
      <c r="F16" s="313">
        <v>178</v>
      </c>
      <c r="G16" s="313">
        <v>490</v>
      </c>
      <c r="H16" s="313">
        <v>219</v>
      </c>
      <c r="I16" s="313">
        <v>469</v>
      </c>
      <c r="J16" s="313">
        <v>150</v>
      </c>
      <c r="K16" s="314">
        <v>1506</v>
      </c>
      <c r="L16" s="315">
        <v>1506</v>
      </c>
      <c r="M16" s="309">
        <v>0</v>
      </c>
      <c r="N16" s="313">
        <v>0</v>
      </c>
      <c r="O16" s="310">
        <v>0</v>
      </c>
      <c r="P16" s="312">
        <v>0</v>
      </c>
      <c r="Q16" s="313">
        <v>0</v>
      </c>
      <c r="R16" s="313">
        <v>0</v>
      </c>
      <c r="S16" s="313">
        <v>1</v>
      </c>
      <c r="T16" s="313">
        <v>5</v>
      </c>
      <c r="U16" s="313">
        <v>16</v>
      </c>
      <c r="V16" s="310">
        <v>22</v>
      </c>
      <c r="W16" s="315">
        <v>22</v>
      </c>
      <c r="X16" s="309">
        <v>5</v>
      </c>
      <c r="Y16" s="313">
        <v>0</v>
      </c>
      <c r="Z16" s="310">
        <v>5</v>
      </c>
      <c r="AA16" s="312">
        <v>0</v>
      </c>
      <c r="AB16" s="313">
        <v>58</v>
      </c>
      <c r="AC16" s="313">
        <v>125</v>
      </c>
      <c r="AD16" s="313">
        <v>78</v>
      </c>
      <c r="AE16" s="313">
        <v>90</v>
      </c>
      <c r="AF16" s="313">
        <v>72</v>
      </c>
      <c r="AG16" s="310">
        <v>423</v>
      </c>
      <c r="AH16" s="315">
        <v>428</v>
      </c>
      <c r="AI16" s="309">
        <v>0</v>
      </c>
      <c r="AJ16" s="313">
        <v>0</v>
      </c>
      <c r="AK16" s="310">
        <v>0</v>
      </c>
      <c r="AL16" s="312">
        <v>0</v>
      </c>
      <c r="AM16" s="313">
        <v>12</v>
      </c>
      <c r="AN16" s="313">
        <v>18</v>
      </c>
      <c r="AO16" s="313">
        <v>0</v>
      </c>
      <c r="AP16" s="313">
        <v>26</v>
      </c>
      <c r="AQ16" s="313">
        <v>4</v>
      </c>
      <c r="AR16" s="310">
        <v>60</v>
      </c>
      <c r="AS16" s="315">
        <v>60</v>
      </c>
      <c r="AT16" s="309">
        <v>0</v>
      </c>
      <c r="AU16" s="313">
        <v>0</v>
      </c>
      <c r="AV16" s="310">
        <v>0</v>
      </c>
      <c r="AW16" s="312">
        <v>0</v>
      </c>
      <c r="AX16" s="313">
        <v>99</v>
      </c>
      <c r="AY16" s="313">
        <v>221</v>
      </c>
      <c r="AZ16" s="313">
        <v>158</v>
      </c>
      <c r="BA16" s="313">
        <v>78</v>
      </c>
      <c r="BB16" s="313">
        <v>22</v>
      </c>
      <c r="BC16" s="314">
        <v>578</v>
      </c>
      <c r="BD16" s="315">
        <v>578</v>
      </c>
      <c r="BE16" s="309">
        <v>0</v>
      </c>
      <c r="BF16" s="313">
        <v>0</v>
      </c>
      <c r="BG16" s="310">
        <v>0</v>
      </c>
      <c r="BH16" s="312">
        <v>0</v>
      </c>
      <c r="BI16" s="313">
        <v>22</v>
      </c>
      <c r="BJ16" s="313">
        <v>41</v>
      </c>
      <c r="BK16" s="313">
        <v>17</v>
      </c>
      <c r="BL16" s="313">
        <v>42</v>
      </c>
      <c r="BM16" s="313">
        <v>0</v>
      </c>
      <c r="BN16" s="310">
        <v>122</v>
      </c>
      <c r="BO16" s="315">
        <v>122</v>
      </c>
      <c r="BP16" s="309">
        <v>0</v>
      </c>
      <c r="BQ16" s="313">
        <v>0</v>
      </c>
      <c r="BR16" s="310">
        <v>0</v>
      </c>
      <c r="BS16" s="312">
        <v>0</v>
      </c>
      <c r="BT16" s="313">
        <v>26</v>
      </c>
      <c r="BU16" s="313">
        <v>32</v>
      </c>
      <c r="BV16" s="313">
        <v>22</v>
      </c>
      <c r="BW16" s="313">
        <v>46</v>
      </c>
      <c r="BX16" s="313">
        <v>40</v>
      </c>
      <c r="BY16" s="310">
        <v>166</v>
      </c>
      <c r="BZ16" s="315">
        <v>166</v>
      </c>
      <c r="CA16" s="309">
        <v>0</v>
      </c>
      <c r="CB16" s="313">
        <v>0</v>
      </c>
      <c r="CC16" s="310">
        <v>0</v>
      </c>
      <c r="CD16" s="312">
        <v>0</v>
      </c>
      <c r="CE16" s="313">
        <v>0</v>
      </c>
      <c r="CF16" s="313">
        <v>9</v>
      </c>
      <c r="CG16" s="313">
        <v>6</v>
      </c>
      <c r="CH16" s="313">
        <v>0</v>
      </c>
      <c r="CI16" s="313">
        <v>0</v>
      </c>
      <c r="CJ16" s="310">
        <v>15</v>
      </c>
      <c r="CK16" s="315">
        <v>15</v>
      </c>
      <c r="CL16" s="309">
        <v>0</v>
      </c>
      <c r="CM16" s="313">
        <v>0</v>
      </c>
      <c r="CN16" s="310">
        <v>0</v>
      </c>
      <c r="CO16" s="312">
        <v>0</v>
      </c>
      <c r="CP16" s="313">
        <v>0</v>
      </c>
      <c r="CQ16" s="313">
        <v>0</v>
      </c>
      <c r="CR16" s="313">
        <v>0</v>
      </c>
      <c r="CS16" s="313">
        <v>0</v>
      </c>
      <c r="CT16" s="313">
        <v>0</v>
      </c>
      <c r="CU16" s="310">
        <v>0</v>
      </c>
      <c r="CV16" s="315">
        <v>0</v>
      </c>
      <c r="CW16" s="309">
        <v>0</v>
      </c>
      <c r="CX16" s="313">
        <v>0</v>
      </c>
      <c r="CY16" s="310">
        <v>0</v>
      </c>
      <c r="CZ16" s="312">
        <v>0</v>
      </c>
      <c r="DA16" s="313">
        <v>0</v>
      </c>
      <c r="DB16" s="313">
        <v>0</v>
      </c>
      <c r="DC16" s="313">
        <v>0</v>
      </c>
      <c r="DD16" s="313">
        <v>0</v>
      </c>
      <c r="DE16" s="313">
        <v>0</v>
      </c>
      <c r="DF16" s="310">
        <v>0</v>
      </c>
      <c r="DG16" s="315">
        <v>0</v>
      </c>
    </row>
    <row r="17" spans="1:111" ht="18.75" customHeight="1" x14ac:dyDescent="0.2">
      <c r="A17" s="294" t="s">
        <v>15</v>
      </c>
      <c r="B17" s="309">
        <v>0</v>
      </c>
      <c r="C17" s="310">
        <v>0</v>
      </c>
      <c r="D17" s="311">
        <v>0</v>
      </c>
      <c r="E17" s="312">
        <v>0</v>
      </c>
      <c r="F17" s="313">
        <v>68</v>
      </c>
      <c r="G17" s="313">
        <v>192</v>
      </c>
      <c r="H17" s="313">
        <v>36</v>
      </c>
      <c r="I17" s="313">
        <v>25</v>
      </c>
      <c r="J17" s="313">
        <v>122</v>
      </c>
      <c r="K17" s="314">
        <v>443</v>
      </c>
      <c r="L17" s="315">
        <v>443</v>
      </c>
      <c r="M17" s="309">
        <v>0</v>
      </c>
      <c r="N17" s="313">
        <v>0</v>
      </c>
      <c r="O17" s="310">
        <v>0</v>
      </c>
      <c r="P17" s="312">
        <v>0</v>
      </c>
      <c r="Q17" s="313">
        <v>0</v>
      </c>
      <c r="R17" s="313">
        <v>0</v>
      </c>
      <c r="S17" s="313">
        <v>0</v>
      </c>
      <c r="T17" s="313">
        <v>12</v>
      </c>
      <c r="U17" s="313">
        <v>0</v>
      </c>
      <c r="V17" s="310">
        <v>12</v>
      </c>
      <c r="W17" s="315">
        <v>12</v>
      </c>
      <c r="X17" s="309">
        <v>0</v>
      </c>
      <c r="Y17" s="313">
        <v>0</v>
      </c>
      <c r="Z17" s="310">
        <v>0</v>
      </c>
      <c r="AA17" s="312">
        <v>0</v>
      </c>
      <c r="AB17" s="313">
        <v>5</v>
      </c>
      <c r="AC17" s="313">
        <v>65</v>
      </c>
      <c r="AD17" s="313">
        <v>0</v>
      </c>
      <c r="AE17" s="313">
        <v>14</v>
      </c>
      <c r="AF17" s="313">
        <v>3</v>
      </c>
      <c r="AG17" s="310">
        <v>87</v>
      </c>
      <c r="AH17" s="315">
        <v>87</v>
      </c>
      <c r="AI17" s="309">
        <v>0</v>
      </c>
      <c r="AJ17" s="313">
        <v>0</v>
      </c>
      <c r="AK17" s="310">
        <v>0</v>
      </c>
      <c r="AL17" s="312">
        <v>0</v>
      </c>
      <c r="AM17" s="313">
        <v>0</v>
      </c>
      <c r="AN17" s="313">
        <v>12</v>
      </c>
      <c r="AO17" s="313">
        <v>6</v>
      </c>
      <c r="AP17" s="313">
        <v>0</v>
      </c>
      <c r="AQ17" s="313">
        <v>15</v>
      </c>
      <c r="AR17" s="310">
        <v>33</v>
      </c>
      <c r="AS17" s="315">
        <v>33</v>
      </c>
      <c r="AT17" s="309">
        <v>0</v>
      </c>
      <c r="AU17" s="313">
        <v>0</v>
      </c>
      <c r="AV17" s="310">
        <v>0</v>
      </c>
      <c r="AW17" s="312">
        <v>0</v>
      </c>
      <c r="AX17" s="313">
        <v>6</v>
      </c>
      <c r="AY17" s="313">
        <v>40</v>
      </c>
      <c r="AZ17" s="313">
        <v>27</v>
      </c>
      <c r="BA17" s="313">
        <v>0</v>
      </c>
      <c r="BB17" s="313">
        <v>4</v>
      </c>
      <c r="BC17" s="314">
        <v>77</v>
      </c>
      <c r="BD17" s="315">
        <v>77</v>
      </c>
      <c r="BE17" s="309">
        <v>0</v>
      </c>
      <c r="BF17" s="313">
        <v>0</v>
      </c>
      <c r="BG17" s="310">
        <v>0</v>
      </c>
      <c r="BH17" s="312">
        <v>0</v>
      </c>
      <c r="BI17" s="313">
        <v>13</v>
      </c>
      <c r="BJ17" s="313">
        <v>20</v>
      </c>
      <c r="BK17" s="313">
        <v>16</v>
      </c>
      <c r="BL17" s="313">
        <v>2</v>
      </c>
      <c r="BM17" s="313">
        <v>0</v>
      </c>
      <c r="BN17" s="310">
        <v>51</v>
      </c>
      <c r="BO17" s="315">
        <v>51</v>
      </c>
      <c r="BP17" s="309">
        <v>0</v>
      </c>
      <c r="BQ17" s="313">
        <v>0</v>
      </c>
      <c r="BR17" s="310">
        <v>0</v>
      </c>
      <c r="BS17" s="312">
        <v>0</v>
      </c>
      <c r="BT17" s="313">
        <v>0</v>
      </c>
      <c r="BU17" s="313">
        <v>0</v>
      </c>
      <c r="BV17" s="313">
        <v>0</v>
      </c>
      <c r="BW17" s="313">
        <v>0</v>
      </c>
      <c r="BX17" s="313">
        <v>3</v>
      </c>
      <c r="BY17" s="310">
        <v>3</v>
      </c>
      <c r="BZ17" s="315">
        <v>3</v>
      </c>
      <c r="CA17" s="309">
        <v>0</v>
      </c>
      <c r="CB17" s="313">
        <v>0</v>
      </c>
      <c r="CC17" s="310">
        <v>0</v>
      </c>
      <c r="CD17" s="312">
        <v>0</v>
      </c>
      <c r="CE17" s="313">
        <v>0</v>
      </c>
      <c r="CF17" s="313">
        <v>0</v>
      </c>
      <c r="CG17" s="313">
        <v>0</v>
      </c>
      <c r="CH17" s="313">
        <v>0</v>
      </c>
      <c r="CI17" s="313">
        <v>0</v>
      </c>
      <c r="CJ17" s="310">
        <v>0</v>
      </c>
      <c r="CK17" s="315">
        <v>0</v>
      </c>
      <c r="CL17" s="309">
        <v>0</v>
      </c>
      <c r="CM17" s="313">
        <v>0</v>
      </c>
      <c r="CN17" s="310">
        <v>0</v>
      </c>
      <c r="CO17" s="312">
        <v>0</v>
      </c>
      <c r="CP17" s="313">
        <v>0</v>
      </c>
      <c r="CQ17" s="313">
        <v>0</v>
      </c>
      <c r="CR17" s="313">
        <v>0</v>
      </c>
      <c r="CS17" s="313">
        <v>0</v>
      </c>
      <c r="CT17" s="313">
        <v>0</v>
      </c>
      <c r="CU17" s="310">
        <v>0</v>
      </c>
      <c r="CV17" s="315">
        <v>0</v>
      </c>
      <c r="CW17" s="309">
        <v>0</v>
      </c>
      <c r="CX17" s="313">
        <v>0</v>
      </c>
      <c r="CY17" s="310">
        <v>0</v>
      </c>
      <c r="CZ17" s="312">
        <v>0</v>
      </c>
      <c r="DA17" s="313">
        <v>0</v>
      </c>
      <c r="DB17" s="313">
        <v>0</v>
      </c>
      <c r="DC17" s="313">
        <v>0</v>
      </c>
      <c r="DD17" s="313">
        <v>0</v>
      </c>
      <c r="DE17" s="313">
        <v>0</v>
      </c>
      <c r="DF17" s="310">
        <v>0</v>
      </c>
      <c r="DG17" s="315">
        <v>0</v>
      </c>
    </row>
    <row r="18" spans="1:111" ht="18.75" customHeight="1" x14ac:dyDescent="0.2">
      <c r="A18" s="294" t="s">
        <v>16</v>
      </c>
      <c r="B18" s="309">
        <v>0</v>
      </c>
      <c r="C18" s="310">
        <v>0</v>
      </c>
      <c r="D18" s="311">
        <v>0</v>
      </c>
      <c r="E18" s="312">
        <v>0</v>
      </c>
      <c r="F18" s="313">
        <v>148</v>
      </c>
      <c r="G18" s="313">
        <v>156</v>
      </c>
      <c r="H18" s="313">
        <v>202</v>
      </c>
      <c r="I18" s="313">
        <v>317</v>
      </c>
      <c r="J18" s="313">
        <v>136</v>
      </c>
      <c r="K18" s="314">
        <v>959</v>
      </c>
      <c r="L18" s="315">
        <v>959</v>
      </c>
      <c r="M18" s="309">
        <v>0</v>
      </c>
      <c r="N18" s="313">
        <v>0</v>
      </c>
      <c r="O18" s="310">
        <v>0</v>
      </c>
      <c r="P18" s="312">
        <v>0</v>
      </c>
      <c r="Q18" s="313">
        <v>0</v>
      </c>
      <c r="R18" s="313">
        <v>3</v>
      </c>
      <c r="S18" s="313">
        <v>0</v>
      </c>
      <c r="T18" s="313">
        <v>8</v>
      </c>
      <c r="U18" s="313">
        <v>11</v>
      </c>
      <c r="V18" s="310">
        <v>22</v>
      </c>
      <c r="W18" s="315">
        <v>22</v>
      </c>
      <c r="X18" s="309">
        <v>0</v>
      </c>
      <c r="Y18" s="313">
        <v>26</v>
      </c>
      <c r="Z18" s="310">
        <v>26</v>
      </c>
      <c r="AA18" s="312">
        <v>0</v>
      </c>
      <c r="AB18" s="313">
        <v>64</v>
      </c>
      <c r="AC18" s="313">
        <v>202</v>
      </c>
      <c r="AD18" s="313">
        <v>82</v>
      </c>
      <c r="AE18" s="313">
        <v>69</v>
      </c>
      <c r="AF18" s="313">
        <v>40</v>
      </c>
      <c r="AG18" s="310">
        <v>457</v>
      </c>
      <c r="AH18" s="315">
        <v>483</v>
      </c>
      <c r="AI18" s="309">
        <v>0</v>
      </c>
      <c r="AJ18" s="313">
        <v>0</v>
      </c>
      <c r="AK18" s="310">
        <v>0</v>
      </c>
      <c r="AL18" s="312">
        <v>0</v>
      </c>
      <c r="AM18" s="313">
        <v>0</v>
      </c>
      <c r="AN18" s="313">
        <v>15</v>
      </c>
      <c r="AO18" s="313">
        <v>24</v>
      </c>
      <c r="AP18" s="313">
        <v>0</v>
      </c>
      <c r="AQ18" s="313">
        <v>48</v>
      </c>
      <c r="AR18" s="310">
        <v>87</v>
      </c>
      <c r="AS18" s="315">
        <v>87</v>
      </c>
      <c r="AT18" s="309">
        <v>0</v>
      </c>
      <c r="AU18" s="313">
        <v>0</v>
      </c>
      <c r="AV18" s="310">
        <v>0</v>
      </c>
      <c r="AW18" s="312">
        <v>0</v>
      </c>
      <c r="AX18" s="313">
        <v>185</v>
      </c>
      <c r="AY18" s="313">
        <v>306</v>
      </c>
      <c r="AZ18" s="313">
        <v>128</v>
      </c>
      <c r="BA18" s="313">
        <v>91</v>
      </c>
      <c r="BB18" s="313">
        <v>36</v>
      </c>
      <c r="BC18" s="314">
        <v>746</v>
      </c>
      <c r="BD18" s="315">
        <v>746</v>
      </c>
      <c r="BE18" s="309">
        <v>0</v>
      </c>
      <c r="BF18" s="313">
        <v>0</v>
      </c>
      <c r="BG18" s="310">
        <v>0</v>
      </c>
      <c r="BH18" s="312">
        <v>0</v>
      </c>
      <c r="BI18" s="313">
        <v>131</v>
      </c>
      <c r="BJ18" s="313">
        <v>232</v>
      </c>
      <c r="BK18" s="313">
        <v>36</v>
      </c>
      <c r="BL18" s="313">
        <v>37</v>
      </c>
      <c r="BM18" s="313">
        <v>0</v>
      </c>
      <c r="BN18" s="310">
        <v>436</v>
      </c>
      <c r="BO18" s="315">
        <v>436</v>
      </c>
      <c r="BP18" s="309">
        <v>0</v>
      </c>
      <c r="BQ18" s="313">
        <v>4</v>
      </c>
      <c r="BR18" s="310">
        <v>4</v>
      </c>
      <c r="BS18" s="312">
        <v>0</v>
      </c>
      <c r="BT18" s="313">
        <v>0</v>
      </c>
      <c r="BU18" s="313">
        <v>68</v>
      </c>
      <c r="BV18" s="313">
        <v>43</v>
      </c>
      <c r="BW18" s="313">
        <v>7</v>
      </c>
      <c r="BX18" s="313">
        <v>0</v>
      </c>
      <c r="BY18" s="310">
        <v>118</v>
      </c>
      <c r="BZ18" s="315">
        <v>122</v>
      </c>
      <c r="CA18" s="309">
        <v>0</v>
      </c>
      <c r="CB18" s="313">
        <v>0</v>
      </c>
      <c r="CC18" s="310">
        <v>0</v>
      </c>
      <c r="CD18" s="312">
        <v>0</v>
      </c>
      <c r="CE18" s="313">
        <v>0</v>
      </c>
      <c r="CF18" s="313">
        <v>0</v>
      </c>
      <c r="CG18" s="313">
        <v>0</v>
      </c>
      <c r="CH18" s="313">
        <v>5</v>
      </c>
      <c r="CI18" s="313">
        <v>0</v>
      </c>
      <c r="CJ18" s="310">
        <v>5</v>
      </c>
      <c r="CK18" s="315">
        <v>5</v>
      </c>
      <c r="CL18" s="309">
        <v>0</v>
      </c>
      <c r="CM18" s="313">
        <v>0</v>
      </c>
      <c r="CN18" s="310">
        <v>0</v>
      </c>
      <c r="CO18" s="312">
        <v>0</v>
      </c>
      <c r="CP18" s="313">
        <v>0</v>
      </c>
      <c r="CQ18" s="313">
        <v>0</v>
      </c>
      <c r="CR18" s="313">
        <v>0</v>
      </c>
      <c r="CS18" s="313">
        <v>0</v>
      </c>
      <c r="CT18" s="313">
        <v>0</v>
      </c>
      <c r="CU18" s="310">
        <v>0</v>
      </c>
      <c r="CV18" s="315">
        <v>0</v>
      </c>
      <c r="CW18" s="309">
        <v>0</v>
      </c>
      <c r="CX18" s="313">
        <v>0</v>
      </c>
      <c r="CY18" s="310">
        <v>0</v>
      </c>
      <c r="CZ18" s="312">
        <v>0</v>
      </c>
      <c r="DA18" s="313">
        <v>0</v>
      </c>
      <c r="DB18" s="313">
        <v>0</v>
      </c>
      <c r="DC18" s="313">
        <v>0</v>
      </c>
      <c r="DD18" s="313">
        <v>0</v>
      </c>
      <c r="DE18" s="313">
        <v>0</v>
      </c>
      <c r="DF18" s="310">
        <v>0</v>
      </c>
      <c r="DG18" s="315">
        <v>0</v>
      </c>
    </row>
    <row r="19" spans="1:111" ht="18.75" customHeight="1" x14ac:dyDescent="0.2">
      <c r="A19" s="294" t="s">
        <v>17</v>
      </c>
      <c r="B19" s="309">
        <v>0</v>
      </c>
      <c r="C19" s="310">
        <v>0</v>
      </c>
      <c r="D19" s="311">
        <v>0</v>
      </c>
      <c r="E19" s="312">
        <v>0</v>
      </c>
      <c r="F19" s="313">
        <v>97</v>
      </c>
      <c r="G19" s="313">
        <v>393</v>
      </c>
      <c r="H19" s="313">
        <v>308</v>
      </c>
      <c r="I19" s="313">
        <v>412</v>
      </c>
      <c r="J19" s="313">
        <v>618</v>
      </c>
      <c r="K19" s="314">
        <v>1828</v>
      </c>
      <c r="L19" s="315">
        <v>1828</v>
      </c>
      <c r="M19" s="309">
        <v>0</v>
      </c>
      <c r="N19" s="313">
        <v>0</v>
      </c>
      <c r="O19" s="310">
        <v>0</v>
      </c>
      <c r="P19" s="312">
        <v>0</v>
      </c>
      <c r="Q19" s="313">
        <v>0</v>
      </c>
      <c r="R19" s="313">
        <v>1</v>
      </c>
      <c r="S19" s="313">
        <v>0</v>
      </c>
      <c r="T19" s="313">
        <v>9</v>
      </c>
      <c r="U19" s="313">
        <v>21</v>
      </c>
      <c r="V19" s="310">
        <v>31</v>
      </c>
      <c r="W19" s="315">
        <v>31</v>
      </c>
      <c r="X19" s="309">
        <v>0</v>
      </c>
      <c r="Y19" s="313">
        <v>38</v>
      </c>
      <c r="Z19" s="310">
        <v>38</v>
      </c>
      <c r="AA19" s="312">
        <v>0</v>
      </c>
      <c r="AB19" s="313">
        <v>69</v>
      </c>
      <c r="AC19" s="313">
        <v>102</v>
      </c>
      <c r="AD19" s="313">
        <v>71</v>
      </c>
      <c r="AE19" s="313">
        <v>105</v>
      </c>
      <c r="AF19" s="313">
        <v>77</v>
      </c>
      <c r="AG19" s="310">
        <v>424</v>
      </c>
      <c r="AH19" s="315">
        <v>462</v>
      </c>
      <c r="AI19" s="309">
        <v>24</v>
      </c>
      <c r="AJ19" s="313">
        <v>0</v>
      </c>
      <c r="AK19" s="310">
        <v>24</v>
      </c>
      <c r="AL19" s="312">
        <v>0</v>
      </c>
      <c r="AM19" s="313">
        <v>0</v>
      </c>
      <c r="AN19" s="313">
        <v>36</v>
      </c>
      <c r="AO19" s="313">
        <v>0</v>
      </c>
      <c r="AP19" s="313">
        <v>8</v>
      </c>
      <c r="AQ19" s="313">
        <v>12</v>
      </c>
      <c r="AR19" s="310">
        <v>56</v>
      </c>
      <c r="AS19" s="315">
        <v>80</v>
      </c>
      <c r="AT19" s="309">
        <v>0</v>
      </c>
      <c r="AU19" s="313">
        <v>0</v>
      </c>
      <c r="AV19" s="310">
        <v>0</v>
      </c>
      <c r="AW19" s="312">
        <v>0</v>
      </c>
      <c r="AX19" s="313">
        <v>274</v>
      </c>
      <c r="AY19" s="313">
        <v>235</v>
      </c>
      <c r="AZ19" s="313">
        <v>148</v>
      </c>
      <c r="BA19" s="313">
        <v>118</v>
      </c>
      <c r="BB19" s="313">
        <v>2</v>
      </c>
      <c r="BC19" s="314">
        <v>777</v>
      </c>
      <c r="BD19" s="315">
        <v>777</v>
      </c>
      <c r="BE19" s="309">
        <v>0</v>
      </c>
      <c r="BF19" s="313">
        <v>0</v>
      </c>
      <c r="BG19" s="310">
        <v>0</v>
      </c>
      <c r="BH19" s="312">
        <v>0</v>
      </c>
      <c r="BI19" s="313">
        <v>55</v>
      </c>
      <c r="BJ19" s="313">
        <v>114</v>
      </c>
      <c r="BK19" s="313">
        <v>14</v>
      </c>
      <c r="BL19" s="313">
        <v>4</v>
      </c>
      <c r="BM19" s="313">
        <v>6</v>
      </c>
      <c r="BN19" s="310">
        <v>193</v>
      </c>
      <c r="BO19" s="315">
        <v>193</v>
      </c>
      <c r="BP19" s="309">
        <v>0</v>
      </c>
      <c r="BQ19" s="313">
        <v>0</v>
      </c>
      <c r="BR19" s="310">
        <v>0</v>
      </c>
      <c r="BS19" s="312">
        <v>0</v>
      </c>
      <c r="BT19" s="313">
        <v>10</v>
      </c>
      <c r="BU19" s="313">
        <v>29</v>
      </c>
      <c r="BV19" s="313">
        <v>156</v>
      </c>
      <c r="BW19" s="313">
        <v>168</v>
      </c>
      <c r="BX19" s="313">
        <v>17</v>
      </c>
      <c r="BY19" s="310">
        <v>380</v>
      </c>
      <c r="BZ19" s="315">
        <v>380</v>
      </c>
      <c r="CA19" s="309">
        <v>0</v>
      </c>
      <c r="CB19" s="313">
        <v>0</v>
      </c>
      <c r="CC19" s="310">
        <v>0</v>
      </c>
      <c r="CD19" s="312">
        <v>0</v>
      </c>
      <c r="CE19" s="313">
        <v>6</v>
      </c>
      <c r="CF19" s="313">
        <v>18</v>
      </c>
      <c r="CG19" s="313">
        <v>0</v>
      </c>
      <c r="CH19" s="313">
        <v>0</v>
      </c>
      <c r="CI19" s="313">
        <v>0</v>
      </c>
      <c r="CJ19" s="310">
        <v>24</v>
      </c>
      <c r="CK19" s="315">
        <v>24</v>
      </c>
      <c r="CL19" s="309">
        <v>0</v>
      </c>
      <c r="CM19" s="313">
        <v>0</v>
      </c>
      <c r="CN19" s="310">
        <v>0</v>
      </c>
      <c r="CO19" s="312">
        <v>0</v>
      </c>
      <c r="CP19" s="313">
        <v>0</v>
      </c>
      <c r="CQ19" s="313">
        <v>0</v>
      </c>
      <c r="CR19" s="313">
        <v>0</v>
      </c>
      <c r="CS19" s="313">
        <v>0</v>
      </c>
      <c r="CT19" s="313">
        <v>0</v>
      </c>
      <c r="CU19" s="310">
        <v>0</v>
      </c>
      <c r="CV19" s="315">
        <v>0</v>
      </c>
      <c r="CW19" s="309">
        <v>0</v>
      </c>
      <c r="CX19" s="313">
        <v>0</v>
      </c>
      <c r="CY19" s="310">
        <v>0</v>
      </c>
      <c r="CZ19" s="312">
        <v>0</v>
      </c>
      <c r="DA19" s="313">
        <v>0</v>
      </c>
      <c r="DB19" s="313">
        <v>0</v>
      </c>
      <c r="DC19" s="313">
        <v>0</v>
      </c>
      <c r="DD19" s="313">
        <v>0</v>
      </c>
      <c r="DE19" s="313">
        <v>0</v>
      </c>
      <c r="DF19" s="310">
        <v>0</v>
      </c>
      <c r="DG19" s="315">
        <v>0</v>
      </c>
    </row>
    <row r="20" spans="1:111" ht="18.75" customHeight="1" x14ac:dyDescent="0.2">
      <c r="A20" s="294" t="s">
        <v>18</v>
      </c>
      <c r="B20" s="309">
        <v>0</v>
      </c>
      <c r="C20" s="310">
        <v>0</v>
      </c>
      <c r="D20" s="311">
        <v>0</v>
      </c>
      <c r="E20" s="312">
        <v>0</v>
      </c>
      <c r="F20" s="313">
        <v>237</v>
      </c>
      <c r="G20" s="313">
        <v>838</v>
      </c>
      <c r="H20" s="313">
        <v>543</v>
      </c>
      <c r="I20" s="313">
        <v>778</v>
      </c>
      <c r="J20" s="313">
        <v>362</v>
      </c>
      <c r="K20" s="314">
        <v>2758</v>
      </c>
      <c r="L20" s="315">
        <v>2758</v>
      </c>
      <c r="M20" s="309">
        <v>0</v>
      </c>
      <c r="N20" s="313">
        <v>0</v>
      </c>
      <c r="O20" s="310">
        <v>0</v>
      </c>
      <c r="P20" s="312">
        <v>0</v>
      </c>
      <c r="Q20" s="313">
        <v>0</v>
      </c>
      <c r="R20" s="313">
        <v>0</v>
      </c>
      <c r="S20" s="313">
        <v>9</v>
      </c>
      <c r="T20" s="313">
        <v>26</v>
      </c>
      <c r="U20" s="313">
        <v>23</v>
      </c>
      <c r="V20" s="310">
        <v>58</v>
      </c>
      <c r="W20" s="315">
        <v>58</v>
      </c>
      <c r="X20" s="309">
        <v>12</v>
      </c>
      <c r="Y20" s="313">
        <v>41</v>
      </c>
      <c r="Z20" s="310">
        <v>53</v>
      </c>
      <c r="AA20" s="312">
        <v>0</v>
      </c>
      <c r="AB20" s="313">
        <v>153</v>
      </c>
      <c r="AC20" s="313">
        <v>179</v>
      </c>
      <c r="AD20" s="313">
        <v>92</v>
      </c>
      <c r="AE20" s="313">
        <v>125</v>
      </c>
      <c r="AF20" s="313">
        <v>59</v>
      </c>
      <c r="AG20" s="310">
        <v>608</v>
      </c>
      <c r="AH20" s="315">
        <v>661</v>
      </c>
      <c r="AI20" s="309">
        <v>0</v>
      </c>
      <c r="AJ20" s="313">
        <v>63</v>
      </c>
      <c r="AK20" s="310">
        <v>63</v>
      </c>
      <c r="AL20" s="312">
        <v>0</v>
      </c>
      <c r="AM20" s="313">
        <v>78</v>
      </c>
      <c r="AN20" s="313">
        <v>102</v>
      </c>
      <c r="AO20" s="313">
        <v>0</v>
      </c>
      <c r="AP20" s="313">
        <v>27</v>
      </c>
      <c r="AQ20" s="313">
        <v>0</v>
      </c>
      <c r="AR20" s="310">
        <v>207</v>
      </c>
      <c r="AS20" s="315">
        <v>270</v>
      </c>
      <c r="AT20" s="309">
        <v>0</v>
      </c>
      <c r="AU20" s="313">
        <v>0</v>
      </c>
      <c r="AV20" s="310">
        <v>0</v>
      </c>
      <c r="AW20" s="312">
        <v>0</v>
      </c>
      <c r="AX20" s="313">
        <v>355</v>
      </c>
      <c r="AY20" s="313">
        <v>376</v>
      </c>
      <c r="AZ20" s="313">
        <v>231</v>
      </c>
      <c r="BA20" s="313">
        <v>75</v>
      </c>
      <c r="BB20" s="313">
        <v>47</v>
      </c>
      <c r="BC20" s="314">
        <v>1084</v>
      </c>
      <c r="BD20" s="315">
        <v>1084</v>
      </c>
      <c r="BE20" s="309">
        <v>0</v>
      </c>
      <c r="BF20" s="313">
        <v>0</v>
      </c>
      <c r="BG20" s="310">
        <v>0</v>
      </c>
      <c r="BH20" s="312">
        <v>0</v>
      </c>
      <c r="BI20" s="313">
        <v>80</v>
      </c>
      <c r="BJ20" s="313">
        <v>116</v>
      </c>
      <c r="BK20" s="313">
        <v>104</v>
      </c>
      <c r="BL20" s="313">
        <v>47</v>
      </c>
      <c r="BM20" s="313">
        <v>12</v>
      </c>
      <c r="BN20" s="310">
        <v>359</v>
      </c>
      <c r="BO20" s="315">
        <v>359</v>
      </c>
      <c r="BP20" s="309">
        <v>2</v>
      </c>
      <c r="BQ20" s="313">
        <v>2</v>
      </c>
      <c r="BR20" s="310">
        <v>4</v>
      </c>
      <c r="BS20" s="312">
        <v>0</v>
      </c>
      <c r="BT20" s="313">
        <v>11</v>
      </c>
      <c r="BU20" s="313">
        <v>38</v>
      </c>
      <c r="BV20" s="313">
        <v>68</v>
      </c>
      <c r="BW20" s="313">
        <v>74</v>
      </c>
      <c r="BX20" s="313">
        <v>23</v>
      </c>
      <c r="BY20" s="310">
        <v>214</v>
      </c>
      <c r="BZ20" s="315">
        <v>218</v>
      </c>
      <c r="CA20" s="309">
        <v>0</v>
      </c>
      <c r="CB20" s="313">
        <v>0</v>
      </c>
      <c r="CC20" s="310">
        <v>0</v>
      </c>
      <c r="CD20" s="312">
        <v>0</v>
      </c>
      <c r="CE20" s="313">
        <v>2</v>
      </c>
      <c r="CF20" s="313">
        <v>0</v>
      </c>
      <c r="CG20" s="313">
        <v>0</v>
      </c>
      <c r="CH20" s="313">
        <v>5</v>
      </c>
      <c r="CI20" s="313">
        <v>0</v>
      </c>
      <c r="CJ20" s="310">
        <v>7</v>
      </c>
      <c r="CK20" s="315">
        <v>7</v>
      </c>
      <c r="CL20" s="309">
        <v>0</v>
      </c>
      <c r="CM20" s="313">
        <v>0</v>
      </c>
      <c r="CN20" s="310">
        <v>0</v>
      </c>
      <c r="CO20" s="312">
        <v>0</v>
      </c>
      <c r="CP20" s="313">
        <v>0</v>
      </c>
      <c r="CQ20" s="313">
        <v>0</v>
      </c>
      <c r="CR20" s="313">
        <v>0</v>
      </c>
      <c r="CS20" s="313">
        <v>0</v>
      </c>
      <c r="CT20" s="313">
        <v>0</v>
      </c>
      <c r="CU20" s="310">
        <v>0</v>
      </c>
      <c r="CV20" s="315">
        <v>0</v>
      </c>
      <c r="CW20" s="309">
        <v>0</v>
      </c>
      <c r="CX20" s="313">
        <v>0</v>
      </c>
      <c r="CY20" s="310">
        <v>0</v>
      </c>
      <c r="CZ20" s="312">
        <v>0</v>
      </c>
      <c r="DA20" s="313">
        <v>0</v>
      </c>
      <c r="DB20" s="313">
        <v>0</v>
      </c>
      <c r="DC20" s="313">
        <v>0</v>
      </c>
      <c r="DD20" s="313">
        <v>0</v>
      </c>
      <c r="DE20" s="313">
        <v>0</v>
      </c>
      <c r="DF20" s="310">
        <v>0</v>
      </c>
      <c r="DG20" s="315">
        <v>0</v>
      </c>
    </row>
    <row r="21" spans="1:111" ht="18.75" customHeight="1" x14ac:dyDescent="0.2">
      <c r="A21" s="294" t="s">
        <v>19</v>
      </c>
      <c r="B21" s="309">
        <v>0</v>
      </c>
      <c r="C21" s="310">
        <v>0</v>
      </c>
      <c r="D21" s="311">
        <v>0</v>
      </c>
      <c r="E21" s="312">
        <v>0</v>
      </c>
      <c r="F21" s="313">
        <v>348</v>
      </c>
      <c r="G21" s="313">
        <v>130</v>
      </c>
      <c r="H21" s="313">
        <v>72</v>
      </c>
      <c r="I21" s="313">
        <v>452</v>
      </c>
      <c r="J21" s="313">
        <v>32</v>
      </c>
      <c r="K21" s="314">
        <v>1034</v>
      </c>
      <c r="L21" s="315">
        <v>1034</v>
      </c>
      <c r="M21" s="309">
        <v>0</v>
      </c>
      <c r="N21" s="313">
        <v>0</v>
      </c>
      <c r="O21" s="310">
        <v>0</v>
      </c>
      <c r="P21" s="312">
        <v>0</v>
      </c>
      <c r="Q21" s="313">
        <v>0</v>
      </c>
      <c r="R21" s="313">
        <v>1</v>
      </c>
      <c r="S21" s="313">
        <v>0</v>
      </c>
      <c r="T21" s="313">
        <v>20</v>
      </c>
      <c r="U21" s="313">
        <v>13</v>
      </c>
      <c r="V21" s="310">
        <v>34</v>
      </c>
      <c r="W21" s="315">
        <v>34</v>
      </c>
      <c r="X21" s="309">
        <v>4</v>
      </c>
      <c r="Y21" s="313">
        <v>39</v>
      </c>
      <c r="Z21" s="310">
        <v>43</v>
      </c>
      <c r="AA21" s="312">
        <v>0</v>
      </c>
      <c r="AB21" s="313">
        <v>125</v>
      </c>
      <c r="AC21" s="313">
        <v>72</v>
      </c>
      <c r="AD21" s="313">
        <v>25</v>
      </c>
      <c r="AE21" s="313">
        <v>75</v>
      </c>
      <c r="AF21" s="313">
        <v>27</v>
      </c>
      <c r="AG21" s="310">
        <v>324</v>
      </c>
      <c r="AH21" s="315">
        <v>367</v>
      </c>
      <c r="AI21" s="309">
        <v>0</v>
      </c>
      <c r="AJ21" s="313">
        <v>0</v>
      </c>
      <c r="AK21" s="310">
        <v>0</v>
      </c>
      <c r="AL21" s="312">
        <v>0</v>
      </c>
      <c r="AM21" s="313">
        <v>0</v>
      </c>
      <c r="AN21" s="313">
        <v>26</v>
      </c>
      <c r="AO21" s="313">
        <v>42</v>
      </c>
      <c r="AP21" s="313">
        <v>0</v>
      </c>
      <c r="AQ21" s="313">
        <v>0</v>
      </c>
      <c r="AR21" s="310">
        <v>68</v>
      </c>
      <c r="AS21" s="315">
        <v>68</v>
      </c>
      <c r="AT21" s="309">
        <v>0</v>
      </c>
      <c r="AU21" s="313">
        <v>0</v>
      </c>
      <c r="AV21" s="310">
        <v>0</v>
      </c>
      <c r="AW21" s="312">
        <v>0</v>
      </c>
      <c r="AX21" s="313">
        <v>319</v>
      </c>
      <c r="AY21" s="313">
        <v>145</v>
      </c>
      <c r="AZ21" s="313">
        <v>121</v>
      </c>
      <c r="BA21" s="313">
        <v>13</v>
      </c>
      <c r="BB21" s="313">
        <v>1</v>
      </c>
      <c r="BC21" s="314">
        <v>599</v>
      </c>
      <c r="BD21" s="315">
        <v>599</v>
      </c>
      <c r="BE21" s="309">
        <v>0</v>
      </c>
      <c r="BF21" s="313">
        <v>0</v>
      </c>
      <c r="BG21" s="310">
        <v>0</v>
      </c>
      <c r="BH21" s="312">
        <v>0</v>
      </c>
      <c r="BI21" s="313">
        <v>52</v>
      </c>
      <c r="BJ21" s="313">
        <v>59</v>
      </c>
      <c r="BK21" s="313">
        <v>35</v>
      </c>
      <c r="BL21" s="313">
        <v>22</v>
      </c>
      <c r="BM21" s="313">
        <v>0</v>
      </c>
      <c r="BN21" s="310">
        <v>168</v>
      </c>
      <c r="BO21" s="315">
        <v>168</v>
      </c>
      <c r="BP21" s="309">
        <v>0</v>
      </c>
      <c r="BQ21" s="313">
        <v>2</v>
      </c>
      <c r="BR21" s="310">
        <v>2</v>
      </c>
      <c r="BS21" s="312">
        <v>0</v>
      </c>
      <c r="BT21" s="313">
        <v>27</v>
      </c>
      <c r="BU21" s="313">
        <v>22</v>
      </c>
      <c r="BV21" s="313">
        <v>2</v>
      </c>
      <c r="BW21" s="313">
        <v>0</v>
      </c>
      <c r="BX21" s="313">
        <v>0</v>
      </c>
      <c r="BY21" s="310">
        <v>51</v>
      </c>
      <c r="BZ21" s="315">
        <v>53</v>
      </c>
      <c r="CA21" s="309">
        <v>0</v>
      </c>
      <c r="CB21" s="313">
        <v>0</v>
      </c>
      <c r="CC21" s="310">
        <v>0</v>
      </c>
      <c r="CD21" s="312">
        <v>0</v>
      </c>
      <c r="CE21" s="313">
        <v>0</v>
      </c>
      <c r="CF21" s="313">
        <v>0</v>
      </c>
      <c r="CG21" s="313">
        <v>3</v>
      </c>
      <c r="CH21" s="313">
        <v>19</v>
      </c>
      <c r="CI21" s="313">
        <v>0</v>
      </c>
      <c r="CJ21" s="310">
        <v>22</v>
      </c>
      <c r="CK21" s="315">
        <v>22</v>
      </c>
      <c r="CL21" s="309">
        <v>0</v>
      </c>
      <c r="CM21" s="313">
        <v>0</v>
      </c>
      <c r="CN21" s="310">
        <v>0</v>
      </c>
      <c r="CO21" s="312">
        <v>0</v>
      </c>
      <c r="CP21" s="313">
        <v>0</v>
      </c>
      <c r="CQ21" s="313">
        <v>0</v>
      </c>
      <c r="CR21" s="313">
        <v>0</v>
      </c>
      <c r="CS21" s="313">
        <v>0</v>
      </c>
      <c r="CT21" s="313">
        <v>0</v>
      </c>
      <c r="CU21" s="310">
        <v>0</v>
      </c>
      <c r="CV21" s="315">
        <v>0</v>
      </c>
      <c r="CW21" s="309">
        <v>0</v>
      </c>
      <c r="CX21" s="313">
        <v>0</v>
      </c>
      <c r="CY21" s="310">
        <v>0</v>
      </c>
      <c r="CZ21" s="312">
        <v>0</v>
      </c>
      <c r="DA21" s="313">
        <v>0</v>
      </c>
      <c r="DB21" s="313">
        <v>0</v>
      </c>
      <c r="DC21" s="313">
        <v>0</v>
      </c>
      <c r="DD21" s="313">
        <v>0</v>
      </c>
      <c r="DE21" s="313">
        <v>0</v>
      </c>
      <c r="DF21" s="310">
        <v>0</v>
      </c>
      <c r="DG21" s="315">
        <v>0</v>
      </c>
    </row>
    <row r="22" spans="1:111" ht="18.75" customHeight="1" x14ac:dyDescent="0.2">
      <c r="A22" s="294" t="s">
        <v>20</v>
      </c>
      <c r="B22" s="309">
        <v>0</v>
      </c>
      <c r="C22" s="310">
        <v>0</v>
      </c>
      <c r="D22" s="311">
        <v>0</v>
      </c>
      <c r="E22" s="312">
        <v>0</v>
      </c>
      <c r="F22" s="313">
        <v>215</v>
      </c>
      <c r="G22" s="313">
        <v>179</v>
      </c>
      <c r="H22" s="313">
        <v>225</v>
      </c>
      <c r="I22" s="313">
        <v>205</v>
      </c>
      <c r="J22" s="313">
        <v>17</v>
      </c>
      <c r="K22" s="314">
        <v>841</v>
      </c>
      <c r="L22" s="315">
        <v>841</v>
      </c>
      <c r="M22" s="309">
        <v>0</v>
      </c>
      <c r="N22" s="313">
        <v>0</v>
      </c>
      <c r="O22" s="310">
        <v>0</v>
      </c>
      <c r="P22" s="312">
        <v>0</v>
      </c>
      <c r="Q22" s="313">
        <v>0</v>
      </c>
      <c r="R22" s="313">
        <v>0</v>
      </c>
      <c r="S22" s="313">
        <v>0</v>
      </c>
      <c r="T22" s="313">
        <v>13</v>
      </c>
      <c r="U22" s="313">
        <v>8</v>
      </c>
      <c r="V22" s="310">
        <v>21</v>
      </c>
      <c r="W22" s="315">
        <v>21</v>
      </c>
      <c r="X22" s="309">
        <v>18</v>
      </c>
      <c r="Y22" s="313">
        <v>33</v>
      </c>
      <c r="Z22" s="310">
        <v>51</v>
      </c>
      <c r="AA22" s="312">
        <v>0</v>
      </c>
      <c r="AB22" s="313">
        <v>261</v>
      </c>
      <c r="AC22" s="313">
        <v>108</v>
      </c>
      <c r="AD22" s="313">
        <v>164</v>
      </c>
      <c r="AE22" s="313">
        <v>88</v>
      </c>
      <c r="AF22" s="313">
        <v>83</v>
      </c>
      <c r="AG22" s="310">
        <v>704</v>
      </c>
      <c r="AH22" s="315">
        <v>755</v>
      </c>
      <c r="AI22" s="309">
        <v>0</v>
      </c>
      <c r="AJ22" s="313">
        <v>8</v>
      </c>
      <c r="AK22" s="310">
        <v>8</v>
      </c>
      <c r="AL22" s="312">
        <v>0</v>
      </c>
      <c r="AM22" s="313">
        <v>52</v>
      </c>
      <c r="AN22" s="313">
        <v>60</v>
      </c>
      <c r="AO22" s="313">
        <v>61</v>
      </c>
      <c r="AP22" s="313">
        <v>16</v>
      </c>
      <c r="AQ22" s="313">
        <v>0</v>
      </c>
      <c r="AR22" s="310">
        <v>189</v>
      </c>
      <c r="AS22" s="315">
        <v>197</v>
      </c>
      <c r="AT22" s="309">
        <v>0</v>
      </c>
      <c r="AU22" s="313">
        <v>0</v>
      </c>
      <c r="AV22" s="310">
        <v>0</v>
      </c>
      <c r="AW22" s="312">
        <v>0</v>
      </c>
      <c r="AX22" s="313">
        <v>189</v>
      </c>
      <c r="AY22" s="313">
        <v>138</v>
      </c>
      <c r="AZ22" s="313">
        <v>127</v>
      </c>
      <c r="BA22" s="313">
        <v>12</v>
      </c>
      <c r="BB22" s="313">
        <v>12</v>
      </c>
      <c r="BC22" s="314">
        <v>478</v>
      </c>
      <c r="BD22" s="315">
        <v>478</v>
      </c>
      <c r="BE22" s="309">
        <v>0</v>
      </c>
      <c r="BF22" s="313">
        <v>0</v>
      </c>
      <c r="BG22" s="310">
        <v>0</v>
      </c>
      <c r="BH22" s="312">
        <v>0</v>
      </c>
      <c r="BI22" s="313">
        <v>108</v>
      </c>
      <c r="BJ22" s="313">
        <v>58</v>
      </c>
      <c r="BK22" s="313">
        <v>47</v>
      </c>
      <c r="BL22" s="313">
        <v>55</v>
      </c>
      <c r="BM22" s="313">
        <v>4</v>
      </c>
      <c r="BN22" s="310">
        <v>272</v>
      </c>
      <c r="BO22" s="315">
        <v>272</v>
      </c>
      <c r="BP22" s="309">
        <v>0</v>
      </c>
      <c r="BQ22" s="313">
        <v>9</v>
      </c>
      <c r="BR22" s="310">
        <v>9</v>
      </c>
      <c r="BS22" s="312">
        <v>0</v>
      </c>
      <c r="BT22" s="313">
        <v>23</v>
      </c>
      <c r="BU22" s="313">
        <v>6</v>
      </c>
      <c r="BV22" s="313">
        <v>71</v>
      </c>
      <c r="BW22" s="313">
        <v>162</v>
      </c>
      <c r="BX22" s="313">
        <v>0</v>
      </c>
      <c r="BY22" s="310">
        <v>262</v>
      </c>
      <c r="BZ22" s="315">
        <v>271</v>
      </c>
      <c r="CA22" s="309">
        <v>0</v>
      </c>
      <c r="CB22" s="313">
        <v>0</v>
      </c>
      <c r="CC22" s="310">
        <v>0</v>
      </c>
      <c r="CD22" s="312">
        <v>0</v>
      </c>
      <c r="CE22" s="313">
        <v>0</v>
      </c>
      <c r="CF22" s="313">
        <v>0</v>
      </c>
      <c r="CG22" s="313">
        <v>0</v>
      </c>
      <c r="CH22" s="313">
        <v>12</v>
      </c>
      <c r="CI22" s="313">
        <v>0</v>
      </c>
      <c r="CJ22" s="310">
        <v>12</v>
      </c>
      <c r="CK22" s="315">
        <v>12</v>
      </c>
      <c r="CL22" s="309">
        <v>0</v>
      </c>
      <c r="CM22" s="313">
        <v>0</v>
      </c>
      <c r="CN22" s="310">
        <v>0</v>
      </c>
      <c r="CO22" s="312">
        <v>0</v>
      </c>
      <c r="CP22" s="313">
        <v>0</v>
      </c>
      <c r="CQ22" s="313">
        <v>0</v>
      </c>
      <c r="CR22" s="313">
        <v>0</v>
      </c>
      <c r="CS22" s="313">
        <v>0</v>
      </c>
      <c r="CT22" s="313">
        <v>0</v>
      </c>
      <c r="CU22" s="310">
        <v>0</v>
      </c>
      <c r="CV22" s="315">
        <v>0</v>
      </c>
      <c r="CW22" s="309">
        <v>0</v>
      </c>
      <c r="CX22" s="313">
        <v>0</v>
      </c>
      <c r="CY22" s="310">
        <v>0</v>
      </c>
      <c r="CZ22" s="312">
        <v>0</v>
      </c>
      <c r="DA22" s="313">
        <v>0</v>
      </c>
      <c r="DB22" s="313">
        <v>0</v>
      </c>
      <c r="DC22" s="313">
        <v>0</v>
      </c>
      <c r="DD22" s="313">
        <v>0</v>
      </c>
      <c r="DE22" s="313">
        <v>0</v>
      </c>
      <c r="DF22" s="310">
        <v>0</v>
      </c>
      <c r="DG22" s="315">
        <v>0</v>
      </c>
    </row>
    <row r="23" spans="1:111" ht="18.75" customHeight="1" x14ac:dyDescent="0.2">
      <c r="A23" s="294" t="s">
        <v>21</v>
      </c>
      <c r="B23" s="309">
        <v>0</v>
      </c>
      <c r="C23" s="310">
        <v>0</v>
      </c>
      <c r="D23" s="311">
        <v>0</v>
      </c>
      <c r="E23" s="312">
        <v>0</v>
      </c>
      <c r="F23" s="313">
        <v>206</v>
      </c>
      <c r="G23" s="313">
        <v>197</v>
      </c>
      <c r="H23" s="313">
        <v>349</v>
      </c>
      <c r="I23" s="313">
        <v>394</v>
      </c>
      <c r="J23" s="313">
        <v>438</v>
      </c>
      <c r="K23" s="314">
        <v>1584</v>
      </c>
      <c r="L23" s="315">
        <v>1584</v>
      </c>
      <c r="M23" s="309">
        <v>0</v>
      </c>
      <c r="N23" s="313">
        <v>0</v>
      </c>
      <c r="O23" s="310">
        <v>0</v>
      </c>
      <c r="P23" s="312">
        <v>0</v>
      </c>
      <c r="Q23" s="313">
        <v>0</v>
      </c>
      <c r="R23" s="313">
        <v>0</v>
      </c>
      <c r="S23" s="313">
        <v>0</v>
      </c>
      <c r="T23" s="313">
        <v>9</v>
      </c>
      <c r="U23" s="313">
        <v>4</v>
      </c>
      <c r="V23" s="310">
        <v>13</v>
      </c>
      <c r="W23" s="315">
        <v>13</v>
      </c>
      <c r="X23" s="309">
        <v>47</v>
      </c>
      <c r="Y23" s="313">
        <v>21</v>
      </c>
      <c r="Z23" s="310">
        <v>68</v>
      </c>
      <c r="AA23" s="312">
        <v>0</v>
      </c>
      <c r="AB23" s="313">
        <v>137</v>
      </c>
      <c r="AC23" s="313">
        <v>256</v>
      </c>
      <c r="AD23" s="313">
        <v>78</v>
      </c>
      <c r="AE23" s="313">
        <v>84</v>
      </c>
      <c r="AF23" s="313">
        <v>46</v>
      </c>
      <c r="AG23" s="310">
        <v>601</v>
      </c>
      <c r="AH23" s="315">
        <v>669</v>
      </c>
      <c r="AI23" s="309">
        <v>0</v>
      </c>
      <c r="AJ23" s="313">
        <v>8</v>
      </c>
      <c r="AK23" s="310">
        <v>8</v>
      </c>
      <c r="AL23" s="312">
        <v>0</v>
      </c>
      <c r="AM23" s="313">
        <v>40</v>
      </c>
      <c r="AN23" s="313">
        <v>56</v>
      </c>
      <c r="AO23" s="313">
        <v>0</v>
      </c>
      <c r="AP23" s="313">
        <v>0</v>
      </c>
      <c r="AQ23" s="313">
        <v>0</v>
      </c>
      <c r="AR23" s="310">
        <v>96</v>
      </c>
      <c r="AS23" s="315">
        <v>104</v>
      </c>
      <c r="AT23" s="309">
        <v>0</v>
      </c>
      <c r="AU23" s="313">
        <v>0</v>
      </c>
      <c r="AV23" s="310">
        <v>0</v>
      </c>
      <c r="AW23" s="312">
        <v>0</v>
      </c>
      <c r="AX23" s="313">
        <v>158</v>
      </c>
      <c r="AY23" s="313">
        <v>138</v>
      </c>
      <c r="AZ23" s="313">
        <v>91</v>
      </c>
      <c r="BA23" s="313">
        <v>47</v>
      </c>
      <c r="BB23" s="313">
        <v>30</v>
      </c>
      <c r="BC23" s="314">
        <v>464</v>
      </c>
      <c r="BD23" s="315">
        <v>464</v>
      </c>
      <c r="BE23" s="309">
        <v>0</v>
      </c>
      <c r="BF23" s="313">
        <v>0</v>
      </c>
      <c r="BG23" s="310">
        <v>0</v>
      </c>
      <c r="BH23" s="312">
        <v>0</v>
      </c>
      <c r="BI23" s="313">
        <v>38</v>
      </c>
      <c r="BJ23" s="313">
        <v>84</v>
      </c>
      <c r="BK23" s="313">
        <v>33</v>
      </c>
      <c r="BL23" s="313">
        <v>0</v>
      </c>
      <c r="BM23" s="313">
        <v>18</v>
      </c>
      <c r="BN23" s="310">
        <v>173</v>
      </c>
      <c r="BO23" s="315">
        <v>173</v>
      </c>
      <c r="BP23" s="309">
        <v>4</v>
      </c>
      <c r="BQ23" s="313">
        <v>0</v>
      </c>
      <c r="BR23" s="310">
        <v>4</v>
      </c>
      <c r="BS23" s="312">
        <v>0</v>
      </c>
      <c r="BT23" s="313">
        <v>8</v>
      </c>
      <c r="BU23" s="313">
        <v>12</v>
      </c>
      <c r="BV23" s="313">
        <v>86</v>
      </c>
      <c r="BW23" s="313">
        <v>57</v>
      </c>
      <c r="BX23" s="313">
        <v>34</v>
      </c>
      <c r="BY23" s="310">
        <v>197</v>
      </c>
      <c r="BZ23" s="315">
        <v>201</v>
      </c>
      <c r="CA23" s="309">
        <v>0</v>
      </c>
      <c r="CB23" s="313">
        <v>0</v>
      </c>
      <c r="CC23" s="310">
        <v>0</v>
      </c>
      <c r="CD23" s="312">
        <v>0</v>
      </c>
      <c r="CE23" s="313">
        <v>0</v>
      </c>
      <c r="CF23" s="313">
        <v>0</v>
      </c>
      <c r="CG23" s="313">
        <v>0</v>
      </c>
      <c r="CH23" s="313">
        <v>0</v>
      </c>
      <c r="CI23" s="313">
        <v>0</v>
      </c>
      <c r="CJ23" s="310">
        <v>0</v>
      </c>
      <c r="CK23" s="315">
        <v>0</v>
      </c>
      <c r="CL23" s="309">
        <v>0</v>
      </c>
      <c r="CM23" s="313">
        <v>0</v>
      </c>
      <c r="CN23" s="310">
        <v>0</v>
      </c>
      <c r="CO23" s="312">
        <v>0</v>
      </c>
      <c r="CP23" s="313">
        <v>0</v>
      </c>
      <c r="CQ23" s="313">
        <v>0</v>
      </c>
      <c r="CR23" s="313">
        <v>0</v>
      </c>
      <c r="CS23" s="313">
        <v>0</v>
      </c>
      <c r="CT23" s="313">
        <v>0</v>
      </c>
      <c r="CU23" s="310">
        <v>0</v>
      </c>
      <c r="CV23" s="315">
        <v>0</v>
      </c>
      <c r="CW23" s="309">
        <v>0</v>
      </c>
      <c r="CX23" s="313">
        <v>0</v>
      </c>
      <c r="CY23" s="310">
        <v>0</v>
      </c>
      <c r="CZ23" s="312">
        <v>0</v>
      </c>
      <c r="DA23" s="313">
        <v>0</v>
      </c>
      <c r="DB23" s="313">
        <v>0</v>
      </c>
      <c r="DC23" s="313">
        <v>0</v>
      </c>
      <c r="DD23" s="313">
        <v>0</v>
      </c>
      <c r="DE23" s="313">
        <v>0</v>
      </c>
      <c r="DF23" s="310">
        <v>0</v>
      </c>
      <c r="DG23" s="315">
        <v>0</v>
      </c>
    </row>
    <row r="24" spans="1:111" ht="18.75" customHeight="1" x14ac:dyDescent="0.2">
      <c r="A24" s="294" t="s">
        <v>22</v>
      </c>
      <c r="B24" s="309">
        <v>0</v>
      </c>
      <c r="C24" s="310">
        <v>0</v>
      </c>
      <c r="D24" s="311">
        <v>0</v>
      </c>
      <c r="E24" s="312">
        <v>0</v>
      </c>
      <c r="F24" s="313">
        <v>19</v>
      </c>
      <c r="G24" s="313">
        <v>61</v>
      </c>
      <c r="H24" s="313">
        <v>79</v>
      </c>
      <c r="I24" s="313">
        <v>62</v>
      </c>
      <c r="J24" s="313">
        <v>49</v>
      </c>
      <c r="K24" s="314">
        <v>270</v>
      </c>
      <c r="L24" s="315">
        <v>270</v>
      </c>
      <c r="M24" s="309">
        <v>0</v>
      </c>
      <c r="N24" s="313">
        <v>0</v>
      </c>
      <c r="O24" s="310">
        <v>0</v>
      </c>
      <c r="P24" s="312">
        <v>0</v>
      </c>
      <c r="Q24" s="313">
        <v>0</v>
      </c>
      <c r="R24" s="313">
        <v>0</v>
      </c>
      <c r="S24" s="313">
        <v>1</v>
      </c>
      <c r="T24" s="313">
        <v>0</v>
      </c>
      <c r="U24" s="313">
        <v>13</v>
      </c>
      <c r="V24" s="310">
        <v>14</v>
      </c>
      <c r="W24" s="315">
        <v>14</v>
      </c>
      <c r="X24" s="309">
        <v>4</v>
      </c>
      <c r="Y24" s="313">
        <v>0</v>
      </c>
      <c r="Z24" s="310">
        <v>4</v>
      </c>
      <c r="AA24" s="312">
        <v>0</v>
      </c>
      <c r="AB24" s="313">
        <v>2</v>
      </c>
      <c r="AC24" s="313">
        <v>18</v>
      </c>
      <c r="AD24" s="313">
        <v>4</v>
      </c>
      <c r="AE24" s="313">
        <v>21</v>
      </c>
      <c r="AF24" s="313">
        <v>27</v>
      </c>
      <c r="AG24" s="310">
        <v>72</v>
      </c>
      <c r="AH24" s="315">
        <v>76</v>
      </c>
      <c r="AI24" s="309">
        <v>0</v>
      </c>
      <c r="AJ24" s="313">
        <v>0</v>
      </c>
      <c r="AK24" s="310">
        <v>0</v>
      </c>
      <c r="AL24" s="312">
        <v>0</v>
      </c>
      <c r="AM24" s="313">
        <v>36</v>
      </c>
      <c r="AN24" s="313">
        <v>0</v>
      </c>
      <c r="AO24" s="313">
        <v>0</v>
      </c>
      <c r="AP24" s="313">
        <v>21</v>
      </c>
      <c r="AQ24" s="313">
        <v>24</v>
      </c>
      <c r="AR24" s="310">
        <v>81</v>
      </c>
      <c r="AS24" s="315">
        <v>81</v>
      </c>
      <c r="AT24" s="309">
        <v>0</v>
      </c>
      <c r="AU24" s="313">
        <v>0</v>
      </c>
      <c r="AV24" s="310">
        <v>0</v>
      </c>
      <c r="AW24" s="312">
        <v>0</v>
      </c>
      <c r="AX24" s="313">
        <v>61</v>
      </c>
      <c r="AY24" s="313">
        <v>133</v>
      </c>
      <c r="AZ24" s="313">
        <v>47</v>
      </c>
      <c r="BA24" s="313">
        <v>16</v>
      </c>
      <c r="BB24" s="313">
        <v>13</v>
      </c>
      <c r="BC24" s="314">
        <v>270</v>
      </c>
      <c r="BD24" s="315">
        <v>270</v>
      </c>
      <c r="BE24" s="309">
        <v>0</v>
      </c>
      <c r="BF24" s="313">
        <v>0</v>
      </c>
      <c r="BG24" s="310">
        <v>0</v>
      </c>
      <c r="BH24" s="312">
        <v>0</v>
      </c>
      <c r="BI24" s="313">
        <v>26</v>
      </c>
      <c r="BJ24" s="313">
        <v>16</v>
      </c>
      <c r="BK24" s="313">
        <v>4</v>
      </c>
      <c r="BL24" s="313">
        <v>8</v>
      </c>
      <c r="BM24" s="313">
        <v>16</v>
      </c>
      <c r="BN24" s="310">
        <v>70</v>
      </c>
      <c r="BO24" s="315">
        <v>70</v>
      </c>
      <c r="BP24" s="309">
        <v>0</v>
      </c>
      <c r="BQ24" s="313">
        <v>0</v>
      </c>
      <c r="BR24" s="310">
        <v>0</v>
      </c>
      <c r="BS24" s="312">
        <v>0</v>
      </c>
      <c r="BT24" s="313">
        <v>0</v>
      </c>
      <c r="BU24" s="313">
        <v>3</v>
      </c>
      <c r="BV24" s="313">
        <v>54</v>
      </c>
      <c r="BW24" s="313">
        <v>34</v>
      </c>
      <c r="BX24" s="313">
        <v>22</v>
      </c>
      <c r="BY24" s="310">
        <v>113</v>
      </c>
      <c r="BZ24" s="315">
        <v>113</v>
      </c>
      <c r="CA24" s="309">
        <v>0</v>
      </c>
      <c r="CB24" s="313">
        <v>0</v>
      </c>
      <c r="CC24" s="310">
        <v>0</v>
      </c>
      <c r="CD24" s="312">
        <v>0</v>
      </c>
      <c r="CE24" s="313">
        <v>0</v>
      </c>
      <c r="CF24" s="313">
        <v>0</v>
      </c>
      <c r="CG24" s="313">
        <v>0</v>
      </c>
      <c r="CH24" s="313">
        <v>0</v>
      </c>
      <c r="CI24" s="313">
        <v>0</v>
      </c>
      <c r="CJ24" s="310">
        <v>0</v>
      </c>
      <c r="CK24" s="315">
        <v>0</v>
      </c>
      <c r="CL24" s="309">
        <v>0</v>
      </c>
      <c r="CM24" s="313">
        <v>0</v>
      </c>
      <c r="CN24" s="310">
        <v>0</v>
      </c>
      <c r="CO24" s="312">
        <v>0</v>
      </c>
      <c r="CP24" s="313">
        <v>0</v>
      </c>
      <c r="CQ24" s="313">
        <v>0</v>
      </c>
      <c r="CR24" s="313">
        <v>0</v>
      </c>
      <c r="CS24" s="313">
        <v>0</v>
      </c>
      <c r="CT24" s="313">
        <v>0</v>
      </c>
      <c r="CU24" s="310">
        <v>0</v>
      </c>
      <c r="CV24" s="315">
        <v>0</v>
      </c>
      <c r="CW24" s="309">
        <v>0</v>
      </c>
      <c r="CX24" s="313">
        <v>0</v>
      </c>
      <c r="CY24" s="310">
        <v>0</v>
      </c>
      <c r="CZ24" s="312">
        <v>0</v>
      </c>
      <c r="DA24" s="313">
        <v>0</v>
      </c>
      <c r="DB24" s="313">
        <v>0</v>
      </c>
      <c r="DC24" s="313">
        <v>0</v>
      </c>
      <c r="DD24" s="313">
        <v>0</v>
      </c>
      <c r="DE24" s="313">
        <v>0</v>
      </c>
      <c r="DF24" s="310">
        <v>0</v>
      </c>
      <c r="DG24" s="315">
        <v>0</v>
      </c>
    </row>
    <row r="25" spans="1:111" ht="18.75" customHeight="1" x14ac:dyDescent="0.2">
      <c r="A25" s="294" t="s">
        <v>23</v>
      </c>
      <c r="B25" s="309">
        <v>0</v>
      </c>
      <c r="C25" s="310">
        <v>0</v>
      </c>
      <c r="D25" s="311">
        <v>0</v>
      </c>
      <c r="E25" s="312">
        <v>0</v>
      </c>
      <c r="F25" s="313">
        <v>123</v>
      </c>
      <c r="G25" s="313">
        <v>103</v>
      </c>
      <c r="H25" s="313">
        <v>270</v>
      </c>
      <c r="I25" s="313">
        <v>235</v>
      </c>
      <c r="J25" s="313">
        <v>273</v>
      </c>
      <c r="K25" s="314">
        <v>1004</v>
      </c>
      <c r="L25" s="315">
        <v>1004</v>
      </c>
      <c r="M25" s="309">
        <v>0</v>
      </c>
      <c r="N25" s="313">
        <v>0</v>
      </c>
      <c r="O25" s="310">
        <v>0</v>
      </c>
      <c r="P25" s="312">
        <v>0</v>
      </c>
      <c r="Q25" s="313">
        <v>0</v>
      </c>
      <c r="R25" s="313">
        <v>0</v>
      </c>
      <c r="S25" s="313">
        <v>0</v>
      </c>
      <c r="T25" s="313">
        <v>0</v>
      </c>
      <c r="U25" s="313">
        <v>0</v>
      </c>
      <c r="V25" s="310">
        <v>0</v>
      </c>
      <c r="W25" s="315">
        <v>0</v>
      </c>
      <c r="X25" s="309">
        <v>11</v>
      </c>
      <c r="Y25" s="313">
        <v>42</v>
      </c>
      <c r="Z25" s="310">
        <v>53</v>
      </c>
      <c r="AA25" s="312">
        <v>0</v>
      </c>
      <c r="AB25" s="313">
        <v>70</v>
      </c>
      <c r="AC25" s="313">
        <v>137</v>
      </c>
      <c r="AD25" s="313">
        <v>0</v>
      </c>
      <c r="AE25" s="313">
        <v>71</v>
      </c>
      <c r="AF25" s="313">
        <v>23</v>
      </c>
      <c r="AG25" s="310">
        <v>301</v>
      </c>
      <c r="AH25" s="315">
        <v>354</v>
      </c>
      <c r="AI25" s="309">
        <v>0</v>
      </c>
      <c r="AJ25" s="313">
        <v>0</v>
      </c>
      <c r="AK25" s="310">
        <v>0</v>
      </c>
      <c r="AL25" s="312">
        <v>0</v>
      </c>
      <c r="AM25" s="313">
        <v>54</v>
      </c>
      <c r="AN25" s="313">
        <v>0</v>
      </c>
      <c r="AO25" s="313">
        <v>0</v>
      </c>
      <c r="AP25" s="313">
        <v>0</v>
      </c>
      <c r="AQ25" s="313">
        <v>0</v>
      </c>
      <c r="AR25" s="310">
        <v>54</v>
      </c>
      <c r="AS25" s="315">
        <v>54</v>
      </c>
      <c r="AT25" s="309">
        <v>0</v>
      </c>
      <c r="AU25" s="313">
        <v>0</v>
      </c>
      <c r="AV25" s="310">
        <v>0</v>
      </c>
      <c r="AW25" s="312">
        <v>0</v>
      </c>
      <c r="AX25" s="313">
        <v>172</v>
      </c>
      <c r="AY25" s="313">
        <v>99</v>
      </c>
      <c r="AZ25" s="313">
        <v>82</v>
      </c>
      <c r="BA25" s="313">
        <v>52</v>
      </c>
      <c r="BB25" s="313">
        <v>0</v>
      </c>
      <c r="BC25" s="314">
        <v>405</v>
      </c>
      <c r="BD25" s="315">
        <v>405</v>
      </c>
      <c r="BE25" s="309">
        <v>0</v>
      </c>
      <c r="BF25" s="313">
        <v>0</v>
      </c>
      <c r="BG25" s="310">
        <v>0</v>
      </c>
      <c r="BH25" s="312">
        <v>0</v>
      </c>
      <c r="BI25" s="313">
        <v>31</v>
      </c>
      <c r="BJ25" s="313">
        <v>45</v>
      </c>
      <c r="BK25" s="313">
        <v>15</v>
      </c>
      <c r="BL25" s="313">
        <v>33</v>
      </c>
      <c r="BM25" s="313">
        <v>7</v>
      </c>
      <c r="BN25" s="310">
        <v>131</v>
      </c>
      <c r="BO25" s="315">
        <v>131</v>
      </c>
      <c r="BP25" s="309">
        <v>0</v>
      </c>
      <c r="BQ25" s="313">
        <v>0</v>
      </c>
      <c r="BR25" s="310">
        <v>0</v>
      </c>
      <c r="BS25" s="312">
        <v>0</v>
      </c>
      <c r="BT25" s="313">
        <v>4</v>
      </c>
      <c r="BU25" s="313">
        <v>6</v>
      </c>
      <c r="BV25" s="313">
        <v>19</v>
      </c>
      <c r="BW25" s="313">
        <v>22</v>
      </c>
      <c r="BX25" s="313">
        <v>0</v>
      </c>
      <c r="BY25" s="310">
        <v>51</v>
      </c>
      <c r="BZ25" s="315">
        <v>51</v>
      </c>
      <c r="CA25" s="309">
        <v>0</v>
      </c>
      <c r="CB25" s="313">
        <v>0</v>
      </c>
      <c r="CC25" s="310">
        <v>0</v>
      </c>
      <c r="CD25" s="312">
        <v>0</v>
      </c>
      <c r="CE25" s="313">
        <v>0</v>
      </c>
      <c r="CF25" s="313">
        <v>0</v>
      </c>
      <c r="CG25" s="313">
        <v>0</v>
      </c>
      <c r="CH25" s="313">
        <v>0</v>
      </c>
      <c r="CI25" s="313">
        <v>0</v>
      </c>
      <c r="CJ25" s="310">
        <v>0</v>
      </c>
      <c r="CK25" s="315">
        <v>0</v>
      </c>
      <c r="CL25" s="309">
        <v>0</v>
      </c>
      <c r="CM25" s="313">
        <v>0</v>
      </c>
      <c r="CN25" s="310">
        <v>0</v>
      </c>
      <c r="CO25" s="312">
        <v>0</v>
      </c>
      <c r="CP25" s="313">
        <v>0</v>
      </c>
      <c r="CQ25" s="313">
        <v>0</v>
      </c>
      <c r="CR25" s="313">
        <v>0</v>
      </c>
      <c r="CS25" s="313">
        <v>0</v>
      </c>
      <c r="CT25" s="313">
        <v>0</v>
      </c>
      <c r="CU25" s="310">
        <v>0</v>
      </c>
      <c r="CV25" s="315">
        <v>0</v>
      </c>
      <c r="CW25" s="309">
        <v>0</v>
      </c>
      <c r="CX25" s="313">
        <v>0</v>
      </c>
      <c r="CY25" s="310">
        <v>0</v>
      </c>
      <c r="CZ25" s="312">
        <v>0</v>
      </c>
      <c r="DA25" s="313">
        <v>0</v>
      </c>
      <c r="DB25" s="313">
        <v>0</v>
      </c>
      <c r="DC25" s="313">
        <v>0</v>
      </c>
      <c r="DD25" s="313">
        <v>0</v>
      </c>
      <c r="DE25" s="313">
        <v>0</v>
      </c>
      <c r="DF25" s="310">
        <v>0</v>
      </c>
      <c r="DG25" s="315">
        <v>0</v>
      </c>
    </row>
    <row r="26" spans="1:111" ht="18.75" customHeight="1" x14ac:dyDescent="0.2">
      <c r="A26" s="294" t="s">
        <v>24</v>
      </c>
      <c r="B26" s="309">
        <v>0</v>
      </c>
      <c r="C26" s="310">
        <v>0</v>
      </c>
      <c r="D26" s="311">
        <v>0</v>
      </c>
      <c r="E26" s="312">
        <v>0</v>
      </c>
      <c r="F26" s="313">
        <v>110</v>
      </c>
      <c r="G26" s="313">
        <v>90</v>
      </c>
      <c r="H26" s="313">
        <v>108</v>
      </c>
      <c r="I26" s="313">
        <v>229</v>
      </c>
      <c r="J26" s="313">
        <v>95</v>
      </c>
      <c r="K26" s="314">
        <v>632</v>
      </c>
      <c r="L26" s="315">
        <v>632</v>
      </c>
      <c r="M26" s="309">
        <v>0</v>
      </c>
      <c r="N26" s="313">
        <v>0</v>
      </c>
      <c r="O26" s="310">
        <v>0</v>
      </c>
      <c r="P26" s="312">
        <v>0</v>
      </c>
      <c r="Q26" s="313">
        <v>0</v>
      </c>
      <c r="R26" s="313">
        <v>0</v>
      </c>
      <c r="S26" s="313">
        <v>0</v>
      </c>
      <c r="T26" s="313">
        <v>9</v>
      </c>
      <c r="U26" s="313">
        <v>10</v>
      </c>
      <c r="V26" s="310">
        <v>19</v>
      </c>
      <c r="W26" s="315">
        <v>19</v>
      </c>
      <c r="X26" s="309">
        <v>32</v>
      </c>
      <c r="Y26" s="313">
        <v>20</v>
      </c>
      <c r="Z26" s="310">
        <v>52</v>
      </c>
      <c r="AA26" s="312">
        <v>0</v>
      </c>
      <c r="AB26" s="313">
        <v>106</v>
      </c>
      <c r="AC26" s="313">
        <v>40</v>
      </c>
      <c r="AD26" s="313">
        <v>16</v>
      </c>
      <c r="AE26" s="313">
        <v>58</v>
      </c>
      <c r="AF26" s="313">
        <v>10</v>
      </c>
      <c r="AG26" s="310">
        <v>230</v>
      </c>
      <c r="AH26" s="315">
        <v>282</v>
      </c>
      <c r="AI26" s="309">
        <v>12</v>
      </c>
      <c r="AJ26" s="313">
        <v>18</v>
      </c>
      <c r="AK26" s="310">
        <v>30</v>
      </c>
      <c r="AL26" s="312">
        <v>0</v>
      </c>
      <c r="AM26" s="313">
        <v>24</v>
      </c>
      <c r="AN26" s="313">
        <v>0</v>
      </c>
      <c r="AO26" s="313">
        <v>0</v>
      </c>
      <c r="AP26" s="313">
        <v>0</v>
      </c>
      <c r="AQ26" s="313">
        <v>0</v>
      </c>
      <c r="AR26" s="310">
        <v>24</v>
      </c>
      <c r="AS26" s="315">
        <v>54</v>
      </c>
      <c r="AT26" s="309">
        <v>0</v>
      </c>
      <c r="AU26" s="313">
        <v>0</v>
      </c>
      <c r="AV26" s="310">
        <v>0</v>
      </c>
      <c r="AW26" s="312">
        <v>0</v>
      </c>
      <c r="AX26" s="313">
        <v>66</v>
      </c>
      <c r="AY26" s="313">
        <v>117</v>
      </c>
      <c r="AZ26" s="313">
        <v>22</v>
      </c>
      <c r="BA26" s="313">
        <v>54</v>
      </c>
      <c r="BB26" s="313">
        <v>4</v>
      </c>
      <c r="BC26" s="314">
        <v>263</v>
      </c>
      <c r="BD26" s="315">
        <v>263</v>
      </c>
      <c r="BE26" s="309">
        <v>0</v>
      </c>
      <c r="BF26" s="313">
        <v>0</v>
      </c>
      <c r="BG26" s="310">
        <v>0</v>
      </c>
      <c r="BH26" s="312">
        <v>0</v>
      </c>
      <c r="BI26" s="313">
        <v>31</v>
      </c>
      <c r="BJ26" s="313">
        <v>11</v>
      </c>
      <c r="BK26" s="313">
        <v>33</v>
      </c>
      <c r="BL26" s="313">
        <v>0</v>
      </c>
      <c r="BM26" s="313">
        <v>0</v>
      </c>
      <c r="BN26" s="310">
        <v>75</v>
      </c>
      <c r="BO26" s="315">
        <v>75</v>
      </c>
      <c r="BP26" s="309">
        <v>0</v>
      </c>
      <c r="BQ26" s="313">
        <v>0</v>
      </c>
      <c r="BR26" s="310">
        <v>0</v>
      </c>
      <c r="BS26" s="312">
        <v>0</v>
      </c>
      <c r="BT26" s="313">
        <v>6</v>
      </c>
      <c r="BU26" s="313">
        <v>3</v>
      </c>
      <c r="BV26" s="313">
        <v>50</v>
      </c>
      <c r="BW26" s="313">
        <v>38</v>
      </c>
      <c r="BX26" s="313">
        <v>0</v>
      </c>
      <c r="BY26" s="310">
        <v>97</v>
      </c>
      <c r="BZ26" s="315">
        <v>97</v>
      </c>
      <c r="CA26" s="309">
        <v>0</v>
      </c>
      <c r="CB26" s="313">
        <v>0</v>
      </c>
      <c r="CC26" s="310">
        <v>0</v>
      </c>
      <c r="CD26" s="312">
        <v>0</v>
      </c>
      <c r="CE26" s="313">
        <v>0</v>
      </c>
      <c r="CF26" s="313">
        <v>0</v>
      </c>
      <c r="CG26" s="313">
        <v>0</v>
      </c>
      <c r="CH26" s="313">
        <v>0</v>
      </c>
      <c r="CI26" s="313">
        <v>0</v>
      </c>
      <c r="CJ26" s="310">
        <v>0</v>
      </c>
      <c r="CK26" s="315">
        <v>0</v>
      </c>
      <c r="CL26" s="309">
        <v>0</v>
      </c>
      <c r="CM26" s="313">
        <v>0</v>
      </c>
      <c r="CN26" s="310">
        <v>0</v>
      </c>
      <c r="CO26" s="312">
        <v>0</v>
      </c>
      <c r="CP26" s="313">
        <v>0</v>
      </c>
      <c r="CQ26" s="313">
        <v>0</v>
      </c>
      <c r="CR26" s="313">
        <v>0</v>
      </c>
      <c r="CS26" s="313">
        <v>0</v>
      </c>
      <c r="CT26" s="313">
        <v>0</v>
      </c>
      <c r="CU26" s="310">
        <v>0</v>
      </c>
      <c r="CV26" s="315">
        <v>0</v>
      </c>
      <c r="CW26" s="309">
        <v>0</v>
      </c>
      <c r="CX26" s="313">
        <v>0</v>
      </c>
      <c r="CY26" s="310">
        <v>0</v>
      </c>
      <c r="CZ26" s="312">
        <v>0</v>
      </c>
      <c r="DA26" s="313">
        <v>0</v>
      </c>
      <c r="DB26" s="313">
        <v>0</v>
      </c>
      <c r="DC26" s="313">
        <v>0</v>
      </c>
      <c r="DD26" s="313">
        <v>0</v>
      </c>
      <c r="DE26" s="313">
        <v>0</v>
      </c>
      <c r="DF26" s="310">
        <v>0</v>
      </c>
      <c r="DG26" s="315">
        <v>0</v>
      </c>
    </row>
    <row r="27" spans="1:111" ht="18.75" customHeight="1" x14ac:dyDescent="0.2">
      <c r="A27" s="294" t="s">
        <v>25</v>
      </c>
      <c r="B27" s="309">
        <v>0</v>
      </c>
      <c r="C27" s="310">
        <v>0</v>
      </c>
      <c r="D27" s="311">
        <v>0</v>
      </c>
      <c r="E27" s="312">
        <v>0</v>
      </c>
      <c r="F27" s="313">
        <v>49</v>
      </c>
      <c r="G27" s="313">
        <v>122</v>
      </c>
      <c r="H27" s="313">
        <v>80</v>
      </c>
      <c r="I27" s="313">
        <v>235</v>
      </c>
      <c r="J27" s="313">
        <v>0</v>
      </c>
      <c r="K27" s="314">
        <v>486</v>
      </c>
      <c r="L27" s="315">
        <v>486</v>
      </c>
      <c r="M27" s="309">
        <v>0</v>
      </c>
      <c r="N27" s="313">
        <v>0</v>
      </c>
      <c r="O27" s="310">
        <v>0</v>
      </c>
      <c r="P27" s="312">
        <v>0</v>
      </c>
      <c r="Q27" s="313">
        <v>0</v>
      </c>
      <c r="R27" s="313">
        <v>0</v>
      </c>
      <c r="S27" s="313">
        <v>0</v>
      </c>
      <c r="T27" s="313">
        <v>5</v>
      </c>
      <c r="U27" s="313">
        <v>9</v>
      </c>
      <c r="V27" s="310">
        <v>14</v>
      </c>
      <c r="W27" s="315">
        <v>14</v>
      </c>
      <c r="X27" s="309">
        <v>0</v>
      </c>
      <c r="Y27" s="313">
        <v>16</v>
      </c>
      <c r="Z27" s="310">
        <v>16</v>
      </c>
      <c r="AA27" s="312">
        <v>0</v>
      </c>
      <c r="AB27" s="313">
        <v>23</v>
      </c>
      <c r="AC27" s="313">
        <v>23</v>
      </c>
      <c r="AD27" s="313">
        <v>4</v>
      </c>
      <c r="AE27" s="313">
        <v>3</v>
      </c>
      <c r="AF27" s="313">
        <v>28</v>
      </c>
      <c r="AG27" s="310">
        <v>81</v>
      </c>
      <c r="AH27" s="315">
        <v>97</v>
      </c>
      <c r="AI27" s="309">
        <v>0</v>
      </c>
      <c r="AJ27" s="313">
        <v>18</v>
      </c>
      <c r="AK27" s="310">
        <v>18</v>
      </c>
      <c r="AL27" s="312">
        <v>0</v>
      </c>
      <c r="AM27" s="313">
        <v>0</v>
      </c>
      <c r="AN27" s="313">
        <v>0</v>
      </c>
      <c r="AO27" s="313">
        <v>0</v>
      </c>
      <c r="AP27" s="313">
        <v>0</v>
      </c>
      <c r="AQ27" s="313">
        <v>8</v>
      </c>
      <c r="AR27" s="310">
        <v>8</v>
      </c>
      <c r="AS27" s="315">
        <v>26</v>
      </c>
      <c r="AT27" s="309">
        <v>0</v>
      </c>
      <c r="AU27" s="313">
        <v>0</v>
      </c>
      <c r="AV27" s="310">
        <v>0</v>
      </c>
      <c r="AW27" s="312">
        <v>0</v>
      </c>
      <c r="AX27" s="313">
        <v>66</v>
      </c>
      <c r="AY27" s="313">
        <v>34</v>
      </c>
      <c r="AZ27" s="313">
        <v>0</v>
      </c>
      <c r="BA27" s="313">
        <v>39</v>
      </c>
      <c r="BB27" s="313">
        <v>0</v>
      </c>
      <c r="BC27" s="314">
        <v>139</v>
      </c>
      <c r="BD27" s="315">
        <v>139</v>
      </c>
      <c r="BE27" s="309">
        <v>0</v>
      </c>
      <c r="BF27" s="313">
        <v>0</v>
      </c>
      <c r="BG27" s="310">
        <v>0</v>
      </c>
      <c r="BH27" s="312">
        <v>0</v>
      </c>
      <c r="BI27" s="313">
        <v>27</v>
      </c>
      <c r="BJ27" s="313">
        <v>12</v>
      </c>
      <c r="BK27" s="313">
        <v>7</v>
      </c>
      <c r="BL27" s="313">
        <v>12</v>
      </c>
      <c r="BM27" s="313">
        <v>0</v>
      </c>
      <c r="BN27" s="310">
        <v>58</v>
      </c>
      <c r="BO27" s="315">
        <v>58</v>
      </c>
      <c r="BP27" s="309">
        <v>0</v>
      </c>
      <c r="BQ27" s="313">
        <v>0</v>
      </c>
      <c r="BR27" s="310">
        <v>0</v>
      </c>
      <c r="BS27" s="312">
        <v>0</v>
      </c>
      <c r="BT27" s="313">
        <v>14</v>
      </c>
      <c r="BU27" s="313">
        <v>0</v>
      </c>
      <c r="BV27" s="313">
        <v>6</v>
      </c>
      <c r="BW27" s="313">
        <v>0</v>
      </c>
      <c r="BX27" s="313">
        <v>0</v>
      </c>
      <c r="BY27" s="310">
        <v>20</v>
      </c>
      <c r="BZ27" s="315">
        <v>20</v>
      </c>
      <c r="CA27" s="309">
        <v>0</v>
      </c>
      <c r="CB27" s="313">
        <v>0</v>
      </c>
      <c r="CC27" s="310">
        <v>0</v>
      </c>
      <c r="CD27" s="312">
        <v>0</v>
      </c>
      <c r="CE27" s="313">
        <v>0</v>
      </c>
      <c r="CF27" s="313">
        <v>0</v>
      </c>
      <c r="CG27" s="313">
        <v>0</v>
      </c>
      <c r="CH27" s="313">
        <v>0</v>
      </c>
      <c r="CI27" s="313">
        <v>0</v>
      </c>
      <c r="CJ27" s="310">
        <v>0</v>
      </c>
      <c r="CK27" s="315">
        <v>0</v>
      </c>
      <c r="CL27" s="309">
        <v>0</v>
      </c>
      <c r="CM27" s="313">
        <v>0</v>
      </c>
      <c r="CN27" s="310">
        <v>0</v>
      </c>
      <c r="CO27" s="312">
        <v>0</v>
      </c>
      <c r="CP27" s="313">
        <v>0</v>
      </c>
      <c r="CQ27" s="313">
        <v>0</v>
      </c>
      <c r="CR27" s="313">
        <v>0</v>
      </c>
      <c r="CS27" s="313">
        <v>0</v>
      </c>
      <c r="CT27" s="313">
        <v>0</v>
      </c>
      <c r="CU27" s="310">
        <v>0</v>
      </c>
      <c r="CV27" s="315">
        <v>0</v>
      </c>
      <c r="CW27" s="309">
        <v>0</v>
      </c>
      <c r="CX27" s="313">
        <v>0</v>
      </c>
      <c r="CY27" s="310">
        <v>0</v>
      </c>
      <c r="CZ27" s="312">
        <v>0</v>
      </c>
      <c r="DA27" s="313">
        <v>0</v>
      </c>
      <c r="DB27" s="313">
        <v>0</v>
      </c>
      <c r="DC27" s="313">
        <v>0</v>
      </c>
      <c r="DD27" s="313">
        <v>0</v>
      </c>
      <c r="DE27" s="313">
        <v>0</v>
      </c>
      <c r="DF27" s="310">
        <v>0</v>
      </c>
      <c r="DG27" s="315">
        <v>0</v>
      </c>
    </row>
    <row r="28" spans="1:111" ht="18.75" customHeight="1" x14ac:dyDescent="0.2">
      <c r="A28" s="294" t="s">
        <v>26</v>
      </c>
      <c r="B28" s="309">
        <v>0</v>
      </c>
      <c r="C28" s="310">
        <v>0</v>
      </c>
      <c r="D28" s="311">
        <v>0</v>
      </c>
      <c r="E28" s="312">
        <v>0</v>
      </c>
      <c r="F28" s="313">
        <v>35</v>
      </c>
      <c r="G28" s="313">
        <v>146</v>
      </c>
      <c r="H28" s="313">
        <v>82</v>
      </c>
      <c r="I28" s="313">
        <v>67</v>
      </c>
      <c r="J28" s="313">
        <v>35</v>
      </c>
      <c r="K28" s="314">
        <v>365</v>
      </c>
      <c r="L28" s="315">
        <v>365</v>
      </c>
      <c r="M28" s="309">
        <v>0</v>
      </c>
      <c r="N28" s="313">
        <v>0</v>
      </c>
      <c r="O28" s="310">
        <v>0</v>
      </c>
      <c r="P28" s="312">
        <v>0</v>
      </c>
      <c r="Q28" s="313">
        <v>0</v>
      </c>
      <c r="R28" s="313">
        <v>0</v>
      </c>
      <c r="S28" s="313">
        <v>0</v>
      </c>
      <c r="T28" s="313">
        <v>5</v>
      </c>
      <c r="U28" s="313">
        <v>9</v>
      </c>
      <c r="V28" s="310">
        <v>14</v>
      </c>
      <c r="W28" s="315">
        <v>14</v>
      </c>
      <c r="X28" s="309">
        <v>0</v>
      </c>
      <c r="Y28" s="313">
        <v>20</v>
      </c>
      <c r="Z28" s="310">
        <v>20</v>
      </c>
      <c r="AA28" s="312">
        <v>0</v>
      </c>
      <c r="AB28" s="313">
        <v>24</v>
      </c>
      <c r="AC28" s="313">
        <v>22</v>
      </c>
      <c r="AD28" s="313">
        <v>53</v>
      </c>
      <c r="AE28" s="313">
        <v>14</v>
      </c>
      <c r="AF28" s="313">
        <v>48</v>
      </c>
      <c r="AG28" s="310">
        <v>161</v>
      </c>
      <c r="AH28" s="315">
        <v>181</v>
      </c>
      <c r="AI28" s="309">
        <v>0</v>
      </c>
      <c r="AJ28" s="313">
        <v>0</v>
      </c>
      <c r="AK28" s="310">
        <v>0</v>
      </c>
      <c r="AL28" s="312">
        <v>0</v>
      </c>
      <c r="AM28" s="313">
        <v>0</v>
      </c>
      <c r="AN28" s="313">
        <v>9</v>
      </c>
      <c r="AO28" s="313">
        <v>12</v>
      </c>
      <c r="AP28" s="313">
        <v>0</v>
      </c>
      <c r="AQ28" s="313">
        <v>0</v>
      </c>
      <c r="AR28" s="310">
        <v>21</v>
      </c>
      <c r="AS28" s="315">
        <v>21</v>
      </c>
      <c r="AT28" s="309">
        <v>0</v>
      </c>
      <c r="AU28" s="313">
        <v>0</v>
      </c>
      <c r="AV28" s="310">
        <v>0</v>
      </c>
      <c r="AW28" s="312">
        <v>0</v>
      </c>
      <c r="AX28" s="313">
        <v>62</v>
      </c>
      <c r="AY28" s="313">
        <v>80</v>
      </c>
      <c r="AZ28" s="313">
        <v>30</v>
      </c>
      <c r="BA28" s="313">
        <v>19</v>
      </c>
      <c r="BB28" s="313">
        <v>40</v>
      </c>
      <c r="BC28" s="314">
        <v>231</v>
      </c>
      <c r="BD28" s="315">
        <v>231</v>
      </c>
      <c r="BE28" s="309">
        <v>0</v>
      </c>
      <c r="BF28" s="313">
        <v>0</v>
      </c>
      <c r="BG28" s="310">
        <v>0</v>
      </c>
      <c r="BH28" s="312">
        <v>0</v>
      </c>
      <c r="BI28" s="313">
        <v>4</v>
      </c>
      <c r="BJ28" s="313">
        <v>28</v>
      </c>
      <c r="BK28" s="313">
        <v>16</v>
      </c>
      <c r="BL28" s="313">
        <v>0</v>
      </c>
      <c r="BM28" s="313">
        <v>0</v>
      </c>
      <c r="BN28" s="310">
        <v>48</v>
      </c>
      <c r="BO28" s="315">
        <v>48</v>
      </c>
      <c r="BP28" s="309">
        <v>0</v>
      </c>
      <c r="BQ28" s="313">
        <v>0</v>
      </c>
      <c r="BR28" s="310">
        <v>0</v>
      </c>
      <c r="BS28" s="312">
        <v>0</v>
      </c>
      <c r="BT28" s="313">
        <v>0</v>
      </c>
      <c r="BU28" s="313">
        <v>25</v>
      </c>
      <c r="BV28" s="313">
        <v>60</v>
      </c>
      <c r="BW28" s="313">
        <v>98</v>
      </c>
      <c r="BX28" s="313">
        <v>0</v>
      </c>
      <c r="BY28" s="310">
        <v>183</v>
      </c>
      <c r="BZ28" s="315">
        <v>183</v>
      </c>
      <c r="CA28" s="309">
        <v>0</v>
      </c>
      <c r="CB28" s="313">
        <v>0</v>
      </c>
      <c r="CC28" s="310">
        <v>0</v>
      </c>
      <c r="CD28" s="312">
        <v>0</v>
      </c>
      <c r="CE28" s="313">
        <v>0</v>
      </c>
      <c r="CF28" s="313">
        <v>0</v>
      </c>
      <c r="CG28" s="313">
        <v>5</v>
      </c>
      <c r="CH28" s="313">
        <v>0</v>
      </c>
      <c r="CI28" s="313">
        <v>4</v>
      </c>
      <c r="CJ28" s="310">
        <v>9</v>
      </c>
      <c r="CK28" s="315">
        <v>9</v>
      </c>
      <c r="CL28" s="309">
        <v>0</v>
      </c>
      <c r="CM28" s="313">
        <v>0</v>
      </c>
      <c r="CN28" s="310">
        <v>0</v>
      </c>
      <c r="CO28" s="312">
        <v>0</v>
      </c>
      <c r="CP28" s="313">
        <v>0</v>
      </c>
      <c r="CQ28" s="313">
        <v>0</v>
      </c>
      <c r="CR28" s="313">
        <v>0</v>
      </c>
      <c r="CS28" s="313">
        <v>0</v>
      </c>
      <c r="CT28" s="313">
        <v>0</v>
      </c>
      <c r="CU28" s="310">
        <v>0</v>
      </c>
      <c r="CV28" s="315">
        <v>0</v>
      </c>
      <c r="CW28" s="309">
        <v>0</v>
      </c>
      <c r="CX28" s="313">
        <v>0</v>
      </c>
      <c r="CY28" s="310">
        <v>0</v>
      </c>
      <c r="CZ28" s="312">
        <v>0</v>
      </c>
      <c r="DA28" s="313">
        <v>0</v>
      </c>
      <c r="DB28" s="313">
        <v>0</v>
      </c>
      <c r="DC28" s="313">
        <v>0</v>
      </c>
      <c r="DD28" s="313">
        <v>0</v>
      </c>
      <c r="DE28" s="313">
        <v>0</v>
      </c>
      <c r="DF28" s="310">
        <v>0</v>
      </c>
      <c r="DG28" s="315">
        <v>0</v>
      </c>
    </row>
    <row r="29" spans="1:111" ht="18.75" customHeight="1" x14ac:dyDescent="0.2">
      <c r="A29" s="294" t="s">
        <v>27</v>
      </c>
      <c r="B29" s="309">
        <v>0</v>
      </c>
      <c r="C29" s="310">
        <v>0</v>
      </c>
      <c r="D29" s="311">
        <v>0</v>
      </c>
      <c r="E29" s="312">
        <v>0</v>
      </c>
      <c r="F29" s="313">
        <v>105</v>
      </c>
      <c r="G29" s="313">
        <v>4</v>
      </c>
      <c r="H29" s="313">
        <v>211</v>
      </c>
      <c r="I29" s="313">
        <v>178</v>
      </c>
      <c r="J29" s="313">
        <v>77</v>
      </c>
      <c r="K29" s="314">
        <v>575</v>
      </c>
      <c r="L29" s="315">
        <v>575</v>
      </c>
      <c r="M29" s="309">
        <v>0</v>
      </c>
      <c r="N29" s="313">
        <v>0</v>
      </c>
      <c r="O29" s="310">
        <v>0</v>
      </c>
      <c r="P29" s="312">
        <v>0</v>
      </c>
      <c r="Q29" s="313">
        <v>0</v>
      </c>
      <c r="R29" s="313">
        <v>2</v>
      </c>
      <c r="S29" s="313">
        <v>0</v>
      </c>
      <c r="T29" s="313">
        <v>6</v>
      </c>
      <c r="U29" s="313">
        <v>11</v>
      </c>
      <c r="V29" s="310">
        <v>19</v>
      </c>
      <c r="W29" s="315">
        <v>19</v>
      </c>
      <c r="X29" s="309">
        <v>6</v>
      </c>
      <c r="Y29" s="313">
        <v>22</v>
      </c>
      <c r="Z29" s="310">
        <v>28</v>
      </c>
      <c r="AA29" s="312">
        <v>0</v>
      </c>
      <c r="AB29" s="313">
        <v>27</v>
      </c>
      <c r="AC29" s="313">
        <v>56</v>
      </c>
      <c r="AD29" s="313">
        <v>9</v>
      </c>
      <c r="AE29" s="313">
        <v>54</v>
      </c>
      <c r="AF29" s="313">
        <v>32</v>
      </c>
      <c r="AG29" s="310">
        <v>178</v>
      </c>
      <c r="AH29" s="315">
        <v>206</v>
      </c>
      <c r="AI29" s="309">
        <v>0</v>
      </c>
      <c r="AJ29" s="313">
        <v>12</v>
      </c>
      <c r="AK29" s="310">
        <v>12</v>
      </c>
      <c r="AL29" s="312">
        <v>0</v>
      </c>
      <c r="AM29" s="313">
        <v>0</v>
      </c>
      <c r="AN29" s="313">
        <v>6</v>
      </c>
      <c r="AO29" s="313">
        <v>2</v>
      </c>
      <c r="AP29" s="313">
        <v>0</v>
      </c>
      <c r="AQ29" s="313">
        <v>0</v>
      </c>
      <c r="AR29" s="310">
        <v>8</v>
      </c>
      <c r="AS29" s="315">
        <v>20</v>
      </c>
      <c r="AT29" s="309">
        <v>0</v>
      </c>
      <c r="AU29" s="313">
        <v>0</v>
      </c>
      <c r="AV29" s="310">
        <v>0</v>
      </c>
      <c r="AW29" s="312">
        <v>0</v>
      </c>
      <c r="AX29" s="313">
        <v>49</v>
      </c>
      <c r="AY29" s="313">
        <v>104</v>
      </c>
      <c r="AZ29" s="313">
        <v>63</v>
      </c>
      <c r="BA29" s="313">
        <v>49</v>
      </c>
      <c r="BB29" s="313">
        <v>24</v>
      </c>
      <c r="BC29" s="314">
        <v>289</v>
      </c>
      <c r="BD29" s="315">
        <v>289</v>
      </c>
      <c r="BE29" s="309">
        <v>0</v>
      </c>
      <c r="BF29" s="313">
        <v>0</v>
      </c>
      <c r="BG29" s="310">
        <v>0</v>
      </c>
      <c r="BH29" s="312">
        <v>0</v>
      </c>
      <c r="BI29" s="313">
        <v>3</v>
      </c>
      <c r="BJ29" s="313">
        <v>26</v>
      </c>
      <c r="BK29" s="313">
        <v>17</v>
      </c>
      <c r="BL29" s="313">
        <v>7</v>
      </c>
      <c r="BM29" s="313">
        <v>10</v>
      </c>
      <c r="BN29" s="310">
        <v>63</v>
      </c>
      <c r="BO29" s="315">
        <v>63</v>
      </c>
      <c r="BP29" s="309">
        <v>0</v>
      </c>
      <c r="BQ29" s="313">
        <v>0</v>
      </c>
      <c r="BR29" s="310">
        <v>0</v>
      </c>
      <c r="BS29" s="312">
        <v>0</v>
      </c>
      <c r="BT29" s="313">
        <v>0</v>
      </c>
      <c r="BU29" s="313">
        <v>2</v>
      </c>
      <c r="BV29" s="313">
        <v>8</v>
      </c>
      <c r="BW29" s="313">
        <v>0</v>
      </c>
      <c r="BX29" s="313">
        <v>8</v>
      </c>
      <c r="BY29" s="310">
        <v>18</v>
      </c>
      <c r="BZ29" s="315">
        <v>18</v>
      </c>
      <c r="CA29" s="309">
        <v>0</v>
      </c>
      <c r="CB29" s="313">
        <v>0</v>
      </c>
      <c r="CC29" s="310">
        <v>0</v>
      </c>
      <c r="CD29" s="312">
        <v>0</v>
      </c>
      <c r="CE29" s="313">
        <v>0</v>
      </c>
      <c r="CF29" s="313">
        <v>0</v>
      </c>
      <c r="CG29" s="313">
        <v>20</v>
      </c>
      <c r="CH29" s="313">
        <v>0</v>
      </c>
      <c r="CI29" s="313">
        <v>0</v>
      </c>
      <c r="CJ29" s="310">
        <v>20</v>
      </c>
      <c r="CK29" s="315">
        <v>20</v>
      </c>
      <c r="CL29" s="309">
        <v>0</v>
      </c>
      <c r="CM29" s="313">
        <v>0</v>
      </c>
      <c r="CN29" s="310">
        <v>0</v>
      </c>
      <c r="CO29" s="312">
        <v>0</v>
      </c>
      <c r="CP29" s="313">
        <v>0</v>
      </c>
      <c r="CQ29" s="313">
        <v>0</v>
      </c>
      <c r="CR29" s="313">
        <v>0</v>
      </c>
      <c r="CS29" s="313">
        <v>0</v>
      </c>
      <c r="CT29" s="313">
        <v>0</v>
      </c>
      <c r="CU29" s="310">
        <v>0</v>
      </c>
      <c r="CV29" s="315">
        <v>0</v>
      </c>
      <c r="CW29" s="309">
        <v>0</v>
      </c>
      <c r="CX29" s="313">
        <v>0</v>
      </c>
      <c r="CY29" s="310">
        <v>0</v>
      </c>
      <c r="CZ29" s="312">
        <v>0</v>
      </c>
      <c r="DA29" s="313">
        <v>0</v>
      </c>
      <c r="DB29" s="313">
        <v>0</v>
      </c>
      <c r="DC29" s="313">
        <v>0</v>
      </c>
      <c r="DD29" s="313">
        <v>0</v>
      </c>
      <c r="DE29" s="313">
        <v>0</v>
      </c>
      <c r="DF29" s="310">
        <v>0</v>
      </c>
      <c r="DG29" s="315">
        <v>0</v>
      </c>
    </row>
    <row r="30" spans="1:111" ht="18.75" customHeight="1" x14ac:dyDescent="0.2">
      <c r="A30" s="294" t="s">
        <v>28</v>
      </c>
      <c r="B30" s="309">
        <v>0</v>
      </c>
      <c r="C30" s="310">
        <v>0</v>
      </c>
      <c r="D30" s="311">
        <v>0</v>
      </c>
      <c r="E30" s="312">
        <v>0</v>
      </c>
      <c r="F30" s="313">
        <v>0</v>
      </c>
      <c r="G30" s="313">
        <v>6</v>
      </c>
      <c r="H30" s="313">
        <v>17</v>
      </c>
      <c r="I30" s="313">
        <v>-8</v>
      </c>
      <c r="J30" s="313">
        <v>0</v>
      </c>
      <c r="K30" s="314">
        <v>15</v>
      </c>
      <c r="L30" s="315">
        <v>15</v>
      </c>
      <c r="M30" s="309">
        <v>0</v>
      </c>
      <c r="N30" s="313">
        <v>0</v>
      </c>
      <c r="O30" s="310">
        <v>0</v>
      </c>
      <c r="P30" s="312">
        <v>0</v>
      </c>
      <c r="Q30" s="313">
        <v>0</v>
      </c>
      <c r="R30" s="313">
        <v>0</v>
      </c>
      <c r="S30" s="313">
        <v>0</v>
      </c>
      <c r="T30" s="313">
        <v>0</v>
      </c>
      <c r="U30" s="313">
        <v>0</v>
      </c>
      <c r="V30" s="310">
        <v>0</v>
      </c>
      <c r="W30" s="315">
        <v>0</v>
      </c>
      <c r="X30" s="309">
        <v>0</v>
      </c>
      <c r="Y30" s="313">
        <v>0</v>
      </c>
      <c r="Z30" s="310">
        <v>0</v>
      </c>
      <c r="AA30" s="312">
        <v>0</v>
      </c>
      <c r="AB30" s="313">
        <v>3</v>
      </c>
      <c r="AC30" s="313">
        <v>3</v>
      </c>
      <c r="AD30" s="313">
        <v>0</v>
      </c>
      <c r="AE30" s="313">
        <v>0</v>
      </c>
      <c r="AF30" s="313">
        <v>0</v>
      </c>
      <c r="AG30" s="310">
        <v>6</v>
      </c>
      <c r="AH30" s="315">
        <v>6</v>
      </c>
      <c r="AI30" s="309">
        <v>0</v>
      </c>
      <c r="AJ30" s="313">
        <v>0</v>
      </c>
      <c r="AK30" s="310">
        <v>0</v>
      </c>
      <c r="AL30" s="312">
        <v>0</v>
      </c>
      <c r="AM30" s="313">
        <v>0</v>
      </c>
      <c r="AN30" s="313">
        <v>0</v>
      </c>
      <c r="AO30" s="313">
        <v>0</v>
      </c>
      <c r="AP30" s="313">
        <v>0</v>
      </c>
      <c r="AQ30" s="313">
        <v>0</v>
      </c>
      <c r="AR30" s="310">
        <v>0</v>
      </c>
      <c r="AS30" s="315">
        <v>0</v>
      </c>
      <c r="AT30" s="309">
        <v>0</v>
      </c>
      <c r="AU30" s="313">
        <v>0</v>
      </c>
      <c r="AV30" s="310">
        <v>0</v>
      </c>
      <c r="AW30" s="312">
        <v>0</v>
      </c>
      <c r="AX30" s="313">
        <v>23</v>
      </c>
      <c r="AY30" s="313">
        <v>0</v>
      </c>
      <c r="AZ30" s="313">
        <v>0</v>
      </c>
      <c r="BA30" s="313">
        <v>0</v>
      </c>
      <c r="BB30" s="313">
        <v>0</v>
      </c>
      <c r="BC30" s="314">
        <v>23</v>
      </c>
      <c r="BD30" s="315">
        <v>23</v>
      </c>
      <c r="BE30" s="309">
        <v>0</v>
      </c>
      <c r="BF30" s="313">
        <v>0</v>
      </c>
      <c r="BG30" s="310">
        <v>0</v>
      </c>
      <c r="BH30" s="312">
        <v>0</v>
      </c>
      <c r="BI30" s="313">
        <v>0</v>
      </c>
      <c r="BJ30" s="313">
        <v>0</v>
      </c>
      <c r="BK30" s="313">
        <v>0</v>
      </c>
      <c r="BL30" s="313">
        <v>0</v>
      </c>
      <c r="BM30" s="313">
        <v>0</v>
      </c>
      <c r="BN30" s="310">
        <v>0</v>
      </c>
      <c r="BO30" s="315">
        <v>0</v>
      </c>
      <c r="BP30" s="309">
        <v>0</v>
      </c>
      <c r="BQ30" s="313">
        <v>0</v>
      </c>
      <c r="BR30" s="310">
        <v>0</v>
      </c>
      <c r="BS30" s="312">
        <v>0</v>
      </c>
      <c r="BT30" s="313">
        <v>0</v>
      </c>
      <c r="BU30" s="313">
        <v>3</v>
      </c>
      <c r="BV30" s="313">
        <v>7</v>
      </c>
      <c r="BW30" s="313">
        <v>0</v>
      </c>
      <c r="BX30" s="313">
        <v>0</v>
      </c>
      <c r="BY30" s="310">
        <v>10</v>
      </c>
      <c r="BZ30" s="315">
        <v>10</v>
      </c>
      <c r="CA30" s="309">
        <v>0</v>
      </c>
      <c r="CB30" s="313">
        <v>0</v>
      </c>
      <c r="CC30" s="310">
        <v>0</v>
      </c>
      <c r="CD30" s="312">
        <v>0</v>
      </c>
      <c r="CE30" s="313">
        <v>7</v>
      </c>
      <c r="CF30" s="313">
        <v>0</v>
      </c>
      <c r="CG30" s="313">
        <v>4</v>
      </c>
      <c r="CH30" s="313">
        <v>0</v>
      </c>
      <c r="CI30" s="313">
        <v>0</v>
      </c>
      <c r="CJ30" s="310">
        <v>11</v>
      </c>
      <c r="CK30" s="315">
        <v>11</v>
      </c>
      <c r="CL30" s="309">
        <v>0</v>
      </c>
      <c r="CM30" s="313">
        <v>0</v>
      </c>
      <c r="CN30" s="310">
        <v>0</v>
      </c>
      <c r="CO30" s="312">
        <v>0</v>
      </c>
      <c r="CP30" s="313">
        <v>0</v>
      </c>
      <c r="CQ30" s="313">
        <v>0</v>
      </c>
      <c r="CR30" s="313">
        <v>0</v>
      </c>
      <c r="CS30" s="313">
        <v>0</v>
      </c>
      <c r="CT30" s="313">
        <v>0</v>
      </c>
      <c r="CU30" s="310">
        <v>0</v>
      </c>
      <c r="CV30" s="315">
        <v>0</v>
      </c>
      <c r="CW30" s="309">
        <v>0</v>
      </c>
      <c r="CX30" s="313">
        <v>0</v>
      </c>
      <c r="CY30" s="310">
        <v>0</v>
      </c>
      <c r="CZ30" s="312">
        <v>0</v>
      </c>
      <c r="DA30" s="313">
        <v>0</v>
      </c>
      <c r="DB30" s="313">
        <v>0</v>
      </c>
      <c r="DC30" s="313">
        <v>0</v>
      </c>
      <c r="DD30" s="313">
        <v>0</v>
      </c>
      <c r="DE30" s="313">
        <v>0</v>
      </c>
      <c r="DF30" s="310">
        <v>0</v>
      </c>
      <c r="DG30" s="315">
        <v>0</v>
      </c>
    </row>
    <row r="31" spans="1:111" ht="18.75" customHeight="1" x14ac:dyDescent="0.2">
      <c r="A31" s="294" t="s">
        <v>29</v>
      </c>
      <c r="B31" s="309">
        <v>0</v>
      </c>
      <c r="C31" s="310">
        <v>0</v>
      </c>
      <c r="D31" s="311">
        <v>0</v>
      </c>
      <c r="E31" s="312">
        <v>0</v>
      </c>
      <c r="F31" s="313">
        <v>4</v>
      </c>
      <c r="G31" s="313">
        <v>8</v>
      </c>
      <c r="H31" s="313">
        <v>0</v>
      </c>
      <c r="I31" s="313">
        <v>62</v>
      </c>
      <c r="J31" s="313">
        <v>0</v>
      </c>
      <c r="K31" s="314">
        <v>74</v>
      </c>
      <c r="L31" s="315">
        <v>74</v>
      </c>
      <c r="M31" s="309">
        <v>0</v>
      </c>
      <c r="N31" s="313">
        <v>0</v>
      </c>
      <c r="O31" s="310">
        <v>0</v>
      </c>
      <c r="P31" s="312">
        <v>0</v>
      </c>
      <c r="Q31" s="313">
        <v>0</v>
      </c>
      <c r="R31" s="313">
        <v>0</v>
      </c>
      <c r="S31" s="313">
        <v>0</v>
      </c>
      <c r="T31" s="313">
        <v>0</v>
      </c>
      <c r="U31" s="313">
        <v>4</v>
      </c>
      <c r="V31" s="310">
        <v>4</v>
      </c>
      <c r="W31" s="315">
        <v>4</v>
      </c>
      <c r="X31" s="309">
        <v>0</v>
      </c>
      <c r="Y31" s="313">
        <v>2</v>
      </c>
      <c r="Z31" s="310">
        <v>2</v>
      </c>
      <c r="AA31" s="312">
        <v>0</v>
      </c>
      <c r="AB31" s="313">
        <v>0</v>
      </c>
      <c r="AC31" s="313">
        <v>0</v>
      </c>
      <c r="AD31" s="313">
        <v>0</v>
      </c>
      <c r="AE31" s="313">
        <v>0</v>
      </c>
      <c r="AF31" s="313">
        <v>0</v>
      </c>
      <c r="AG31" s="310">
        <v>0</v>
      </c>
      <c r="AH31" s="315">
        <v>2</v>
      </c>
      <c r="AI31" s="309">
        <v>0</v>
      </c>
      <c r="AJ31" s="313">
        <v>0</v>
      </c>
      <c r="AK31" s="310">
        <v>0</v>
      </c>
      <c r="AL31" s="312">
        <v>0</v>
      </c>
      <c r="AM31" s="313">
        <v>24</v>
      </c>
      <c r="AN31" s="313">
        <v>0</v>
      </c>
      <c r="AO31" s="313">
        <v>0</v>
      </c>
      <c r="AP31" s="313">
        <v>0</v>
      </c>
      <c r="AQ31" s="313">
        <v>0</v>
      </c>
      <c r="AR31" s="310">
        <v>24</v>
      </c>
      <c r="AS31" s="315">
        <v>24</v>
      </c>
      <c r="AT31" s="309">
        <v>0</v>
      </c>
      <c r="AU31" s="313">
        <v>0</v>
      </c>
      <c r="AV31" s="310">
        <v>0</v>
      </c>
      <c r="AW31" s="312">
        <v>0</v>
      </c>
      <c r="AX31" s="313">
        <v>24</v>
      </c>
      <c r="AY31" s="313">
        <v>4</v>
      </c>
      <c r="AZ31" s="313">
        <v>11</v>
      </c>
      <c r="BA31" s="313">
        <v>0</v>
      </c>
      <c r="BB31" s="313">
        <v>0</v>
      </c>
      <c r="BC31" s="314">
        <v>39</v>
      </c>
      <c r="BD31" s="315">
        <v>39</v>
      </c>
      <c r="BE31" s="309">
        <v>0</v>
      </c>
      <c r="BF31" s="313">
        <v>0</v>
      </c>
      <c r="BG31" s="310">
        <v>0</v>
      </c>
      <c r="BH31" s="312">
        <v>0</v>
      </c>
      <c r="BI31" s="313">
        <v>0</v>
      </c>
      <c r="BJ31" s="313">
        <v>8</v>
      </c>
      <c r="BK31" s="313">
        <v>4</v>
      </c>
      <c r="BL31" s="313">
        <v>9</v>
      </c>
      <c r="BM31" s="313">
        <v>0</v>
      </c>
      <c r="BN31" s="310">
        <v>21</v>
      </c>
      <c r="BO31" s="315">
        <v>21</v>
      </c>
      <c r="BP31" s="309">
        <v>0</v>
      </c>
      <c r="BQ31" s="313">
        <v>0</v>
      </c>
      <c r="BR31" s="310">
        <v>0</v>
      </c>
      <c r="BS31" s="312">
        <v>0</v>
      </c>
      <c r="BT31" s="313">
        <v>0</v>
      </c>
      <c r="BU31" s="313">
        <v>15</v>
      </c>
      <c r="BV31" s="313">
        <v>2</v>
      </c>
      <c r="BW31" s="313">
        <v>0</v>
      </c>
      <c r="BX31" s="313">
        <v>14</v>
      </c>
      <c r="BY31" s="310">
        <v>31</v>
      </c>
      <c r="BZ31" s="315">
        <v>31</v>
      </c>
      <c r="CA31" s="309">
        <v>0</v>
      </c>
      <c r="CB31" s="313">
        <v>0</v>
      </c>
      <c r="CC31" s="310">
        <v>0</v>
      </c>
      <c r="CD31" s="312">
        <v>0</v>
      </c>
      <c r="CE31" s="313">
        <v>0</v>
      </c>
      <c r="CF31" s="313">
        <v>0</v>
      </c>
      <c r="CG31" s="313">
        <v>0</v>
      </c>
      <c r="CH31" s="313">
        <v>0</v>
      </c>
      <c r="CI31" s="313">
        <v>0</v>
      </c>
      <c r="CJ31" s="310">
        <v>0</v>
      </c>
      <c r="CK31" s="315">
        <v>0</v>
      </c>
      <c r="CL31" s="309">
        <v>0</v>
      </c>
      <c r="CM31" s="313">
        <v>0</v>
      </c>
      <c r="CN31" s="310">
        <v>0</v>
      </c>
      <c r="CO31" s="312">
        <v>0</v>
      </c>
      <c r="CP31" s="313">
        <v>0</v>
      </c>
      <c r="CQ31" s="313">
        <v>0</v>
      </c>
      <c r="CR31" s="313">
        <v>0</v>
      </c>
      <c r="CS31" s="313">
        <v>0</v>
      </c>
      <c r="CT31" s="313">
        <v>0</v>
      </c>
      <c r="CU31" s="310">
        <v>0</v>
      </c>
      <c r="CV31" s="315">
        <v>0</v>
      </c>
      <c r="CW31" s="309">
        <v>0</v>
      </c>
      <c r="CX31" s="313">
        <v>0</v>
      </c>
      <c r="CY31" s="310">
        <v>0</v>
      </c>
      <c r="CZ31" s="312">
        <v>0</v>
      </c>
      <c r="DA31" s="313">
        <v>0</v>
      </c>
      <c r="DB31" s="313">
        <v>0</v>
      </c>
      <c r="DC31" s="313">
        <v>0</v>
      </c>
      <c r="DD31" s="313">
        <v>0</v>
      </c>
      <c r="DE31" s="313">
        <v>0</v>
      </c>
      <c r="DF31" s="310">
        <v>0</v>
      </c>
      <c r="DG31" s="315">
        <v>0</v>
      </c>
    </row>
    <row r="32" spans="1:111" ht="18.75" customHeight="1" x14ac:dyDescent="0.2">
      <c r="A32" s="294" t="s">
        <v>30</v>
      </c>
      <c r="B32" s="309">
        <v>0</v>
      </c>
      <c r="C32" s="310">
        <v>0</v>
      </c>
      <c r="D32" s="311">
        <v>0</v>
      </c>
      <c r="E32" s="312">
        <v>0</v>
      </c>
      <c r="F32" s="313">
        <v>16</v>
      </c>
      <c r="G32" s="313">
        <v>24</v>
      </c>
      <c r="H32" s="313">
        <v>4</v>
      </c>
      <c r="I32" s="313">
        <v>12</v>
      </c>
      <c r="J32" s="313">
        <v>0</v>
      </c>
      <c r="K32" s="314">
        <v>56</v>
      </c>
      <c r="L32" s="315">
        <v>56</v>
      </c>
      <c r="M32" s="309">
        <v>0</v>
      </c>
      <c r="N32" s="313">
        <v>0</v>
      </c>
      <c r="O32" s="310">
        <v>0</v>
      </c>
      <c r="P32" s="312">
        <v>0</v>
      </c>
      <c r="Q32" s="313">
        <v>0</v>
      </c>
      <c r="R32" s="313">
        <v>0</v>
      </c>
      <c r="S32" s="313">
        <v>0</v>
      </c>
      <c r="T32" s="313">
        <v>9</v>
      </c>
      <c r="U32" s="313">
        <v>0</v>
      </c>
      <c r="V32" s="310">
        <v>9</v>
      </c>
      <c r="W32" s="315">
        <v>9</v>
      </c>
      <c r="X32" s="309">
        <v>0</v>
      </c>
      <c r="Y32" s="313">
        <v>0</v>
      </c>
      <c r="Z32" s="310">
        <v>0</v>
      </c>
      <c r="AA32" s="312">
        <v>0</v>
      </c>
      <c r="AB32" s="313">
        <v>2</v>
      </c>
      <c r="AC32" s="313">
        <v>0</v>
      </c>
      <c r="AD32" s="313">
        <v>0</v>
      </c>
      <c r="AE32" s="313">
        <v>9</v>
      </c>
      <c r="AF32" s="313">
        <v>0</v>
      </c>
      <c r="AG32" s="310">
        <v>11</v>
      </c>
      <c r="AH32" s="315">
        <v>11</v>
      </c>
      <c r="AI32" s="309">
        <v>0</v>
      </c>
      <c r="AJ32" s="313">
        <v>0</v>
      </c>
      <c r="AK32" s="310">
        <v>0</v>
      </c>
      <c r="AL32" s="312">
        <v>0</v>
      </c>
      <c r="AM32" s="313">
        <v>0</v>
      </c>
      <c r="AN32" s="313">
        <v>0</v>
      </c>
      <c r="AO32" s="313">
        <v>0</v>
      </c>
      <c r="AP32" s="313">
        <v>0</v>
      </c>
      <c r="AQ32" s="313">
        <v>0</v>
      </c>
      <c r="AR32" s="310">
        <v>0</v>
      </c>
      <c r="AS32" s="315">
        <v>0</v>
      </c>
      <c r="AT32" s="309">
        <v>0</v>
      </c>
      <c r="AU32" s="313">
        <v>0</v>
      </c>
      <c r="AV32" s="310">
        <v>0</v>
      </c>
      <c r="AW32" s="312">
        <v>0</v>
      </c>
      <c r="AX32" s="313">
        <v>0</v>
      </c>
      <c r="AY32" s="313">
        <v>0</v>
      </c>
      <c r="AZ32" s="313">
        <v>0</v>
      </c>
      <c r="BA32" s="313">
        <v>12</v>
      </c>
      <c r="BB32" s="313">
        <v>0</v>
      </c>
      <c r="BC32" s="314">
        <v>12</v>
      </c>
      <c r="BD32" s="315">
        <v>12</v>
      </c>
      <c r="BE32" s="309">
        <v>0</v>
      </c>
      <c r="BF32" s="313">
        <v>0</v>
      </c>
      <c r="BG32" s="310">
        <v>0</v>
      </c>
      <c r="BH32" s="312">
        <v>0</v>
      </c>
      <c r="BI32" s="313">
        <v>7</v>
      </c>
      <c r="BJ32" s="313">
        <v>0</v>
      </c>
      <c r="BK32" s="313">
        <v>0</v>
      </c>
      <c r="BL32" s="313">
        <v>0</v>
      </c>
      <c r="BM32" s="313">
        <v>0</v>
      </c>
      <c r="BN32" s="310">
        <v>7</v>
      </c>
      <c r="BO32" s="315">
        <v>7</v>
      </c>
      <c r="BP32" s="309">
        <v>0</v>
      </c>
      <c r="BQ32" s="313">
        <v>0</v>
      </c>
      <c r="BR32" s="310">
        <v>0</v>
      </c>
      <c r="BS32" s="312">
        <v>0</v>
      </c>
      <c r="BT32" s="313">
        <v>4</v>
      </c>
      <c r="BU32" s="313">
        <v>0</v>
      </c>
      <c r="BV32" s="313">
        <v>36</v>
      </c>
      <c r="BW32" s="313">
        <v>8</v>
      </c>
      <c r="BX32" s="313">
        <v>0</v>
      </c>
      <c r="BY32" s="310">
        <v>48</v>
      </c>
      <c r="BZ32" s="315">
        <v>48</v>
      </c>
      <c r="CA32" s="309">
        <v>0</v>
      </c>
      <c r="CB32" s="313">
        <v>0</v>
      </c>
      <c r="CC32" s="310">
        <v>0</v>
      </c>
      <c r="CD32" s="312">
        <v>0</v>
      </c>
      <c r="CE32" s="313">
        <v>0</v>
      </c>
      <c r="CF32" s="313">
        <v>0</v>
      </c>
      <c r="CG32" s="313">
        <v>0</v>
      </c>
      <c r="CH32" s="313">
        <v>0</v>
      </c>
      <c r="CI32" s="313">
        <v>0</v>
      </c>
      <c r="CJ32" s="310">
        <v>0</v>
      </c>
      <c r="CK32" s="315">
        <v>0</v>
      </c>
      <c r="CL32" s="309">
        <v>0</v>
      </c>
      <c r="CM32" s="313">
        <v>0</v>
      </c>
      <c r="CN32" s="310">
        <v>0</v>
      </c>
      <c r="CO32" s="312">
        <v>0</v>
      </c>
      <c r="CP32" s="313">
        <v>0</v>
      </c>
      <c r="CQ32" s="313">
        <v>0</v>
      </c>
      <c r="CR32" s="313">
        <v>0</v>
      </c>
      <c r="CS32" s="313">
        <v>0</v>
      </c>
      <c r="CT32" s="313">
        <v>0</v>
      </c>
      <c r="CU32" s="310">
        <v>0</v>
      </c>
      <c r="CV32" s="315">
        <v>0</v>
      </c>
      <c r="CW32" s="309">
        <v>0</v>
      </c>
      <c r="CX32" s="313">
        <v>0</v>
      </c>
      <c r="CY32" s="310">
        <v>0</v>
      </c>
      <c r="CZ32" s="312">
        <v>0</v>
      </c>
      <c r="DA32" s="313">
        <v>0</v>
      </c>
      <c r="DB32" s="313">
        <v>0</v>
      </c>
      <c r="DC32" s="313">
        <v>0</v>
      </c>
      <c r="DD32" s="313">
        <v>0</v>
      </c>
      <c r="DE32" s="313">
        <v>0</v>
      </c>
      <c r="DF32" s="310">
        <v>0</v>
      </c>
      <c r="DG32" s="315">
        <v>0</v>
      </c>
    </row>
    <row r="33" spans="1:111" ht="18.75" customHeight="1" x14ac:dyDescent="0.2">
      <c r="A33" s="294" t="s">
        <v>31</v>
      </c>
      <c r="B33" s="309">
        <v>0</v>
      </c>
      <c r="C33" s="310">
        <v>0</v>
      </c>
      <c r="D33" s="311">
        <v>0</v>
      </c>
      <c r="E33" s="312">
        <v>0</v>
      </c>
      <c r="F33" s="313">
        <v>10</v>
      </c>
      <c r="G33" s="313">
        <v>0</v>
      </c>
      <c r="H33" s="313">
        <v>22</v>
      </c>
      <c r="I33" s="313">
        <v>0</v>
      </c>
      <c r="J33" s="313">
        <v>0</v>
      </c>
      <c r="K33" s="314">
        <v>32</v>
      </c>
      <c r="L33" s="315">
        <v>32</v>
      </c>
      <c r="M33" s="309">
        <v>0</v>
      </c>
      <c r="N33" s="313">
        <v>0</v>
      </c>
      <c r="O33" s="310">
        <v>0</v>
      </c>
      <c r="P33" s="312">
        <v>0</v>
      </c>
      <c r="Q33" s="313">
        <v>0</v>
      </c>
      <c r="R33" s="313">
        <v>4</v>
      </c>
      <c r="S33" s="313">
        <v>9</v>
      </c>
      <c r="T33" s="313">
        <v>0</v>
      </c>
      <c r="U33" s="313">
        <v>0</v>
      </c>
      <c r="V33" s="310">
        <v>13</v>
      </c>
      <c r="W33" s="315">
        <v>13</v>
      </c>
      <c r="X33" s="309">
        <v>0</v>
      </c>
      <c r="Y33" s="313">
        <v>0</v>
      </c>
      <c r="Z33" s="310">
        <v>0</v>
      </c>
      <c r="AA33" s="312">
        <v>0</v>
      </c>
      <c r="AB33" s="313">
        <v>3</v>
      </c>
      <c r="AC33" s="313">
        <v>0</v>
      </c>
      <c r="AD33" s="313">
        <v>4</v>
      </c>
      <c r="AE33" s="313">
        <v>0</v>
      </c>
      <c r="AF33" s="313">
        <v>0</v>
      </c>
      <c r="AG33" s="310">
        <v>7</v>
      </c>
      <c r="AH33" s="315">
        <v>7</v>
      </c>
      <c r="AI33" s="309">
        <v>0</v>
      </c>
      <c r="AJ33" s="313">
        <v>2</v>
      </c>
      <c r="AK33" s="310">
        <v>2</v>
      </c>
      <c r="AL33" s="312">
        <v>0</v>
      </c>
      <c r="AM33" s="313">
        <v>0</v>
      </c>
      <c r="AN33" s="313">
        <v>47</v>
      </c>
      <c r="AO33" s="313">
        <v>0</v>
      </c>
      <c r="AP33" s="313">
        <v>0</v>
      </c>
      <c r="AQ33" s="313">
        <v>0</v>
      </c>
      <c r="AR33" s="310">
        <v>47</v>
      </c>
      <c r="AS33" s="315">
        <v>49</v>
      </c>
      <c r="AT33" s="309">
        <v>0</v>
      </c>
      <c r="AU33" s="313">
        <v>0</v>
      </c>
      <c r="AV33" s="310">
        <v>0</v>
      </c>
      <c r="AW33" s="312">
        <v>0</v>
      </c>
      <c r="AX33" s="313">
        <v>38</v>
      </c>
      <c r="AY33" s="313">
        <v>42</v>
      </c>
      <c r="AZ33" s="313">
        <v>4</v>
      </c>
      <c r="BA33" s="313">
        <v>0</v>
      </c>
      <c r="BB33" s="313">
        <v>0</v>
      </c>
      <c r="BC33" s="314">
        <v>84</v>
      </c>
      <c r="BD33" s="315">
        <v>84</v>
      </c>
      <c r="BE33" s="309">
        <v>0</v>
      </c>
      <c r="BF33" s="313">
        <v>0</v>
      </c>
      <c r="BG33" s="310">
        <v>0</v>
      </c>
      <c r="BH33" s="312">
        <v>0</v>
      </c>
      <c r="BI33" s="313">
        <v>0</v>
      </c>
      <c r="BJ33" s="313">
        <v>12</v>
      </c>
      <c r="BK33" s="313">
        <v>12</v>
      </c>
      <c r="BL33" s="313">
        <v>0</v>
      </c>
      <c r="BM33" s="313">
        <v>0</v>
      </c>
      <c r="BN33" s="310">
        <v>24</v>
      </c>
      <c r="BO33" s="315">
        <v>24</v>
      </c>
      <c r="BP33" s="309">
        <v>0</v>
      </c>
      <c r="BQ33" s="313">
        <v>0</v>
      </c>
      <c r="BR33" s="310">
        <v>0</v>
      </c>
      <c r="BS33" s="312">
        <v>0</v>
      </c>
      <c r="BT33" s="313">
        <v>10</v>
      </c>
      <c r="BU33" s="313">
        <v>13</v>
      </c>
      <c r="BV33" s="313">
        <v>5</v>
      </c>
      <c r="BW33" s="313">
        <v>0</v>
      </c>
      <c r="BX33" s="313">
        <v>0</v>
      </c>
      <c r="BY33" s="310">
        <v>28</v>
      </c>
      <c r="BZ33" s="315">
        <v>28</v>
      </c>
      <c r="CA33" s="309">
        <v>0</v>
      </c>
      <c r="CB33" s="313">
        <v>0</v>
      </c>
      <c r="CC33" s="310">
        <v>0</v>
      </c>
      <c r="CD33" s="312">
        <v>0</v>
      </c>
      <c r="CE33" s="313">
        <v>0</v>
      </c>
      <c r="CF33" s="313">
        <v>0</v>
      </c>
      <c r="CG33" s="313">
        <v>0</v>
      </c>
      <c r="CH33" s="313">
        <v>0</v>
      </c>
      <c r="CI33" s="313">
        <v>0</v>
      </c>
      <c r="CJ33" s="310">
        <v>0</v>
      </c>
      <c r="CK33" s="315">
        <v>0</v>
      </c>
      <c r="CL33" s="309">
        <v>0</v>
      </c>
      <c r="CM33" s="313">
        <v>0</v>
      </c>
      <c r="CN33" s="310">
        <v>0</v>
      </c>
      <c r="CO33" s="312">
        <v>0</v>
      </c>
      <c r="CP33" s="313">
        <v>0</v>
      </c>
      <c r="CQ33" s="313">
        <v>0</v>
      </c>
      <c r="CR33" s="313">
        <v>0</v>
      </c>
      <c r="CS33" s="313">
        <v>0</v>
      </c>
      <c r="CT33" s="313">
        <v>0</v>
      </c>
      <c r="CU33" s="310">
        <v>0</v>
      </c>
      <c r="CV33" s="315">
        <v>0</v>
      </c>
      <c r="CW33" s="309">
        <v>0</v>
      </c>
      <c r="CX33" s="313">
        <v>0</v>
      </c>
      <c r="CY33" s="310">
        <v>0</v>
      </c>
      <c r="CZ33" s="312">
        <v>0</v>
      </c>
      <c r="DA33" s="313">
        <v>0</v>
      </c>
      <c r="DB33" s="313">
        <v>0</v>
      </c>
      <c r="DC33" s="313">
        <v>0</v>
      </c>
      <c r="DD33" s="313">
        <v>0</v>
      </c>
      <c r="DE33" s="313">
        <v>0</v>
      </c>
      <c r="DF33" s="310">
        <v>0</v>
      </c>
      <c r="DG33" s="315">
        <v>0</v>
      </c>
    </row>
    <row r="34" spans="1:111" ht="18.75" customHeight="1" x14ac:dyDescent="0.2">
      <c r="A34" s="294" t="s">
        <v>32</v>
      </c>
      <c r="B34" s="309">
        <v>0</v>
      </c>
      <c r="C34" s="310">
        <v>0</v>
      </c>
      <c r="D34" s="311">
        <v>0</v>
      </c>
      <c r="E34" s="312">
        <v>0</v>
      </c>
      <c r="F34" s="313">
        <v>4</v>
      </c>
      <c r="G34" s="313">
        <v>48</v>
      </c>
      <c r="H34" s="313">
        <v>16</v>
      </c>
      <c r="I34" s="313">
        <v>167</v>
      </c>
      <c r="J34" s="313">
        <v>0</v>
      </c>
      <c r="K34" s="314">
        <v>235</v>
      </c>
      <c r="L34" s="315">
        <v>235</v>
      </c>
      <c r="M34" s="309">
        <v>0</v>
      </c>
      <c r="N34" s="313">
        <v>0</v>
      </c>
      <c r="O34" s="310">
        <v>0</v>
      </c>
      <c r="P34" s="312">
        <v>0</v>
      </c>
      <c r="Q34" s="313">
        <v>0</v>
      </c>
      <c r="R34" s="313">
        <v>0</v>
      </c>
      <c r="S34" s="313">
        <v>0</v>
      </c>
      <c r="T34" s="313">
        <v>0</v>
      </c>
      <c r="U34" s="313">
        <v>0</v>
      </c>
      <c r="V34" s="310">
        <v>0</v>
      </c>
      <c r="W34" s="315">
        <v>0</v>
      </c>
      <c r="X34" s="309">
        <v>0</v>
      </c>
      <c r="Y34" s="313">
        <v>2</v>
      </c>
      <c r="Z34" s="310">
        <v>2</v>
      </c>
      <c r="AA34" s="312">
        <v>0</v>
      </c>
      <c r="AB34" s="313">
        <v>24</v>
      </c>
      <c r="AC34" s="313">
        <v>15</v>
      </c>
      <c r="AD34" s="313">
        <v>13</v>
      </c>
      <c r="AE34" s="313">
        <v>0</v>
      </c>
      <c r="AF34" s="313">
        <v>2</v>
      </c>
      <c r="AG34" s="310">
        <v>54</v>
      </c>
      <c r="AH34" s="315">
        <v>56</v>
      </c>
      <c r="AI34" s="309">
        <v>0</v>
      </c>
      <c r="AJ34" s="313">
        <v>0</v>
      </c>
      <c r="AK34" s="310">
        <v>0</v>
      </c>
      <c r="AL34" s="312">
        <v>0</v>
      </c>
      <c r="AM34" s="313">
        <v>0</v>
      </c>
      <c r="AN34" s="313">
        <v>0</v>
      </c>
      <c r="AO34" s="313">
        <v>0</v>
      </c>
      <c r="AP34" s="313">
        <v>0</v>
      </c>
      <c r="AQ34" s="313">
        <v>0</v>
      </c>
      <c r="AR34" s="310">
        <v>0</v>
      </c>
      <c r="AS34" s="315">
        <v>0</v>
      </c>
      <c r="AT34" s="309">
        <v>0</v>
      </c>
      <c r="AU34" s="313">
        <v>0</v>
      </c>
      <c r="AV34" s="310">
        <v>0</v>
      </c>
      <c r="AW34" s="312">
        <v>0</v>
      </c>
      <c r="AX34" s="313">
        <v>31</v>
      </c>
      <c r="AY34" s="313">
        <v>9</v>
      </c>
      <c r="AZ34" s="313">
        <v>0</v>
      </c>
      <c r="BA34" s="313">
        <v>0</v>
      </c>
      <c r="BB34" s="313">
        <v>0</v>
      </c>
      <c r="BC34" s="314">
        <v>40</v>
      </c>
      <c r="BD34" s="315">
        <v>40</v>
      </c>
      <c r="BE34" s="309">
        <v>0</v>
      </c>
      <c r="BF34" s="313">
        <v>0</v>
      </c>
      <c r="BG34" s="310">
        <v>0</v>
      </c>
      <c r="BH34" s="312">
        <v>0</v>
      </c>
      <c r="BI34" s="313">
        <v>22</v>
      </c>
      <c r="BJ34" s="313">
        <v>0</v>
      </c>
      <c r="BK34" s="313">
        <v>0</v>
      </c>
      <c r="BL34" s="313">
        <v>0</v>
      </c>
      <c r="BM34" s="313">
        <v>0</v>
      </c>
      <c r="BN34" s="310">
        <v>22</v>
      </c>
      <c r="BO34" s="315">
        <v>22</v>
      </c>
      <c r="BP34" s="309">
        <v>0</v>
      </c>
      <c r="BQ34" s="313">
        <v>0</v>
      </c>
      <c r="BR34" s="310">
        <v>0</v>
      </c>
      <c r="BS34" s="312">
        <v>0</v>
      </c>
      <c r="BT34" s="313">
        <v>2</v>
      </c>
      <c r="BU34" s="313">
        <v>0</v>
      </c>
      <c r="BV34" s="313">
        <v>0</v>
      </c>
      <c r="BW34" s="313">
        <v>0</v>
      </c>
      <c r="BX34" s="313">
        <v>0</v>
      </c>
      <c r="BY34" s="310">
        <v>2</v>
      </c>
      <c r="BZ34" s="315">
        <v>2</v>
      </c>
      <c r="CA34" s="309">
        <v>0</v>
      </c>
      <c r="CB34" s="313">
        <v>0</v>
      </c>
      <c r="CC34" s="310">
        <v>0</v>
      </c>
      <c r="CD34" s="312">
        <v>0</v>
      </c>
      <c r="CE34" s="313">
        <v>0</v>
      </c>
      <c r="CF34" s="313">
        <v>0</v>
      </c>
      <c r="CG34" s="313">
        <v>0</v>
      </c>
      <c r="CH34" s="313">
        <v>0</v>
      </c>
      <c r="CI34" s="313">
        <v>0</v>
      </c>
      <c r="CJ34" s="310">
        <v>0</v>
      </c>
      <c r="CK34" s="315">
        <v>0</v>
      </c>
      <c r="CL34" s="309">
        <v>0</v>
      </c>
      <c r="CM34" s="313">
        <v>0</v>
      </c>
      <c r="CN34" s="310">
        <v>0</v>
      </c>
      <c r="CO34" s="312">
        <v>0</v>
      </c>
      <c r="CP34" s="313">
        <v>0</v>
      </c>
      <c r="CQ34" s="313">
        <v>0</v>
      </c>
      <c r="CR34" s="313">
        <v>0</v>
      </c>
      <c r="CS34" s="313">
        <v>0</v>
      </c>
      <c r="CT34" s="313">
        <v>0</v>
      </c>
      <c r="CU34" s="310">
        <v>0</v>
      </c>
      <c r="CV34" s="315">
        <v>0</v>
      </c>
      <c r="CW34" s="309">
        <v>0</v>
      </c>
      <c r="CX34" s="313">
        <v>0</v>
      </c>
      <c r="CY34" s="310">
        <v>0</v>
      </c>
      <c r="CZ34" s="312">
        <v>0</v>
      </c>
      <c r="DA34" s="313">
        <v>0</v>
      </c>
      <c r="DB34" s="313">
        <v>0</v>
      </c>
      <c r="DC34" s="313">
        <v>0</v>
      </c>
      <c r="DD34" s="313">
        <v>0</v>
      </c>
      <c r="DE34" s="313">
        <v>0</v>
      </c>
      <c r="DF34" s="310">
        <v>0</v>
      </c>
      <c r="DG34" s="315">
        <v>0</v>
      </c>
    </row>
    <row r="35" spans="1:111" ht="18.75" customHeight="1" x14ac:dyDescent="0.2">
      <c r="A35" s="294" t="s">
        <v>33</v>
      </c>
      <c r="B35" s="309">
        <v>0</v>
      </c>
      <c r="C35" s="310">
        <v>0</v>
      </c>
      <c r="D35" s="311">
        <v>0</v>
      </c>
      <c r="E35" s="312">
        <v>0</v>
      </c>
      <c r="F35" s="313">
        <v>5</v>
      </c>
      <c r="G35" s="313">
        <v>0</v>
      </c>
      <c r="H35" s="313">
        <v>0</v>
      </c>
      <c r="I35" s="313">
        <v>0</v>
      </c>
      <c r="J35" s="313">
        <v>0</v>
      </c>
      <c r="K35" s="314">
        <v>5</v>
      </c>
      <c r="L35" s="315">
        <v>5</v>
      </c>
      <c r="M35" s="309">
        <v>0</v>
      </c>
      <c r="N35" s="313">
        <v>0</v>
      </c>
      <c r="O35" s="310">
        <v>0</v>
      </c>
      <c r="P35" s="312">
        <v>0</v>
      </c>
      <c r="Q35" s="313">
        <v>0</v>
      </c>
      <c r="R35" s="313">
        <v>0</v>
      </c>
      <c r="S35" s="313">
        <v>0</v>
      </c>
      <c r="T35" s="313">
        <v>0</v>
      </c>
      <c r="U35" s="313">
        <v>0</v>
      </c>
      <c r="V35" s="310">
        <v>0</v>
      </c>
      <c r="W35" s="315">
        <v>0</v>
      </c>
      <c r="X35" s="309">
        <v>0</v>
      </c>
      <c r="Y35" s="313">
        <v>0</v>
      </c>
      <c r="Z35" s="310">
        <v>0</v>
      </c>
      <c r="AA35" s="312">
        <v>0</v>
      </c>
      <c r="AB35" s="313">
        <v>0</v>
      </c>
      <c r="AC35" s="313">
        <v>0</v>
      </c>
      <c r="AD35" s="313">
        <v>11</v>
      </c>
      <c r="AE35" s="313">
        <v>0</v>
      </c>
      <c r="AF35" s="313">
        <v>0</v>
      </c>
      <c r="AG35" s="310">
        <v>11</v>
      </c>
      <c r="AH35" s="315">
        <v>11</v>
      </c>
      <c r="AI35" s="309">
        <v>12</v>
      </c>
      <c r="AJ35" s="313">
        <v>17</v>
      </c>
      <c r="AK35" s="310">
        <v>29</v>
      </c>
      <c r="AL35" s="312">
        <v>0</v>
      </c>
      <c r="AM35" s="313">
        <v>0</v>
      </c>
      <c r="AN35" s="313">
        <v>0</v>
      </c>
      <c r="AO35" s="313">
        <v>0</v>
      </c>
      <c r="AP35" s="313">
        <v>0</v>
      </c>
      <c r="AQ35" s="313">
        <v>0</v>
      </c>
      <c r="AR35" s="310">
        <v>0</v>
      </c>
      <c r="AS35" s="315">
        <v>29</v>
      </c>
      <c r="AT35" s="309">
        <v>0</v>
      </c>
      <c r="AU35" s="313">
        <v>0</v>
      </c>
      <c r="AV35" s="310">
        <v>0</v>
      </c>
      <c r="AW35" s="312">
        <v>0</v>
      </c>
      <c r="AX35" s="313">
        <v>0</v>
      </c>
      <c r="AY35" s="313">
        <v>0</v>
      </c>
      <c r="AZ35" s="313">
        <v>0</v>
      </c>
      <c r="BA35" s="313">
        <v>0</v>
      </c>
      <c r="BB35" s="313">
        <v>0</v>
      </c>
      <c r="BC35" s="314">
        <v>0</v>
      </c>
      <c r="BD35" s="315">
        <v>0</v>
      </c>
      <c r="BE35" s="309">
        <v>0</v>
      </c>
      <c r="BF35" s="313">
        <v>0</v>
      </c>
      <c r="BG35" s="310">
        <v>0</v>
      </c>
      <c r="BH35" s="312">
        <v>0</v>
      </c>
      <c r="BI35" s="313">
        <v>7</v>
      </c>
      <c r="BJ35" s="313">
        <v>10</v>
      </c>
      <c r="BK35" s="313">
        <v>0</v>
      </c>
      <c r="BL35" s="313">
        <v>0</v>
      </c>
      <c r="BM35" s="313">
        <v>0</v>
      </c>
      <c r="BN35" s="310">
        <v>17</v>
      </c>
      <c r="BO35" s="315">
        <v>17</v>
      </c>
      <c r="BP35" s="309">
        <v>0</v>
      </c>
      <c r="BQ35" s="313">
        <v>0</v>
      </c>
      <c r="BR35" s="310">
        <v>0</v>
      </c>
      <c r="BS35" s="312">
        <v>0</v>
      </c>
      <c r="BT35" s="313">
        <v>0</v>
      </c>
      <c r="BU35" s="313">
        <v>0</v>
      </c>
      <c r="BV35" s="313">
        <v>0</v>
      </c>
      <c r="BW35" s="313">
        <v>0</v>
      </c>
      <c r="BX35" s="313">
        <v>0</v>
      </c>
      <c r="BY35" s="310">
        <v>0</v>
      </c>
      <c r="BZ35" s="315">
        <v>0</v>
      </c>
      <c r="CA35" s="309">
        <v>0</v>
      </c>
      <c r="CB35" s="313">
        <v>0</v>
      </c>
      <c r="CC35" s="310">
        <v>0</v>
      </c>
      <c r="CD35" s="312">
        <v>0</v>
      </c>
      <c r="CE35" s="313">
        <v>14</v>
      </c>
      <c r="CF35" s="313">
        <v>6</v>
      </c>
      <c r="CG35" s="313">
        <v>0</v>
      </c>
      <c r="CH35" s="313">
        <v>0</v>
      </c>
      <c r="CI35" s="313">
        <v>0</v>
      </c>
      <c r="CJ35" s="310">
        <v>20</v>
      </c>
      <c r="CK35" s="315">
        <v>20</v>
      </c>
      <c r="CL35" s="309">
        <v>0</v>
      </c>
      <c r="CM35" s="313">
        <v>0</v>
      </c>
      <c r="CN35" s="310">
        <v>0</v>
      </c>
      <c r="CO35" s="312">
        <v>0</v>
      </c>
      <c r="CP35" s="313">
        <v>0</v>
      </c>
      <c r="CQ35" s="313">
        <v>0</v>
      </c>
      <c r="CR35" s="313">
        <v>0</v>
      </c>
      <c r="CS35" s="313">
        <v>0</v>
      </c>
      <c r="CT35" s="313">
        <v>0</v>
      </c>
      <c r="CU35" s="310">
        <v>0</v>
      </c>
      <c r="CV35" s="315">
        <v>0</v>
      </c>
      <c r="CW35" s="309">
        <v>0</v>
      </c>
      <c r="CX35" s="313">
        <v>0</v>
      </c>
      <c r="CY35" s="310">
        <v>0</v>
      </c>
      <c r="CZ35" s="312">
        <v>0</v>
      </c>
      <c r="DA35" s="313">
        <v>0</v>
      </c>
      <c r="DB35" s="313">
        <v>0</v>
      </c>
      <c r="DC35" s="313">
        <v>0</v>
      </c>
      <c r="DD35" s="313">
        <v>0</v>
      </c>
      <c r="DE35" s="313">
        <v>0</v>
      </c>
      <c r="DF35" s="310">
        <v>0</v>
      </c>
      <c r="DG35" s="315">
        <v>0</v>
      </c>
    </row>
    <row r="36" spans="1:111" ht="18.75" customHeight="1" x14ac:dyDescent="0.2">
      <c r="A36" s="294" t="s">
        <v>34</v>
      </c>
      <c r="B36" s="309">
        <v>0</v>
      </c>
      <c r="C36" s="310">
        <v>0</v>
      </c>
      <c r="D36" s="311">
        <v>0</v>
      </c>
      <c r="E36" s="312">
        <v>0</v>
      </c>
      <c r="F36" s="313">
        <v>0</v>
      </c>
      <c r="G36" s="313">
        <v>22</v>
      </c>
      <c r="H36" s="313">
        <v>0</v>
      </c>
      <c r="I36" s="313">
        <v>0</v>
      </c>
      <c r="J36" s="313">
        <v>0</v>
      </c>
      <c r="K36" s="314">
        <v>22</v>
      </c>
      <c r="L36" s="315">
        <v>22</v>
      </c>
      <c r="M36" s="309">
        <v>0</v>
      </c>
      <c r="N36" s="313">
        <v>0</v>
      </c>
      <c r="O36" s="310">
        <v>0</v>
      </c>
      <c r="P36" s="312">
        <v>0</v>
      </c>
      <c r="Q36" s="313">
        <v>0</v>
      </c>
      <c r="R36" s="313">
        <v>0</v>
      </c>
      <c r="S36" s="313">
        <v>0</v>
      </c>
      <c r="T36" s="313">
        <v>0</v>
      </c>
      <c r="U36" s="313">
        <v>0</v>
      </c>
      <c r="V36" s="310">
        <v>0</v>
      </c>
      <c r="W36" s="315">
        <v>0</v>
      </c>
      <c r="X36" s="309">
        <v>0</v>
      </c>
      <c r="Y36" s="313">
        <v>9</v>
      </c>
      <c r="Z36" s="310">
        <v>9</v>
      </c>
      <c r="AA36" s="312">
        <v>0</v>
      </c>
      <c r="AB36" s="313">
        <v>0</v>
      </c>
      <c r="AC36" s="313">
        <v>0</v>
      </c>
      <c r="AD36" s="313">
        <v>6</v>
      </c>
      <c r="AE36" s="313">
        <v>0</v>
      </c>
      <c r="AF36" s="313">
        <v>0</v>
      </c>
      <c r="AG36" s="310">
        <v>6</v>
      </c>
      <c r="AH36" s="315">
        <v>15</v>
      </c>
      <c r="AI36" s="309">
        <v>0</v>
      </c>
      <c r="AJ36" s="313">
        <v>0</v>
      </c>
      <c r="AK36" s="310">
        <v>0</v>
      </c>
      <c r="AL36" s="312">
        <v>0</v>
      </c>
      <c r="AM36" s="313">
        <v>0</v>
      </c>
      <c r="AN36" s="313">
        <v>17</v>
      </c>
      <c r="AO36" s="313">
        <v>0</v>
      </c>
      <c r="AP36" s="313">
        <v>0</v>
      </c>
      <c r="AQ36" s="313">
        <v>0</v>
      </c>
      <c r="AR36" s="310">
        <v>17</v>
      </c>
      <c r="AS36" s="315">
        <v>17</v>
      </c>
      <c r="AT36" s="309">
        <v>0</v>
      </c>
      <c r="AU36" s="313">
        <v>0</v>
      </c>
      <c r="AV36" s="310">
        <v>0</v>
      </c>
      <c r="AW36" s="312">
        <v>0</v>
      </c>
      <c r="AX36" s="313">
        <v>5</v>
      </c>
      <c r="AY36" s="313">
        <v>26</v>
      </c>
      <c r="AZ36" s="313">
        <v>0</v>
      </c>
      <c r="BA36" s="313">
        <v>0</v>
      </c>
      <c r="BB36" s="313">
        <v>0</v>
      </c>
      <c r="BC36" s="314">
        <v>31</v>
      </c>
      <c r="BD36" s="315">
        <v>31</v>
      </c>
      <c r="BE36" s="309">
        <v>0</v>
      </c>
      <c r="BF36" s="313">
        <v>0</v>
      </c>
      <c r="BG36" s="310">
        <v>0</v>
      </c>
      <c r="BH36" s="312">
        <v>0</v>
      </c>
      <c r="BI36" s="313">
        <v>8</v>
      </c>
      <c r="BJ36" s="313">
        <v>0</v>
      </c>
      <c r="BK36" s="313">
        <v>0</v>
      </c>
      <c r="BL36" s="313">
        <v>0</v>
      </c>
      <c r="BM36" s="313">
        <v>0</v>
      </c>
      <c r="BN36" s="310">
        <v>8</v>
      </c>
      <c r="BO36" s="315">
        <v>8</v>
      </c>
      <c r="BP36" s="309">
        <v>0</v>
      </c>
      <c r="BQ36" s="313">
        <v>0</v>
      </c>
      <c r="BR36" s="310">
        <v>0</v>
      </c>
      <c r="BS36" s="312">
        <v>0</v>
      </c>
      <c r="BT36" s="313">
        <v>0</v>
      </c>
      <c r="BU36" s="313">
        <v>0</v>
      </c>
      <c r="BV36" s="313">
        <v>0</v>
      </c>
      <c r="BW36" s="313">
        <v>0</v>
      </c>
      <c r="BX36" s="313">
        <v>0</v>
      </c>
      <c r="BY36" s="310">
        <v>0</v>
      </c>
      <c r="BZ36" s="315">
        <v>0</v>
      </c>
      <c r="CA36" s="309">
        <v>0</v>
      </c>
      <c r="CB36" s="313">
        <v>0</v>
      </c>
      <c r="CC36" s="310">
        <v>0</v>
      </c>
      <c r="CD36" s="312">
        <v>0</v>
      </c>
      <c r="CE36" s="313">
        <v>0</v>
      </c>
      <c r="CF36" s="313">
        <v>0</v>
      </c>
      <c r="CG36" s="313">
        <v>0</v>
      </c>
      <c r="CH36" s="313">
        <v>0</v>
      </c>
      <c r="CI36" s="313">
        <v>0</v>
      </c>
      <c r="CJ36" s="310">
        <v>0</v>
      </c>
      <c r="CK36" s="315">
        <v>0</v>
      </c>
      <c r="CL36" s="309">
        <v>0</v>
      </c>
      <c r="CM36" s="313">
        <v>0</v>
      </c>
      <c r="CN36" s="310">
        <v>0</v>
      </c>
      <c r="CO36" s="312">
        <v>0</v>
      </c>
      <c r="CP36" s="313">
        <v>0</v>
      </c>
      <c r="CQ36" s="313">
        <v>0</v>
      </c>
      <c r="CR36" s="313">
        <v>0</v>
      </c>
      <c r="CS36" s="313">
        <v>0</v>
      </c>
      <c r="CT36" s="313">
        <v>0</v>
      </c>
      <c r="CU36" s="310">
        <v>0</v>
      </c>
      <c r="CV36" s="315">
        <v>0</v>
      </c>
      <c r="CW36" s="309">
        <v>0</v>
      </c>
      <c r="CX36" s="313">
        <v>0</v>
      </c>
      <c r="CY36" s="310">
        <v>0</v>
      </c>
      <c r="CZ36" s="312">
        <v>0</v>
      </c>
      <c r="DA36" s="313">
        <v>0</v>
      </c>
      <c r="DB36" s="313">
        <v>0</v>
      </c>
      <c r="DC36" s="313">
        <v>0</v>
      </c>
      <c r="DD36" s="313">
        <v>0</v>
      </c>
      <c r="DE36" s="313">
        <v>0</v>
      </c>
      <c r="DF36" s="310">
        <v>0</v>
      </c>
      <c r="DG36" s="315">
        <v>0</v>
      </c>
    </row>
    <row r="37" spans="1:111" ht="18.75" customHeight="1" x14ac:dyDescent="0.2">
      <c r="A37" s="294" t="s">
        <v>35</v>
      </c>
      <c r="B37" s="309">
        <v>0</v>
      </c>
      <c r="C37" s="310">
        <v>0</v>
      </c>
      <c r="D37" s="311">
        <v>0</v>
      </c>
      <c r="E37" s="312">
        <v>0</v>
      </c>
      <c r="F37" s="313">
        <v>44</v>
      </c>
      <c r="G37" s="313">
        <v>101</v>
      </c>
      <c r="H37" s="313">
        <v>0</v>
      </c>
      <c r="I37" s="313">
        <v>0</v>
      </c>
      <c r="J37" s="313">
        <v>88</v>
      </c>
      <c r="K37" s="314">
        <v>233</v>
      </c>
      <c r="L37" s="315">
        <v>233</v>
      </c>
      <c r="M37" s="309">
        <v>0</v>
      </c>
      <c r="N37" s="313">
        <v>0</v>
      </c>
      <c r="O37" s="310">
        <v>0</v>
      </c>
      <c r="P37" s="312">
        <v>0</v>
      </c>
      <c r="Q37" s="313">
        <v>0</v>
      </c>
      <c r="R37" s="313">
        <v>0</v>
      </c>
      <c r="S37" s="313">
        <v>0</v>
      </c>
      <c r="T37" s="313">
        <v>0</v>
      </c>
      <c r="U37" s="313">
        <v>9</v>
      </c>
      <c r="V37" s="310">
        <v>9</v>
      </c>
      <c r="W37" s="315">
        <v>9</v>
      </c>
      <c r="X37" s="309">
        <v>0</v>
      </c>
      <c r="Y37" s="313">
        <v>0</v>
      </c>
      <c r="Z37" s="310">
        <v>0</v>
      </c>
      <c r="AA37" s="312">
        <v>0</v>
      </c>
      <c r="AB37" s="313">
        <v>0</v>
      </c>
      <c r="AC37" s="313">
        <v>33</v>
      </c>
      <c r="AD37" s="313">
        <v>0</v>
      </c>
      <c r="AE37" s="313">
        <v>0</v>
      </c>
      <c r="AF37" s="313">
        <v>0</v>
      </c>
      <c r="AG37" s="310">
        <v>33</v>
      </c>
      <c r="AH37" s="315">
        <v>33</v>
      </c>
      <c r="AI37" s="309">
        <v>0</v>
      </c>
      <c r="AJ37" s="313">
        <v>0</v>
      </c>
      <c r="AK37" s="310">
        <v>0</v>
      </c>
      <c r="AL37" s="312">
        <v>0</v>
      </c>
      <c r="AM37" s="313">
        <v>49</v>
      </c>
      <c r="AN37" s="313">
        <v>12</v>
      </c>
      <c r="AO37" s="313">
        <v>12</v>
      </c>
      <c r="AP37" s="313">
        <v>0</v>
      </c>
      <c r="AQ37" s="313">
        <v>0</v>
      </c>
      <c r="AR37" s="310">
        <v>73</v>
      </c>
      <c r="AS37" s="315">
        <v>73</v>
      </c>
      <c r="AT37" s="309">
        <v>0</v>
      </c>
      <c r="AU37" s="313">
        <v>0</v>
      </c>
      <c r="AV37" s="310">
        <v>0</v>
      </c>
      <c r="AW37" s="312">
        <v>0</v>
      </c>
      <c r="AX37" s="313">
        <v>74</v>
      </c>
      <c r="AY37" s="313">
        <v>66</v>
      </c>
      <c r="AZ37" s="313">
        <v>13</v>
      </c>
      <c r="BA37" s="313">
        <v>61</v>
      </c>
      <c r="BB37" s="313">
        <v>0</v>
      </c>
      <c r="BC37" s="314">
        <v>214</v>
      </c>
      <c r="BD37" s="315">
        <v>214</v>
      </c>
      <c r="BE37" s="309">
        <v>0</v>
      </c>
      <c r="BF37" s="313">
        <v>0</v>
      </c>
      <c r="BG37" s="310">
        <v>0</v>
      </c>
      <c r="BH37" s="312">
        <v>0</v>
      </c>
      <c r="BI37" s="313">
        <v>9</v>
      </c>
      <c r="BJ37" s="313">
        <v>17</v>
      </c>
      <c r="BK37" s="313">
        <v>0</v>
      </c>
      <c r="BL37" s="313">
        <v>20</v>
      </c>
      <c r="BM37" s="313">
        <v>0</v>
      </c>
      <c r="BN37" s="310">
        <v>46</v>
      </c>
      <c r="BO37" s="315">
        <v>46</v>
      </c>
      <c r="BP37" s="309">
        <v>0</v>
      </c>
      <c r="BQ37" s="313">
        <v>0</v>
      </c>
      <c r="BR37" s="310">
        <v>0</v>
      </c>
      <c r="BS37" s="312">
        <v>0</v>
      </c>
      <c r="BT37" s="313">
        <v>0</v>
      </c>
      <c r="BU37" s="313">
        <v>12</v>
      </c>
      <c r="BV37" s="313">
        <v>0</v>
      </c>
      <c r="BW37" s="313">
        <v>0</v>
      </c>
      <c r="BX37" s="313">
        <v>0</v>
      </c>
      <c r="BY37" s="310">
        <v>12</v>
      </c>
      <c r="BZ37" s="315">
        <v>12</v>
      </c>
      <c r="CA37" s="309">
        <v>0</v>
      </c>
      <c r="CB37" s="313">
        <v>0</v>
      </c>
      <c r="CC37" s="310">
        <v>0</v>
      </c>
      <c r="CD37" s="312">
        <v>0</v>
      </c>
      <c r="CE37" s="313">
        <v>0</v>
      </c>
      <c r="CF37" s="313">
        <v>0</v>
      </c>
      <c r="CG37" s="313">
        <v>0</v>
      </c>
      <c r="CH37" s="313">
        <v>5</v>
      </c>
      <c r="CI37" s="313">
        <v>0</v>
      </c>
      <c r="CJ37" s="310">
        <v>5</v>
      </c>
      <c r="CK37" s="315">
        <v>5</v>
      </c>
      <c r="CL37" s="309">
        <v>0</v>
      </c>
      <c r="CM37" s="313">
        <v>0</v>
      </c>
      <c r="CN37" s="310">
        <v>0</v>
      </c>
      <c r="CO37" s="312">
        <v>0</v>
      </c>
      <c r="CP37" s="313">
        <v>0</v>
      </c>
      <c r="CQ37" s="313">
        <v>0</v>
      </c>
      <c r="CR37" s="313">
        <v>0</v>
      </c>
      <c r="CS37" s="313">
        <v>0</v>
      </c>
      <c r="CT37" s="313">
        <v>0</v>
      </c>
      <c r="CU37" s="310">
        <v>0</v>
      </c>
      <c r="CV37" s="315">
        <v>0</v>
      </c>
      <c r="CW37" s="309">
        <v>0</v>
      </c>
      <c r="CX37" s="313">
        <v>0</v>
      </c>
      <c r="CY37" s="310">
        <v>0</v>
      </c>
      <c r="CZ37" s="312">
        <v>0</v>
      </c>
      <c r="DA37" s="313">
        <v>0</v>
      </c>
      <c r="DB37" s="313">
        <v>0</v>
      </c>
      <c r="DC37" s="313">
        <v>0</v>
      </c>
      <c r="DD37" s="313">
        <v>0</v>
      </c>
      <c r="DE37" s="313">
        <v>0</v>
      </c>
      <c r="DF37" s="310">
        <v>0</v>
      </c>
      <c r="DG37" s="315">
        <v>0</v>
      </c>
    </row>
    <row r="38" spans="1:111" ht="18.75" customHeight="1" x14ac:dyDescent="0.2">
      <c r="A38" s="294" t="s">
        <v>36</v>
      </c>
      <c r="B38" s="309">
        <v>0</v>
      </c>
      <c r="C38" s="310">
        <v>0</v>
      </c>
      <c r="D38" s="311">
        <v>0</v>
      </c>
      <c r="E38" s="312">
        <v>0</v>
      </c>
      <c r="F38" s="313">
        <v>22</v>
      </c>
      <c r="G38" s="313">
        <v>4</v>
      </c>
      <c r="H38" s="313">
        <v>0</v>
      </c>
      <c r="I38" s="313">
        <v>0</v>
      </c>
      <c r="J38" s="313">
        <v>0</v>
      </c>
      <c r="K38" s="314">
        <v>26</v>
      </c>
      <c r="L38" s="315">
        <v>26</v>
      </c>
      <c r="M38" s="309">
        <v>0</v>
      </c>
      <c r="N38" s="313">
        <v>0</v>
      </c>
      <c r="O38" s="310">
        <v>0</v>
      </c>
      <c r="P38" s="312">
        <v>0</v>
      </c>
      <c r="Q38" s="313">
        <v>0</v>
      </c>
      <c r="R38" s="313">
        <v>0</v>
      </c>
      <c r="S38" s="313">
        <v>0</v>
      </c>
      <c r="T38" s="313">
        <v>2</v>
      </c>
      <c r="U38" s="313">
        <v>0</v>
      </c>
      <c r="V38" s="310">
        <v>2</v>
      </c>
      <c r="W38" s="315">
        <v>2</v>
      </c>
      <c r="X38" s="309">
        <v>9</v>
      </c>
      <c r="Y38" s="313">
        <v>8</v>
      </c>
      <c r="Z38" s="310">
        <v>17</v>
      </c>
      <c r="AA38" s="312">
        <v>0</v>
      </c>
      <c r="AB38" s="313">
        <v>11</v>
      </c>
      <c r="AC38" s="313">
        <v>12</v>
      </c>
      <c r="AD38" s="313">
        <v>4</v>
      </c>
      <c r="AE38" s="313">
        <v>18</v>
      </c>
      <c r="AF38" s="313">
        <v>7</v>
      </c>
      <c r="AG38" s="310">
        <v>52</v>
      </c>
      <c r="AH38" s="315">
        <v>69</v>
      </c>
      <c r="AI38" s="309">
        <v>0</v>
      </c>
      <c r="AJ38" s="313">
        <v>0</v>
      </c>
      <c r="AK38" s="310">
        <v>0</v>
      </c>
      <c r="AL38" s="312">
        <v>0</v>
      </c>
      <c r="AM38" s="313">
        <v>0</v>
      </c>
      <c r="AN38" s="313">
        <v>0</v>
      </c>
      <c r="AO38" s="313">
        <v>0</v>
      </c>
      <c r="AP38" s="313">
        <v>0</v>
      </c>
      <c r="AQ38" s="313">
        <v>0</v>
      </c>
      <c r="AR38" s="310">
        <v>0</v>
      </c>
      <c r="AS38" s="315">
        <v>0</v>
      </c>
      <c r="AT38" s="309">
        <v>0</v>
      </c>
      <c r="AU38" s="313">
        <v>0</v>
      </c>
      <c r="AV38" s="310">
        <v>0</v>
      </c>
      <c r="AW38" s="312">
        <v>0</v>
      </c>
      <c r="AX38" s="313">
        <v>11</v>
      </c>
      <c r="AY38" s="313">
        <v>13</v>
      </c>
      <c r="AZ38" s="313">
        <v>21</v>
      </c>
      <c r="BA38" s="313">
        <v>3</v>
      </c>
      <c r="BB38" s="313">
        <v>0</v>
      </c>
      <c r="BC38" s="314">
        <v>48</v>
      </c>
      <c r="BD38" s="315">
        <v>48</v>
      </c>
      <c r="BE38" s="309">
        <v>0</v>
      </c>
      <c r="BF38" s="313">
        <v>0</v>
      </c>
      <c r="BG38" s="310">
        <v>0</v>
      </c>
      <c r="BH38" s="312">
        <v>0</v>
      </c>
      <c r="BI38" s="313">
        <v>0</v>
      </c>
      <c r="BJ38" s="313">
        <v>9</v>
      </c>
      <c r="BK38" s="313">
        <v>7</v>
      </c>
      <c r="BL38" s="313">
        <v>0</v>
      </c>
      <c r="BM38" s="313">
        <v>0</v>
      </c>
      <c r="BN38" s="310">
        <v>16</v>
      </c>
      <c r="BO38" s="315">
        <v>16</v>
      </c>
      <c r="BP38" s="309">
        <v>0</v>
      </c>
      <c r="BQ38" s="313">
        <v>0</v>
      </c>
      <c r="BR38" s="310">
        <v>0</v>
      </c>
      <c r="BS38" s="312">
        <v>0</v>
      </c>
      <c r="BT38" s="313">
        <v>48</v>
      </c>
      <c r="BU38" s="313">
        <v>0</v>
      </c>
      <c r="BV38" s="313">
        <v>3</v>
      </c>
      <c r="BW38" s="313">
        <v>3</v>
      </c>
      <c r="BX38" s="313">
        <v>0</v>
      </c>
      <c r="BY38" s="310">
        <v>54</v>
      </c>
      <c r="BZ38" s="315">
        <v>54</v>
      </c>
      <c r="CA38" s="309">
        <v>0</v>
      </c>
      <c r="CB38" s="313">
        <v>0</v>
      </c>
      <c r="CC38" s="310">
        <v>0</v>
      </c>
      <c r="CD38" s="312">
        <v>0</v>
      </c>
      <c r="CE38" s="313">
        <v>0</v>
      </c>
      <c r="CF38" s="313">
        <v>0</v>
      </c>
      <c r="CG38" s="313">
        <v>0</v>
      </c>
      <c r="CH38" s="313">
        <v>0</v>
      </c>
      <c r="CI38" s="313">
        <v>0</v>
      </c>
      <c r="CJ38" s="310">
        <v>0</v>
      </c>
      <c r="CK38" s="315">
        <v>0</v>
      </c>
      <c r="CL38" s="309">
        <v>0</v>
      </c>
      <c r="CM38" s="313">
        <v>0</v>
      </c>
      <c r="CN38" s="310">
        <v>0</v>
      </c>
      <c r="CO38" s="312">
        <v>0</v>
      </c>
      <c r="CP38" s="313">
        <v>0</v>
      </c>
      <c r="CQ38" s="313">
        <v>0</v>
      </c>
      <c r="CR38" s="313">
        <v>0</v>
      </c>
      <c r="CS38" s="313">
        <v>0</v>
      </c>
      <c r="CT38" s="313">
        <v>0</v>
      </c>
      <c r="CU38" s="310">
        <v>0</v>
      </c>
      <c r="CV38" s="315">
        <v>0</v>
      </c>
      <c r="CW38" s="309">
        <v>0</v>
      </c>
      <c r="CX38" s="313">
        <v>0</v>
      </c>
      <c r="CY38" s="310">
        <v>0</v>
      </c>
      <c r="CZ38" s="312">
        <v>0</v>
      </c>
      <c r="DA38" s="313">
        <v>0</v>
      </c>
      <c r="DB38" s="313">
        <v>0</v>
      </c>
      <c r="DC38" s="313">
        <v>0</v>
      </c>
      <c r="DD38" s="313">
        <v>0</v>
      </c>
      <c r="DE38" s="313">
        <v>0</v>
      </c>
      <c r="DF38" s="310">
        <v>0</v>
      </c>
      <c r="DG38" s="315">
        <v>0</v>
      </c>
    </row>
    <row r="39" spans="1:111" ht="18.75" customHeight="1" thickBot="1" x14ac:dyDescent="0.25">
      <c r="A39" s="295" t="s">
        <v>37</v>
      </c>
      <c r="B39" s="316">
        <v>0</v>
      </c>
      <c r="C39" s="317">
        <v>0</v>
      </c>
      <c r="D39" s="318">
        <v>0</v>
      </c>
      <c r="E39" s="319">
        <v>0</v>
      </c>
      <c r="F39" s="320">
        <v>0</v>
      </c>
      <c r="G39" s="320">
        <v>0</v>
      </c>
      <c r="H39" s="320">
        <v>0</v>
      </c>
      <c r="I39" s="320">
        <v>0</v>
      </c>
      <c r="J39" s="320">
        <v>0</v>
      </c>
      <c r="K39" s="321">
        <v>0</v>
      </c>
      <c r="L39" s="322">
        <v>0</v>
      </c>
      <c r="M39" s="316">
        <v>0</v>
      </c>
      <c r="N39" s="320">
        <v>0</v>
      </c>
      <c r="O39" s="317">
        <v>0</v>
      </c>
      <c r="P39" s="319">
        <v>0</v>
      </c>
      <c r="Q39" s="320">
        <v>0</v>
      </c>
      <c r="R39" s="320">
        <v>0</v>
      </c>
      <c r="S39" s="320">
        <v>0</v>
      </c>
      <c r="T39" s="320">
        <v>0</v>
      </c>
      <c r="U39" s="320">
        <v>0</v>
      </c>
      <c r="V39" s="317">
        <v>0</v>
      </c>
      <c r="W39" s="322">
        <v>0</v>
      </c>
      <c r="X39" s="316">
        <v>0</v>
      </c>
      <c r="Y39" s="320">
        <v>0</v>
      </c>
      <c r="Z39" s="317">
        <v>0</v>
      </c>
      <c r="AA39" s="319">
        <v>0</v>
      </c>
      <c r="AB39" s="320">
        <v>0</v>
      </c>
      <c r="AC39" s="320">
        <v>0</v>
      </c>
      <c r="AD39" s="320">
        <v>0</v>
      </c>
      <c r="AE39" s="320">
        <v>0</v>
      </c>
      <c r="AF39" s="320">
        <v>0</v>
      </c>
      <c r="AG39" s="317">
        <v>0</v>
      </c>
      <c r="AH39" s="322">
        <v>0</v>
      </c>
      <c r="AI39" s="316">
        <v>0</v>
      </c>
      <c r="AJ39" s="320">
        <v>0</v>
      </c>
      <c r="AK39" s="317">
        <v>0</v>
      </c>
      <c r="AL39" s="319">
        <v>0</v>
      </c>
      <c r="AM39" s="320">
        <v>24</v>
      </c>
      <c r="AN39" s="320">
        <v>0</v>
      </c>
      <c r="AO39" s="320">
        <v>0</v>
      </c>
      <c r="AP39" s="320">
        <v>0</v>
      </c>
      <c r="AQ39" s="320">
        <v>0</v>
      </c>
      <c r="AR39" s="317">
        <v>24</v>
      </c>
      <c r="AS39" s="322">
        <v>24</v>
      </c>
      <c r="AT39" s="316">
        <v>0</v>
      </c>
      <c r="AU39" s="320">
        <v>0</v>
      </c>
      <c r="AV39" s="317">
        <v>0</v>
      </c>
      <c r="AW39" s="319">
        <v>0</v>
      </c>
      <c r="AX39" s="320">
        <v>4</v>
      </c>
      <c r="AY39" s="320">
        <v>13</v>
      </c>
      <c r="AZ39" s="320">
        <v>0</v>
      </c>
      <c r="BA39" s="320">
        <v>0</v>
      </c>
      <c r="BB39" s="320">
        <v>0</v>
      </c>
      <c r="BC39" s="321">
        <v>17</v>
      </c>
      <c r="BD39" s="322">
        <v>17</v>
      </c>
      <c r="BE39" s="316">
        <v>0</v>
      </c>
      <c r="BF39" s="320">
        <v>0</v>
      </c>
      <c r="BG39" s="317">
        <v>0</v>
      </c>
      <c r="BH39" s="319">
        <v>0</v>
      </c>
      <c r="BI39" s="320">
        <v>0</v>
      </c>
      <c r="BJ39" s="320">
        <v>0</v>
      </c>
      <c r="BK39" s="320">
        <v>0</v>
      </c>
      <c r="BL39" s="320">
        <v>0</v>
      </c>
      <c r="BM39" s="320">
        <v>0</v>
      </c>
      <c r="BN39" s="317">
        <v>0</v>
      </c>
      <c r="BO39" s="322">
        <v>0</v>
      </c>
      <c r="BP39" s="316">
        <v>0</v>
      </c>
      <c r="BQ39" s="320">
        <v>0</v>
      </c>
      <c r="BR39" s="317">
        <v>0</v>
      </c>
      <c r="BS39" s="319">
        <v>0</v>
      </c>
      <c r="BT39" s="320">
        <v>0</v>
      </c>
      <c r="BU39" s="320">
        <v>0</v>
      </c>
      <c r="BV39" s="320">
        <v>0</v>
      </c>
      <c r="BW39" s="320">
        <v>0</v>
      </c>
      <c r="BX39" s="320">
        <v>0</v>
      </c>
      <c r="BY39" s="317">
        <v>0</v>
      </c>
      <c r="BZ39" s="322">
        <v>0</v>
      </c>
      <c r="CA39" s="316">
        <v>0</v>
      </c>
      <c r="CB39" s="320">
        <v>0</v>
      </c>
      <c r="CC39" s="317">
        <v>0</v>
      </c>
      <c r="CD39" s="319">
        <v>0</v>
      </c>
      <c r="CE39" s="320">
        <v>0</v>
      </c>
      <c r="CF39" s="320">
        <v>0</v>
      </c>
      <c r="CG39" s="320">
        <v>0</v>
      </c>
      <c r="CH39" s="320">
        <v>0</v>
      </c>
      <c r="CI39" s="320">
        <v>0</v>
      </c>
      <c r="CJ39" s="317">
        <v>0</v>
      </c>
      <c r="CK39" s="322">
        <v>0</v>
      </c>
      <c r="CL39" s="316">
        <v>0</v>
      </c>
      <c r="CM39" s="320">
        <v>0</v>
      </c>
      <c r="CN39" s="317">
        <v>0</v>
      </c>
      <c r="CO39" s="319">
        <v>0</v>
      </c>
      <c r="CP39" s="320">
        <v>0</v>
      </c>
      <c r="CQ39" s="320">
        <v>0</v>
      </c>
      <c r="CR39" s="320">
        <v>0</v>
      </c>
      <c r="CS39" s="320">
        <v>0</v>
      </c>
      <c r="CT39" s="320">
        <v>0</v>
      </c>
      <c r="CU39" s="317">
        <v>0</v>
      </c>
      <c r="CV39" s="322">
        <v>0</v>
      </c>
      <c r="CW39" s="316">
        <v>0</v>
      </c>
      <c r="CX39" s="320">
        <v>0</v>
      </c>
      <c r="CY39" s="317">
        <v>0</v>
      </c>
      <c r="CZ39" s="319">
        <v>0</v>
      </c>
      <c r="DA39" s="320">
        <v>0</v>
      </c>
      <c r="DB39" s="320">
        <v>0</v>
      </c>
      <c r="DC39" s="320">
        <v>0</v>
      </c>
      <c r="DD39" s="320">
        <v>0</v>
      </c>
      <c r="DE39" s="320">
        <v>0</v>
      </c>
      <c r="DF39" s="317">
        <v>0</v>
      </c>
      <c r="DG39" s="322">
        <v>0</v>
      </c>
    </row>
    <row r="40" spans="1:111" ht="27" customHeight="1" x14ac:dyDescent="0.2">
      <c r="B40" s="288" t="s">
        <v>127</v>
      </c>
    </row>
  </sheetData>
  <mergeCells count="43">
    <mergeCell ref="CW3:DG3"/>
    <mergeCell ref="CW4:CY4"/>
    <mergeCell ref="CZ4:DF4"/>
    <mergeCell ref="DG4:DG5"/>
    <mergeCell ref="CA3:CK3"/>
    <mergeCell ref="CL3:CV3"/>
    <mergeCell ref="CA4:CC4"/>
    <mergeCell ref="CD4:CJ4"/>
    <mergeCell ref="CK4:CK5"/>
    <mergeCell ref="CL4:CN4"/>
    <mergeCell ref="CO4:CU4"/>
    <mergeCell ref="CV4:CV5"/>
    <mergeCell ref="I1:J1"/>
    <mergeCell ref="L1:M1"/>
    <mergeCell ref="A3:A5"/>
    <mergeCell ref="B3:L3"/>
    <mergeCell ref="M3:W3"/>
    <mergeCell ref="X3:AH3"/>
    <mergeCell ref="B4:D4"/>
    <mergeCell ref="E4:K4"/>
    <mergeCell ref="L4:L5"/>
    <mergeCell ref="M4:O4"/>
    <mergeCell ref="P4:V4"/>
    <mergeCell ref="W4:W5"/>
    <mergeCell ref="X4:Z4"/>
    <mergeCell ref="AA4:AG4"/>
    <mergeCell ref="AH4:AH5"/>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88"/>
    <col min="5" max="5" width="7.77734375" style="288" customWidth="1"/>
    <col min="6" max="6" width="9" style="288"/>
    <col min="7" max="7" width="10.6640625" style="288" customWidth="1"/>
    <col min="8" max="15" width="9" style="288"/>
    <col min="16" max="16" width="7.88671875" style="288" customWidth="1"/>
    <col min="17" max="26" width="9" style="288"/>
    <col min="27" max="27" width="7.77734375" style="288" customWidth="1"/>
    <col min="28" max="37" width="9" style="288"/>
    <col min="38" max="38" width="6.77734375" style="288" customWidth="1"/>
    <col min="39" max="48" width="9" style="288"/>
    <col min="49" max="49" width="7.77734375" style="288" customWidth="1"/>
    <col min="50" max="59" width="9" style="288"/>
    <col min="60" max="60" width="7.44140625" style="288" customWidth="1"/>
    <col min="61" max="70" width="9" style="288"/>
    <col min="71" max="71" width="7.33203125" style="288" customWidth="1"/>
    <col min="72" max="81" width="9" style="288"/>
    <col min="82" max="82" width="7.44140625" style="288" customWidth="1"/>
    <col min="83" max="92" width="9" style="288"/>
    <col min="93" max="93" width="7.6640625" style="288" customWidth="1"/>
    <col min="94" max="16384" width="9" style="288"/>
  </cols>
  <sheetData>
    <row r="1" spans="1:111" ht="20.25" customHeight="1" x14ac:dyDescent="0.2">
      <c r="A1" s="323" t="s">
        <v>123</v>
      </c>
      <c r="I1" s="457">
        <f>第１表!F2</f>
        <v>3</v>
      </c>
      <c r="J1" s="457"/>
      <c r="K1" s="280">
        <f>第１表!G2</f>
        <v>12</v>
      </c>
      <c r="L1" s="458">
        <f>IF(K1&lt;3,K1+12-2,K1-2)</f>
        <v>10</v>
      </c>
      <c r="M1" s="458"/>
    </row>
    <row r="2" spans="1:111" ht="18.75" customHeight="1" thickBot="1" x14ac:dyDescent="0.25">
      <c r="A2" s="323" t="s">
        <v>154</v>
      </c>
    </row>
    <row r="3" spans="1:111" ht="13.8" thickBot="1" x14ac:dyDescent="0.25">
      <c r="A3" s="478"/>
      <c r="B3" s="481" t="s">
        <v>112</v>
      </c>
      <c r="C3" s="481"/>
      <c r="D3" s="481"/>
      <c r="E3" s="481"/>
      <c r="F3" s="481"/>
      <c r="G3" s="481"/>
      <c r="H3" s="481"/>
      <c r="I3" s="481"/>
      <c r="J3" s="481"/>
      <c r="K3" s="481"/>
      <c r="L3" s="482"/>
      <c r="M3" s="476" t="s">
        <v>111</v>
      </c>
      <c r="N3" s="476"/>
      <c r="O3" s="476"/>
      <c r="P3" s="476"/>
      <c r="Q3" s="476"/>
      <c r="R3" s="476"/>
      <c r="S3" s="476"/>
      <c r="T3" s="476"/>
      <c r="U3" s="476"/>
      <c r="V3" s="476"/>
      <c r="W3" s="477"/>
      <c r="X3" s="475" t="s">
        <v>110</v>
      </c>
      <c r="Y3" s="476"/>
      <c r="Z3" s="476"/>
      <c r="AA3" s="476"/>
      <c r="AB3" s="476"/>
      <c r="AC3" s="476"/>
      <c r="AD3" s="476"/>
      <c r="AE3" s="476"/>
      <c r="AF3" s="476"/>
      <c r="AG3" s="476"/>
      <c r="AH3" s="477"/>
      <c r="AI3" s="475" t="s">
        <v>109</v>
      </c>
      <c r="AJ3" s="476"/>
      <c r="AK3" s="476"/>
      <c r="AL3" s="476"/>
      <c r="AM3" s="476"/>
      <c r="AN3" s="476"/>
      <c r="AO3" s="476"/>
      <c r="AP3" s="476"/>
      <c r="AQ3" s="476"/>
      <c r="AR3" s="476"/>
      <c r="AS3" s="477"/>
      <c r="AT3" s="475" t="s">
        <v>108</v>
      </c>
      <c r="AU3" s="476"/>
      <c r="AV3" s="476"/>
      <c r="AW3" s="476"/>
      <c r="AX3" s="476"/>
      <c r="AY3" s="476"/>
      <c r="AZ3" s="476"/>
      <c r="BA3" s="476"/>
      <c r="BB3" s="476"/>
      <c r="BC3" s="476"/>
      <c r="BD3" s="477"/>
      <c r="BE3" s="475" t="s">
        <v>107</v>
      </c>
      <c r="BF3" s="476"/>
      <c r="BG3" s="476"/>
      <c r="BH3" s="476"/>
      <c r="BI3" s="476"/>
      <c r="BJ3" s="476"/>
      <c r="BK3" s="476"/>
      <c r="BL3" s="476"/>
      <c r="BM3" s="476"/>
      <c r="BN3" s="476"/>
      <c r="BO3" s="477"/>
      <c r="BP3" s="475" t="s">
        <v>106</v>
      </c>
      <c r="BQ3" s="476"/>
      <c r="BR3" s="476"/>
      <c r="BS3" s="476"/>
      <c r="BT3" s="476"/>
      <c r="BU3" s="476"/>
      <c r="BV3" s="476"/>
      <c r="BW3" s="476"/>
      <c r="BX3" s="476"/>
      <c r="BY3" s="476"/>
      <c r="BZ3" s="477"/>
      <c r="CA3" s="475" t="s">
        <v>128</v>
      </c>
      <c r="CB3" s="476"/>
      <c r="CC3" s="476"/>
      <c r="CD3" s="476"/>
      <c r="CE3" s="476"/>
      <c r="CF3" s="476"/>
      <c r="CG3" s="476"/>
      <c r="CH3" s="476"/>
      <c r="CI3" s="476"/>
      <c r="CJ3" s="476"/>
      <c r="CK3" s="477"/>
      <c r="CL3" s="475" t="s">
        <v>161</v>
      </c>
      <c r="CM3" s="476"/>
      <c r="CN3" s="476"/>
      <c r="CO3" s="476"/>
      <c r="CP3" s="476"/>
      <c r="CQ3" s="476"/>
      <c r="CR3" s="476"/>
      <c r="CS3" s="476"/>
      <c r="CT3" s="476"/>
      <c r="CU3" s="476"/>
      <c r="CV3" s="477"/>
      <c r="CW3" s="475" t="s">
        <v>157</v>
      </c>
      <c r="CX3" s="476"/>
      <c r="CY3" s="476"/>
      <c r="CZ3" s="476"/>
      <c r="DA3" s="476"/>
      <c r="DB3" s="476"/>
      <c r="DC3" s="476"/>
      <c r="DD3" s="476"/>
      <c r="DE3" s="476"/>
      <c r="DF3" s="476"/>
      <c r="DG3" s="477"/>
    </row>
    <row r="4" spans="1:111" x14ac:dyDescent="0.2">
      <c r="A4" s="479"/>
      <c r="B4" s="483" t="s">
        <v>61</v>
      </c>
      <c r="C4" s="462"/>
      <c r="D4" s="463"/>
      <c r="E4" s="464" t="s">
        <v>62</v>
      </c>
      <c r="F4" s="462"/>
      <c r="G4" s="462"/>
      <c r="H4" s="462"/>
      <c r="I4" s="462"/>
      <c r="J4" s="462"/>
      <c r="K4" s="465"/>
      <c r="L4" s="459" t="s">
        <v>52</v>
      </c>
      <c r="M4" s="483" t="s">
        <v>61</v>
      </c>
      <c r="N4" s="462"/>
      <c r="O4" s="463"/>
      <c r="P4" s="464" t="s">
        <v>62</v>
      </c>
      <c r="Q4" s="462"/>
      <c r="R4" s="462"/>
      <c r="S4" s="462"/>
      <c r="T4" s="462"/>
      <c r="U4" s="462"/>
      <c r="V4" s="463"/>
      <c r="W4" s="459" t="s">
        <v>52</v>
      </c>
      <c r="X4" s="461" t="s">
        <v>61</v>
      </c>
      <c r="Y4" s="462"/>
      <c r="Z4" s="465"/>
      <c r="AA4" s="464" t="s">
        <v>62</v>
      </c>
      <c r="AB4" s="462"/>
      <c r="AC4" s="462"/>
      <c r="AD4" s="462"/>
      <c r="AE4" s="462"/>
      <c r="AF4" s="462"/>
      <c r="AG4" s="463"/>
      <c r="AH4" s="459" t="s">
        <v>52</v>
      </c>
      <c r="AI4" s="461" t="s">
        <v>61</v>
      </c>
      <c r="AJ4" s="462"/>
      <c r="AK4" s="463"/>
      <c r="AL4" s="464" t="s">
        <v>62</v>
      </c>
      <c r="AM4" s="462"/>
      <c r="AN4" s="462"/>
      <c r="AO4" s="462"/>
      <c r="AP4" s="462"/>
      <c r="AQ4" s="462"/>
      <c r="AR4" s="463"/>
      <c r="AS4" s="459" t="s">
        <v>52</v>
      </c>
      <c r="AT4" s="461" t="s">
        <v>61</v>
      </c>
      <c r="AU4" s="462"/>
      <c r="AV4" s="465"/>
      <c r="AW4" s="464" t="s">
        <v>62</v>
      </c>
      <c r="AX4" s="462"/>
      <c r="AY4" s="462"/>
      <c r="AZ4" s="462"/>
      <c r="BA4" s="462"/>
      <c r="BB4" s="462"/>
      <c r="BC4" s="465"/>
      <c r="BD4" s="459" t="s">
        <v>52</v>
      </c>
      <c r="BE4" s="461" t="s">
        <v>61</v>
      </c>
      <c r="BF4" s="462"/>
      <c r="BG4" s="463"/>
      <c r="BH4" s="464" t="s">
        <v>62</v>
      </c>
      <c r="BI4" s="462"/>
      <c r="BJ4" s="462"/>
      <c r="BK4" s="462"/>
      <c r="BL4" s="462"/>
      <c r="BM4" s="462"/>
      <c r="BN4" s="463"/>
      <c r="BO4" s="459" t="s">
        <v>52</v>
      </c>
      <c r="BP4" s="461" t="s">
        <v>61</v>
      </c>
      <c r="BQ4" s="462"/>
      <c r="BR4" s="463"/>
      <c r="BS4" s="464" t="s">
        <v>62</v>
      </c>
      <c r="BT4" s="462"/>
      <c r="BU4" s="462"/>
      <c r="BV4" s="462"/>
      <c r="BW4" s="462"/>
      <c r="BX4" s="462"/>
      <c r="BY4" s="463"/>
      <c r="BZ4" s="459" t="s">
        <v>52</v>
      </c>
      <c r="CA4" s="461" t="s">
        <v>61</v>
      </c>
      <c r="CB4" s="462"/>
      <c r="CC4" s="463"/>
      <c r="CD4" s="464" t="s">
        <v>62</v>
      </c>
      <c r="CE4" s="462"/>
      <c r="CF4" s="462"/>
      <c r="CG4" s="462"/>
      <c r="CH4" s="462"/>
      <c r="CI4" s="462"/>
      <c r="CJ4" s="463"/>
      <c r="CK4" s="459" t="s">
        <v>52</v>
      </c>
      <c r="CL4" s="461" t="s">
        <v>61</v>
      </c>
      <c r="CM4" s="462"/>
      <c r="CN4" s="463"/>
      <c r="CO4" s="464" t="s">
        <v>62</v>
      </c>
      <c r="CP4" s="462"/>
      <c r="CQ4" s="462"/>
      <c r="CR4" s="462"/>
      <c r="CS4" s="462"/>
      <c r="CT4" s="462"/>
      <c r="CU4" s="463"/>
      <c r="CV4" s="459" t="s">
        <v>52</v>
      </c>
      <c r="CW4" s="461" t="s">
        <v>61</v>
      </c>
      <c r="CX4" s="462"/>
      <c r="CY4" s="463"/>
      <c r="CZ4" s="464" t="s">
        <v>62</v>
      </c>
      <c r="DA4" s="462"/>
      <c r="DB4" s="462"/>
      <c r="DC4" s="462"/>
      <c r="DD4" s="462"/>
      <c r="DE4" s="462"/>
      <c r="DF4" s="463"/>
      <c r="DG4" s="459" t="s">
        <v>52</v>
      </c>
    </row>
    <row r="5" spans="1:111" ht="28.5" customHeight="1" thickBot="1" x14ac:dyDescent="0.25">
      <c r="A5" s="480"/>
      <c r="B5" s="297" t="s">
        <v>43</v>
      </c>
      <c r="C5" s="298" t="s">
        <v>44</v>
      </c>
      <c r="D5" s="299" t="s">
        <v>45</v>
      </c>
      <c r="E5" s="300" t="s">
        <v>83</v>
      </c>
      <c r="F5" s="292" t="s">
        <v>47</v>
      </c>
      <c r="G5" s="292" t="s">
        <v>48</v>
      </c>
      <c r="H5" s="292" t="s">
        <v>49</v>
      </c>
      <c r="I5" s="292" t="s">
        <v>50</v>
      </c>
      <c r="J5" s="292" t="s">
        <v>51</v>
      </c>
      <c r="K5" s="301" t="s">
        <v>45</v>
      </c>
      <c r="L5" s="460"/>
      <c r="M5" s="297" t="s">
        <v>43</v>
      </c>
      <c r="N5" s="292" t="s">
        <v>44</v>
      </c>
      <c r="O5" s="298" t="s">
        <v>45</v>
      </c>
      <c r="P5" s="300" t="s">
        <v>83</v>
      </c>
      <c r="Q5" s="292" t="s">
        <v>47</v>
      </c>
      <c r="R5" s="292" t="s">
        <v>48</v>
      </c>
      <c r="S5" s="292" t="s">
        <v>49</v>
      </c>
      <c r="T5" s="292" t="s">
        <v>50</v>
      </c>
      <c r="U5" s="292" t="s">
        <v>51</v>
      </c>
      <c r="V5" s="298" t="s">
        <v>45</v>
      </c>
      <c r="W5" s="460"/>
      <c r="X5" s="398" t="s">
        <v>43</v>
      </c>
      <c r="Y5" s="292" t="s">
        <v>44</v>
      </c>
      <c r="Z5" s="301" t="s">
        <v>45</v>
      </c>
      <c r="AA5" s="300" t="s">
        <v>83</v>
      </c>
      <c r="AB5" s="292" t="s">
        <v>47</v>
      </c>
      <c r="AC5" s="292" t="s">
        <v>48</v>
      </c>
      <c r="AD5" s="292" t="s">
        <v>49</v>
      </c>
      <c r="AE5" s="292" t="s">
        <v>50</v>
      </c>
      <c r="AF5" s="292" t="s">
        <v>51</v>
      </c>
      <c r="AG5" s="298" t="s">
        <v>45</v>
      </c>
      <c r="AH5" s="460"/>
      <c r="AI5" s="398" t="s">
        <v>43</v>
      </c>
      <c r="AJ5" s="292" t="s">
        <v>44</v>
      </c>
      <c r="AK5" s="298" t="s">
        <v>45</v>
      </c>
      <c r="AL5" s="300" t="s">
        <v>83</v>
      </c>
      <c r="AM5" s="292" t="s">
        <v>47</v>
      </c>
      <c r="AN5" s="292" t="s">
        <v>48</v>
      </c>
      <c r="AO5" s="292" t="s">
        <v>49</v>
      </c>
      <c r="AP5" s="292" t="s">
        <v>50</v>
      </c>
      <c r="AQ5" s="292" t="s">
        <v>51</v>
      </c>
      <c r="AR5" s="298" t="s">
        <v>45</v>
      </c>
      <c r="AS5" s="460"/>
      <c r="AT5" s="398" t="s">
        <v>43</v>
      </c>
      <c r="AU5" s="292" t="s">
        <v>44</v>
      </c>
      <c r="AV5" s="301" t="s">
        <v>45</v>
      </c>
      <c r="AW5" s="300" t="s">
        <v>83</v>
      </c>
      <c r="AX5" s="292" t="s">
        <v>47</v>
      </c>
      <c r="AY5" s="292" t="s">
        <v>48</v>
      </c>
      <c r="AZ5" s="292" t="s">
        <v>49</v>
      </c>
      <c r="BA5" s="292" t="s">
        <v>50</v>
      </c>
      <c r="BB5" s="292" t="s">
        <v>51</v>
      </c>
      <c r="BC5" s="301" t="s">
        <v>45</v>
      </c>
      <c r="BD5" s="460"/>
      <c r="BE5" s="398" t="s">
        <v>43</v>
      </c>
      <c r="BF5" s="292" t="s">
        <v>44</v>
      </c>
      <c r="BG5" s="298" t="s">
        <v>45</v>
      </c>
      <c r="BH5" s="300" t="s">
        <v>83</v>
      </c>
      <c r="BI5" s="292" t="s">
        <v>47</v>
      </c>
      <c r="BJ5" s="292" t="s">
        <v>48</v>
      </c>
      <c r="BK5" s="292" t="s">
        <v>49</v>
      </c>
      <c r="BL5" s="292" t="s">
        <v>50</v>
      </c>
      <c r="BM5" s="292" t="s">
        <v>51</v>
      </c>
      <c r="BN5" s="298" t="s">
        <v>45</v>
      </c>
      <c r="BO5" s="460"/>
      <c r="BP5" s="398" t="s">
        <v>43</v>
      </c>
      <c r="BQ5" s="292" t="s">
        <v>44</v>
      </c>
      <c r="BR5" s="298" t="s">
        <v>45</v>
      </c>
      <c r="BS5" s="300" t="s">
        <v>83</v>
      </c>
      <c r="BT5" s="292" t="s">
        <v>47</v>
      </c>
      <c r="BU5" s="292" t="s">
        <v>48</v>
      </c>
      <c r="BV5" s="292" t="s">
        <v>49</v>
      </c>
      <c r="BW5" s="292" t="s">
        <v>50</v>
      </c>
      <c r="BX5" s="292" t="s">
        <v>51</v>
      </c>
      <c r="BY5" s="298" t="s">
        <v>45</v>
      </c>
      <c r="BZ5" s="460"/>
      <c r="CA5" s="398" t="s">
        <v>43</v>
      </c>
      <c r="CB5" s="292" t="s">
        <v>44</v>
      </c>
      <c r="CC5" s="298" t="s">
        <v>45</v>
      </c>
      <c r="CD5" s="300" t="s">
        <v>83</v>
      </c>
      <c r="CE5" s="292" t="s">
        <v>47</v>
      </c>
      <c r="CF5" s="292" t="s">
        <v>48</v>
      </c>
      <c r="CG5" s="292" t="s">
        <v>49</v>
      </c>
      <c r="CH5" s="292" t="s">
        <v>50</v>
      </c>
      <c r="CI5" s="292" t="s">
        <v>51</v>
      </c>
      <c r="CJ5" s="298" t="s">
        <v>45</v>
      </c>
      <c r="CK5" s="460"/>
      <c r="CL5" s="414" t="s">
        <v>43</v>
      </c>
      <c r="CM5" s="292" t="s">
        <v>44</v>
      </c>
      <c r="CN5" s="298" t="s">
        <v>45</v>
      </c>
      <c r="CO5" s="300" t="s">
        <v>83</v>
      </c>
      <c r="CP5" s="292" t="s">
        <v>47</v>
      </c>
      <c r="CQ5" s="292" t="s">
        <v>48</v>
      </c>
      <c r="CR5" s="292" t="s">
        <v>49</v>
      </c>
      <c r="CS5" s="292" t="s">
        <v>50</v>
      </c>
      <c r="CT5" s="292" t="s">
        <v>51</v>
      </c>
      <c r="CU5" s="298" t="s">
        <v>45</v>
      </c>
      <c r="CV5" s="460"/>
      <c r="CW5" s="414" t="s">
        <v>43</v>
      </c>
      <c r="CX5" s="292" t="s">
        <v>44</v>
      </c>
      <c r="CY5" s="298" t="s">
        <v>45</v>
      </c>
      <c r="CZ5" s="300" t="s">
        <v>83</v>
      </c>
      <c r="DA5" s="292" t="s">
        <v>47</v>
      </c>
      <c r="DB5" s="292" t="s">
        <v>48</v>
      </c>
      <c r="DC5" s="292" t="s">
        <v>49</v>
      </c>
      <c r="DD5" s="292" t="s">
        <v>50</v>
      </c>
      <c r="DE5" s="292" t="s">
        <v>51</v>
      </c>
      <c r="DF5" s="298" t="s">
        <v>45</v>
      </c>
      <c r="DG5" s="460"/>
    </row>
    <row r="6" spans="1:111" ht="18.75" customHeight="1" x14ac:dyDescent="0.2">
      <c r="A6" s="293" t="s">
        <v>4</v>
      </c>
      <c r="B6" s="302">
        <v>0</v>
      </c>
      <c r="C6" s="303">
        <v>0</v>
      </c>
      <c r="D6" s="304">
        <v>0</v>
      </c>
      <c r="E6" s="305">
        <v>0</v>
      </c>
      <c r="F6" s="306">
        <v>12655</v>
      </c>
      <c r="G6" s="306">
        <v>18676</v>
      </c>
      <c r="H6" s="306">
        <v>18082</v>
      </c>
      <c r="I6" s="306">
        <v>23095</v>
      </c>
      <c r="J6" s="306">
        <v>22093</v>
      </c>
      <c r="K6" s="307">
        <v>94601</v>
      </c>
      <c r="L6" s="308">
        <v>94601</v>
      </c>
      <c r="M6" s="302">
        <v>0</v>
      </c>
      <c r="N6" s="306">
        <v>11</v>
      </c>
      <c r="O6" s="303">
        <v>11</v>
      </c>
      <c r="P6" s="305">
        <v>0</v>
      </c>
      <c r="Q6" s="306">
        <v>49</v>
      </c>
      <c r="R6" s="306">
        <v>121</v>
      </c>
      <c r="S6" s="306">
        <v>270</v>
      </c>
      <c r="T6" s="306">
        <v>611</v>
      </c>
      <c r="U6" s="306">
        <v>1244</v>
      </c>
      <c r="V6" s="303">
        <v>2295</v>
      </c>
      <c r="W6" s="308">
        <v>2306</v>
      </c>
      <c r="X6" s="302">
        <v>1116</v>
      </c>
      <c r="Y6" s="306">
        <v>3405</v>
      </c>
      <c r="Z6" s="303">
        <v>4521</v>
      </c>
      <c r="AA6" s="305">
        <v>0</v>
      </c>
      <c r="AB6" s="306">
        <v>7745</v>
      </c>
      <c r="AC6" s="306">
        <v>12216</v>
      </c>
      <c r="AD6" s="306">
        <v>7704</v>
      </c>
      <c r="AE6" s="306">
        <v>6878</v>
      </c>
      <c r="AF6" s="306">
        <v>5448</v>
      </c>
      <c r="AG6" s="303">
        <v>39991</v>
      </c>
      <c r="AH6" s="308">
        <v>44512</v>
      </c>
      <c r="AI6" s="302">
        <v>134</v>
      </c>
      <c r="AJ6" s="306">
        <v>471</v>
      </c>
      <c r="AK6" s="303">
        <v>605</v>
      </c>
      <c r="AL6" s="305">
        <v>0</v>
      </c>
      <c r="AM6" s="306">
        <v>926</v>
      </c>
      <c r="AN6" s="306">
        <v>1774</v>
      </c>
      <c r="AO6" s="306">
        <v>1316</v>
      </c>
      <c r="AP6" s="306">
        <v>1018</v>
      </c>
      <c r="AQ6" s="306">
        <v>623</v>
      </c>
      <c r="AR6" s="303">
        <v>5657</v>
      </c>
      <c r="AS6" s="308">
        <v>6262</v>
      </c>
      <c r="AT6" s="302">
        <v>0</v>
      </c>
      <c r="AU6" s="306">
        <v>0</v>
      </c>
      <c r="AV6" s="303">
        <v>0</v>
      </c>
      <c r="AW6" s="305">
        <v>0</v>
      </c>
      <c r="AX6" s="306">
        <v>10703</v>
      </c>
      <c r="AY6" s="306">
        <v>10229</v>
      </c>
      <c r="AZ6" s="306">
        <v>5372</v>
      </c>
      <c r="BA6" s="306">
        <v>3387</v>
      </c>
      <c r="BB6" s="306">
        <v>1511</v>
      </c>
      <c r="BC6" s="307">
        <v>31202</v>
      </c>
      <c r="BD6" s="308">
        <v>31202</v>
      </c>
      <c r="BE6" s="302">
        <v>0</v>
      </c>
      <c r="BF6" s="306">
        <v>0</v>
      </c>
      <c r="BG6" s="303">
        <v>0</v>
      </c>
      <c r="BH6" s="305">
        <v>0</v>
      </c>
      <c r="BI6" s="306">
        <v>2148</v>
      </c>
      <c r="BJ6" s="306">
        <v>3351</v>
      </c>
      <c r="BK6" s="306">
        <v>1935</v>
      </c>
      <c r="BL6" s="306">
        <v>1376</v>
      </c>
      <c r="BM6" s="306">
        <v>558</v>
      </c>
      <c r="BN6" s="303">
        <v>9368</v>
      </c>
      <c r="BO6" s="308">
        <v>9368</v>
      </c>
      <c r="BP6" s="302">
        <v>25</v>
      </c>
      <c r="BQ6" s="306">
        <v>66</v>
      </c>
      <c r="BR6" s="303">
        <v>91</v>
      </c>
      <c r="BS6" s="305">
        <v>0</v>
      </c>
      <c r="BT6" s="306">
        <v>787</v>
      </c>
      <c r="BU6" s="306">
        <v>1748</v>
      </c>
      <c r="BV6" s="306">
        <v>2461</v>
      </c>
      <c r="BW6" s="306">
        <v>1980</v>
      </c>
      <c r="BX6" s="306">
        <v>1085</v>
      </c>
      <c r="BY6" s="303">
        <v>8061</v>
      </c>
      <c r="BZ6" s="308">
        <v>8152</v>
      </c>
      <c r="CA6" s="302">
        <v>0</v>
      </c>
      <c r="CB6" s="306">
        <v>10</v>
      </c>
      <c r="CC6" s="303">
        <v>10</v>
      </c>
      <c r="CD6" s="305">
        <v>0</v>
      </c>
      <c r="CE6" s="306">
        <v>95</v>
      </c>
      <c r="CF6" s="306">
        <v>285</v>
      </c>
      <c r="CG6" s="306">
        <v>308</v>
      </c>
      <c r="CH6" s="306">
        <v>439</v>
      </c>
      <c r="CI6" s="306">
        <v>261</v>
      </c>
      <c r="CJ6" s="303">
        <v>1388</v>
      </c>
      <c r="CK6" s="308">
        <v>1398</v>
      </c>
      <c r="CL6" s="302">
        <v>0</v>
      </c>
      <c r="CM6" s="306">
        <v>0</v>
      </c>
      <c r="CN6" s="303">
        <v>0</v>
      </c>
      <c r="CO6" s="305">
        <v>0</v>
      </c>
      <c r="CP6" s="306">
        <v>0</v>
      </c>
      <c r="CQ6" s="306">
        <v>0</v>
      </c>
      <c r="CR6" s="306">
        <v>0</v>
      </c>
      <c r="CS6" s="306">
        <v>0</v>
      </c>
      <c r="CT6" s="306">
        <v>0</v>
      </c>
      <c r="CU6" s="303">
        <v>0</v>
      </c>
      <c r="CV6" s="308">
        <v>0</v>
      </c>
      <c r="CW6" s="302">
        <v>0</v>
      </c>
      <c r="CX6" s="306">
        <v>0</v>
      </c>
      <c r="CY6" s="303">
        <v>0</v>
      </c>
      <c r="CZ6" s="305">
        <v>0</v>
      </c>
      <c r="DA6" s="306">
        <v>0</v>
      </c>
      <c r="DB6" s="306">
        <v>0</v>
      </c>
      <c r="DC6" s="306">
        <v>0</v>
      </c>
      <c r="DD6" s="306">
        <v>0</v>
      </c>
      <c r="DE6" s="306">
        <v>0</v>
      </c>
      <c r="DF6" s="303">
        <v>0</v>
      </c>
      <c r="DG6" s="308">
        <v>0</v>
      </c>
    </row>
    <row r="7" spans="1:111" ht="18.75" customHeight="1" x14ac:dyDescent="0.2">
      <c r="A7" s="294" t="s">
        <v>5</v>
      </c>
      <c r="B7" s="309">
        <v>0</v>
      </c>
      <c r="C7" s="310">
        <v>0</v>
      </c>
      <c r="D7" s="311">
        <v>0</v>
      </c>
      <c r="E7" s="312">
        <v>0</v>
      </c>
      <c r="F7" s="313">
        <v>5033</v>
      </c>
      <c r="G7" s="313">
        <v>9217</v>
      </c>
      <c r="H7" s="313">
        <v>7208</v>
      </c>
      <c r="I7" s="313">
        <v>8911</v>
      </c>
      <c r="J7" s="313">
        <v>10263</v>
      </c>
      <c r="K7" s="314">
        <v>40632</v>
      </c>
      <c r="L7" s="315">
        <v>40632</v>
      </c>
      <c r="M7" s="309">
        <v>0</v>
      </c>
      <c r="N7" s="313">
        <v>4</v>
      </c>
      <c r="O7" s="310">
        <v>4</v>
      </c>
      <c r="P7" s="312">
        <v>0</v>
      </c>
      <c r="Q7" s="313">
        <v>1</v>
      </c>
      <c r="R7" s="313">
        <v>42</v>
      </c>
      <c r="S7" s="313">
        <v>85</v>
      </c>
      <c r="T7" s="313">
        <v>293</v>
      </c>
      <c r="U7" s="313">
        <v>519</v>
      </c>
      <c r="V7" s="310">
        <v>940</v>
      </c>
      <c r="W7" s="315">
        <v>944</v>
      </c>
      <c r="X7" s="309">
        <v>506</v>
      </c>
      <c r="Y7" s="313">
        <v>1802</v>
      </c>
      <c r="Z7" s="310">
        <v>2308</v>
      </c>
      <c r="AA7" s="312">
        <v>0</v>
      </c>
      <c r="AB7" s="313">
        <v>3198</v>
      </c>
      <c r="AC7" s="313">
        <v>7067</v>
      </c>
      <c r="AD7" s="313">
        <v>3804</v>
      </c>
      <c r="AE7" s="313">
        <v>3277</v>
      </c>
      <c r="AF7" s="313">
        <v>2795</v>
      </c>
      <c r="AG7" s="310">
        <v>20141</v>
      </c>
      <c r="AH7" s="315">
        <v>22449</v>
      </c>
      <c r="AI7" s="309">
        <v>79</v>
      </c>
      <c r="AJ7" s="313">
        <v>284</v>
      </c>
      <c r="AK7" s="310">
        <v>363</v>
      </c>
      <c r="AL7" s="312">
        <v>0</v>
      </c>
      <c r="AM7" s="313">
        <v>261</v>
      </c>
      <c r="AN7" s="313">
        <v>854</v>
      </c>
      <c r="AO7" s="313">
        <v>559</v>
      </c>
      <c r="AP7" s="313">
        <v>551</v>
      </c>
      <c r="AQ7" s="313">
        <v>209</v>
      </c>
      <c r="AR7" s="310">
        <v>2434</v>
      </c>
      <c r="AS7" s="315">
        <v>2797</v>
      </c>
      <c r="AT7" s="309">
        <v>0</v>
      </c>
      <c r="AU7" s="313">
        <v>0</v>
      </c>
      <c r="AV7" s="310">
        <v>0</v>
      </c>
      <c r="AW7" s="312">
        <v>0</v>
      </c>
      <c r="AX7" s="313">
        <v>3570</v>
      </c>
      <c r="AY7" s="313">
        <v>4337</v>
      </c>
      <c r="AZ7" s="313">
        <v>2220</v>
      </c>
      <c r="BA7" s="313">
        <v>1110</v>
      </c>
      <c r="BB7" s="313">
        <v>640</v>
      </c>
      <c r="BC7" s="314">
        <v>11877</v>
      </c>
      <c r="BD7" s="315">
        <v>11877</v>
      </c>
      <c r="BE7" s="309">
        <v>0</v>
      </c>
      <c r="BF7" s="313">
        <v>0</v>
      </c>
      <c r="BG7" s="310">
        <v>0</v>
      </c>
      <c r="BH7" s="312">
        <v>0</v>
      </c>
      <c r="BI7" s="313">
        <v>750</v>
      </c>
      <c r="BJ7" s="313">
        <v>1744</v>
      </c>
      <c r="BK7" s="313">
        <v>911</v>
      </c>
      <c r="BL7" s="313">
        <v>614</v>
      </c>
      <c r="BM7" s="313">
        <v>276</v>
      </c>
      <c r="BN7" s="310">
        <v>4295</v>
      </c>
      <c r="BO7" s="315">
        <v>4295</v>
      </c>
      <c r="BP7" s="309">
        <v>0</v>
      </c>
      <c r="BQ7" s="313">
        <v>26</v>
      </c>
      <c r="BR7" s="310">
        <v>26</v>
      </c>
      <c r="BS7" s="312">
        <v>0</v>
      </c>
      <c r="BT7" s="313">
        <v>300</v>
      </c>
      <c r="BU7" s="313">
        <v>783</v>
      </c>
      <c r="BV7" s="313">
        <v>1081</v>
      </c>
      <c r="BW7" s="313">
        <v>746</v>
      </c>
      <c r="BX7" s="313">
        <v>331</v>
      </c>
      <c r="BY7" s="310">
        <v>3241</v>
      </c>
      <c r="BZ7" s="315">
        <v>3267</v>
      </c>
      <c r="CA7" s="309">
        <v>0</v>
      </c>
      <c r="CB7" s="313">
        <v>10</v>
      </c>
      <c r="CC7" s="310">
        <v>10</v>
      </c>
      <c r="CD7" s="312">
        <v>0</v>
      </c>
      <c r="CE7" s="313">
        <v>50</v>
      </c>
      <c r="CF7" s="313">
        <v>145</v>
      </c>
      <c r="CG7" s="313">
        <v>161</v>
      </c>
      <c r="CH7" s="313">
        <v>257</v>
      </c>
      <c r="CI7" s="313">
        <v>198</v>
      </c>
      <c r="CJ7" s="310">
        <v>811</v>
      </c>
      <c r="CK7" s="315">
        <v>821</v>
      </c>
      <c r="CL7" s="309">
        <v>0</v>
      </c>
      <c r="CM7" s="313">
        <v>0</v>
      </c>
      <c r="CN7" s="310">
        <v>0</v>
      </c>
      <c r="CO7" s="312">
        <v>0</v>
      </c>
      <c r="CP7" s="313">
        <v>0</v>
      </c>
      <c r="CQ7" s="313">
        <v>0</v>
      </c>
      <c r="CR7" s="313">
        <v>0</v>
      </c>
      <c r="CS7" s="313">
        <v>0</v>
      </c>
      <c r="CT7" s="313">
        <v>0</v>
      </c>
      <c r="CU7" s="310">
        <v>0</v>
      </c>
      <c r="CV7" s="315">
        <v>0</v>
      </c>
      <c r="CW7" s="309">
        <v>0</v>
      </c>
      <c r="CX7" s="313">
        <v>0</v>
      </c>
      <c r="CY7" s="310">
        <v>0</v>
      </c>
      <c r="CZ7" s="312">
        <v>0</v>
      </c>
      <c r="DA7" s="313">
        <v>0</v>
      </c>
      <c r="DB7" s="313">
        <v>0</v>
      </c>
      <c r="DC7" s="313">
        <v>0</v>
      </c>
      <c r="DD7" s="313">
        <v>0</v>
      </c>
      <c r="DE7" s="313">
        <v>0</v>
      </c>
      <c r="DF7" s="310">
        <v>0</v>
      </c>
      <c r="DG7" s="315">
        <v>0</v>
      </c>
    </row>
    <row r="8" spans="1:111" ht="18.75" customHeight="1" x14ac:dyDescent="0.2">
      <c r="A8" s="294" t="s">
        <v>6</v>
      </c>
      <c r="B8" s="309">
        <v>0</v>
      </c>
      <c r="C8" s="310">
        <v>0</v>
      </c>
      <c r="D8" s="311">
        <v>0</v>
      </c>
      <c r="E8" s="312">
        <v>0</v>
      </c>
      <c r="F8" s="313">
        <v>2348</v>
      </c>
      <c r="G8" s="313">
        <v>3152</v>
      </c>
      <c r="H8" s="313">
        <v>2651</v>
      </c>
      <c r="I8" s="313">
        <v>4005</v>
      </c>
      <c r="J8" s="313">
        <v>3280</v>
      </c>
      <c r="K8" s="314">
        <v>15436</v>
      </c>
      <c r="L8" s="315">
        <v>15436</v>
      </c>
      <c r="M8" s="309">
        <v>0</v>
      </c>
      <c r="N8" s="313">
        <v>7</v>
      </c>
      <c r="O8" s="310">
        <v>7</v>
      </c>
      <c r="P8" s="312">
        <v>0</v>
      </c>
      <c r="Q8" s="313">
        <v>2</v>
      </c>
      <c r="R8" s="313">
        <v>13</v>
      </c>
      <c r="S8" s="313">
        <v>79</v>
      </c>
      <c r="T8" s="313">
        <v>100</v>
      </c>
      <c r="U8" s="313">
        <v>158</v>
      </c>
      <c r="V8" s="310">
        <v>352</v>
      </c>
      <c r="W8" s="315">
        <v>359</v>
      </c>
      <c r="X8" s="309">
        <v>189</v>
      </c>
      <c r="Y8" s="313">
        <v>708</v>
      </c>
      <c r="Z8" s="310">
        <v>897</v>
      </c>
      <c r="AA8" s="312">
        <v>0</v>
      </c>
      <c r="AB8" s="313">
        <v>1842</v>
      </c>
      <c r="AC8" s="313">
        <v>1871</v>
      </c>
      <c r="AD8" s="313">
        <v>1504</v>
      </c>
      <c r="AE8" s="313">
        <v>1272</v>
      </c>
      <c r="AF8" s="313">
        <v>845</v>
      </c>
      <c r="AG8" s="310">
        <v>7334</v>
      </c>
      <c r="AH8" s="315">
        <v>8231</v>
      </c>
      <c r="AI8" s="309">
        <v>8</v>
      </c>
      <c r="AJ8" s="313">
        <v>42</v>
      </c>
      <c r="AK8" s="310">
        <v>50</v>
      </c>
      <c r="AL8" s="312">
        <v>0</v>
      </c>
      <c r="AM8" s="313">
        <v>267</v>
      </c>
      <c r="AN8" s="313">
        <v>247</v>
      </c>
      <c r="AO8" s="313">
        <v>180</v>
      </c>
      <c r="AP8" s="313">
        <v>126</v>
      </c>
      <c r="AQ8" s="313">
        <v>51</v>
      </c>
      <c r="AR8" s="310">
        <v>871</v>
      </c>
      <c r="AS8" s="315">
        <v>921</v>
      </c>
      <c r="AT8" s="309">
        <v>0</v>
      </c>
      <c r="AU8" s="313">
        <v>0</v>
      </c>
      <c r="AV8" s="310">
        <v>0</v>
      </c>
      <c r="AW8" s="312">
        <v>0</v>
      </c>
      <c r="AX8" s="313">
        <v>1988</v>
      </c>
      <c r="AY8" s="313">
        <v>1487</v>
      </c>
      <c r="AZ8" s="313">
        <v>802</v>
      </c>
      <c r="BA8" s="313">
        <v>707</v>
      </c>
      <c r="BB8" s="313">
        <v>279</v>
      </c>
      <c r="BC8" s="314">
        <v>5263</v>
      </c>
      <c r="BD8" s="315">
        <v>5263</v>
      </c>
      <c r="BE8" s="309">
        <v>0</v>
      </c>
      <c r="BF8" s="313">
        <v>0</v>
      </c>
      <c r="BG8" s="310">
        <v>0</v>
      </c>
      <c r="BH8" s="312">
        <v>0</v>
      </c>
      <c r="BI8" s="313">
        <v>307</v>
      </c>
      <c r="BJ8" s="313">
        <v>403</v>
      </c>
      <c r="BK8" s="313">
        <v>186</v>
      </c>
      <c r="BL8" s="313">
        <v>226</v>
      </c>
      <c r="BM8" s="313">
        <v>67</v>
      </c>
      <c r="BN8" s="310">
        <v>1189</v>
      </c>
      <c r="BO8" s="315">
        <v>1189</v>
      </c>
      <c r="BP8" s="309">
        <v>0</v>
      </c>
      <c r="BQ8" s="313">
        <v>0</v>
      </c>
      <c r="BR8" s="310">
        <v>0</v>
      </c>
      <c r="BS8" s="312">
        <v>0</v>
      </c>
      <c r="BT8" s="313">
        <v>112</v>
      </c>
      <c r="BU8" s="313">
        <v>261</v>
      </c>
      <c r="BV8" s="313">
        <v>347</v>
      </c>
      <c r="BW8" s="313">
        <v>332</v>
      </c>
      <c r="BX8" s="313">
        <v>237</v>
      </c>
      <c r="BY8" s="310">
        <v>1289</v>
      </c>
      <c r="BZ8" s="315">
        <v>1289</v>
      </c>
      <c r="CA8" s="309">
        <v>0</v>
      </c>
      <c r="CB8" s="313">
        <v>0</v>
      </c>
      <c r="CC8" s="310">
        <v>0</v>
      </c>
      <c r="CD8" s="312">
        <v>0</v>
      </c>
      <c r="CE8" s="313">
        <v>18</v>
      </c>
      <c r="CF8" s="313">
        <v>24</v>
      </c>
      <c r="CG8" s="313">
        <v>31</v>
      </c>
      <c r="CH8" s="313">
        <v>54</v>
      </c>
      <c r="CI8" s="313">
        <v>19</v>
      </c>
      <c r="CJ8" s="310">
        <v>146</v>
      </c>
      <c r="CK8" s="315">
        <v>146</v>
      </c>
      <c r="CL8" s="309">
        <v>0</v>
      </c>
      <c r="CM8" s="313">
        <v>0</v>
      </c>
      <c r="CN8" s="310">
        <v>0</v>
      </c>
      <c r="CO8" s="312">
        <v>0</v>
      </c>
      <c r="CP8" s="313">
        <v>0</v>
      </c>
      <c r="CQ8" s="313">
        <v>0</v>
      </c>
      <c r="CR8" s="313">
        <v>0</v>
      </c>
      <c r="CS8" s="313">
        <v>0</v>
      </c>
      <c r="CT8" s="313">
        <v>0</v>
      </c>
      <c r="CU8" s="310">
        <v>0</v>
      </c>
      <c r="CV8" s="315">
        <v>0</v>
      </c>
      <c r="CW8" s="309">
        <v>0</v>
      </c>
      <c r="CX8" s="313">
        <v>0</v>
      </c>
      <c r="CY8" s="310">
        <v>0</v>
      </c>
      <c r="CZ8" s="312">
        <v>0</v>
      </c>
      <c r="DA8" s="313">
        <v>0</v>
      </c>
      <c r="DB8" s="313">
        <v>0</v>
      </c>
      <c r="DC8" s="313">
        <v>0</v>
      </c>
      <c r="DD8" s="313">
        <v>0</v>
      </c>
      <c r="DE8" s="313">
        <v>0</v>
      </c>
      <c r="DF8" s="310">
        <v>0</v>
      </c>
      <c r="DG8" s="315">
        <v>0</v>
      </c>
    </row>
    <row r="9" spans="1:111" ht="18.75" customHeight="1" x14ac:dyDescent="0.2">
      <c r="A9" s="294" t="s">
        <v>14</v>
      </c>
      <c r="B9" s="309">
        <v>0</v>
      </c>
      <c r="C9" s="310">
        <v>0</v>
      </c>
      <c r="D9" s="311">
        <v>0</v>
      </c>
      <c r="E9" s="312">
        <v>0</v>
      </c>
      <c r="F9" s="313">
        <v>620</v>
      </c>
      <c r="G9" s="313">
        <v>784</v>
      </c>
      <c r="H9" s="313">
        <v>1285</v>
      </c>
      <c r="I9" s="313">
        <v>1219</v>
      </c>
      <c r="J9" s="313">
        <v>1053</v>
      </c>
      <c r="K9" s="314">
        <v>4961</v>
      </c>
      <c r="L9" s="315">
        <v>4961</v>
      </c>
      <c r="M9" s="309">
        <v>0</v>
      </c>
      <c r="N9" s="313">
        <v>0</v>
      </c>
      <c r="O9" s="310">
        <v>0</v>
      </c>
      <c r="P9" s="312">
        <v>0</v>
      </c>
      <c r="Q9" s="313">
        <v>2</v>
      </c>
      <c r="R9" s="313">
        <v>0</v>
      </c>
      <c r="S9" s="313">
        <v>12</v>
      </c>
      <c r="T9" s="313">
        <v>52</v>
      </c>
      <c r="U9" s="313">
        <v>86</v>
      </c>
      <c r="V9" s="310">
        <v>152</v>
      </c>
      <c r="W9" s="315">
        <v>152</v>
      </c>
      <c r="X9" s="309">
        <v>37</v>
      </c>
      <c r="Y9" s="313">
        <v>186</v>
      </c>
      <c r="Z9" s="310">
        <v>223</v>
      </c>
      <c r="AA9" s="312">
        <v>0</v>
      </c>
      <c r="AB9" s="313">
        <v>431</v>
      </c>
      <c r="AC9" s="313">
        <v>492</v>
      </c>
      <c r="AD9" s="313">
        <v>504</v>
      </c>
      <c r="AE9" s="313">
        <v>602</v>
      </c>
      <c r="AF9" s="313">
        <v>250</v>
      </c>
      <c r="AG9" s="310">
        <v>2279</v>
      </c>
      <c r="AH9" s="315">
        <v>2502</v>
      </c>
      <c r="AI9" s="309">
        <v>0</v>
      </c>
      <c r="AJ9" s="313">
        <v>31</v>
      </c>
      <c r="AK9" s="310">
        <v>31</v>
      </c>
      <c r="AL9" s="312">
        <v>0</v>
      </c>
      <c r="AM9" s="313">
        <v>6</v>
      </c>
      <c r="AN9" s="313">
        <v>59</v>
      </c>
      <c r="AO9" s="313">
        <v>60</v>
      </c>
      <c r="AP9" s="313">
        <v>30</v>
      </c>
      <c r="AQ9" s="313">
        <v>8</v>
      </c>
      <c r="AR9" s="310">
        <v>163</v>
      </c>
      <c r="AS9" s="315">
        <v>194</v>
      </c>
      <c r="AT9" s="309">
        <v>0</v>
      </c>
      <c r="AU9" s="313">
        <v>0</v>
      </c>
      <c r="AV9" s="310">
        <v>0</v>
      </c>
      <c r="AW9" s="312">
        <v>0</v>
      </c>
      <c r="AX9" s="313">
        <v>787</v>
      </c>
      <c r="AY9" s="313">
        <v>681</v>
      </c>
      <c r="AZ9" s="313">
        <v>452</v>
      </c>
      <c r="BA9" s="313">
        <v>301</v>
      </c>
      <c r="BB9" s="313">
        <v>172</v>
      </c>
      <c r="BC9" s="314">
        <v>2393</v>
      </c>
      <c r="BD9" s="315">
        <v>2393</v>
      </c>
      <c r="BE9" s="309">
        <v>0</v>
      </c>
      <c r="BF9" s="313">
        <v>0</v>
      </c>
      <c r="BG9" s="310">
        <v>0</v>
      </c>
      <c r="BH9" s="312">
        <v>0</v>
      </c>
      <c r="BI9" s="313">
        <v>38</v>
      </c>
      <c r="BJ9" s="313">
        <v>129</v>
      </c>
      <c r="BK9" s="313">
        <v>87</v>
      </c>
      <c r="BL9" s="313">
        <v>94</v>
      </c>
      <c r="BM9" s="313">
        <v>20</v>
      </c>
      <c r="BN9" s="310">
        <v>368</v>
      </c>
      <c r="BO9" s="315">
        <v>368</v>
      </c>
      <c r="BP9" s="309">
        <v>0</v>
      </c>
      <c r="BQ9" s="313">
        <v>15</v>
      </c>
      <c r="BR9" s="310">
        <v>15</v>
      </c>
      <c r="BS9" s="312">
        <v>0</v>
      </c>
      <c r="BT9" s="313">
        <v>32</v>
      </c>
      <c r="BU9" s="313">
        <v>130</v>
      </c>
      <c r="BV9" s="313">
        <v>166</v>
      </c>
      <c r="BW9" s="313">
        <v>232</v>
      </c>
      <c r="BX9" s="313">
        <v>121</v>
      </c>
      <c r="BY9" s="310">
        <v>681</v>
      </c>
      <c r="BZ9" s="315">
        <v>696</v>
      </c>
      <c r="CA9" s="309">
        <v>0</v>
      </c>
      <c r="CB9" s="313">
        <v>0</v>
      </c>
      <c r="CC9" s="310">
        <v>0</v>
      </c>
      <c r="CD9" s="312">
        <v>0</v>
      </c>
      <c r="CE9" s="313">
        <v>0</v>
      </c>
      <c r="CF9" s="313">
        <v>11</v>
      </c>
      <c r="CG9" s="313">
        <v>9</v>
      </c>
      <c r="CH9" s="313">
        <v>53</v>
      </c>
      <c r="CI9" s="313">
        <v>0</v>
      </c>
      <c r="CJ9" s="310">
        <v>73</v>
      </c>
      <c r="CK9" s="315">
        <v>73</v>
      </c>
      <c r="CL9" s="309">
        <v>0</v>
      </c>
      <c r="CM9" s="313">
        <v>0</v>
      </c>
      <c r="CN9" s="310">
        <v>0</v>
      </c>
      <c r="CO9" s="312">
        <v>0</v>
      </c>
      <c r="CP9" s="313">
        <v>0</v>
      </c>
      <c r="CQ9" s="313">
        <v>0</v>
      </c>
      <c r="CR9" s="313">
        <v>0</v>
      </c>
      <c r="CS9" s="313">
        <v>0</v>
      </c>
      <c r="CT9" s="313">
        <v>0</v>
      </c>
      <c r="CU9" s="310">
        <v>0</v>
      </c>
      <c r="CV9" s="315">
        <v>0</v>
      </c>
      <c r="CW9" s="309">
        <v>0</v>
      </c>
      <c r="CX9" s="313">
        <v>0</v>
      </c>
      <c r="CY9" s="310">
        <v>0</v>
      </c>
      <c r="CZ9" s="312">
        <v>0</v>
      </c>
      <c r="DA9" s="313">
        <v>0</v>
      </c>
      <c r="DB9" s="313">
        <v>0</v>
      </c>
      <c r="DC9" s="313">
        <v>0</v>
      </c>
      <c r="DD9" s="313">
        <v>0</v>
      </c>
      <c r="DE9" s="313">
        <v>0</v>
      </c>
      <c r="DF9" s="310">
        <v>0</v>
      </c>
      <c r="DG9" s="315">
        <v>0</v>
      </c>
    </row>
    <row r="10" spans="1:111" ht="18.75" customHeight="1" x14ac:dyDescent="0.2">
      <c r="A10" s="294" t="s">
        <v>7</v>
      </c>
      <c r="B10" s="309">
        <v>0</v>
      </c>
      <c r="C10" s="310">
        <v>0</v>
      </c>
      <c r="D10" s="311">
        <v>0</v>
      </c>
      <c r="E10" s="312">
        <v>0</v>
      </c>
      <c r="F10" s="313">
        <v>680</v>
      </c>
      <c r="G10" s="313">
        <v>675</v>
      </c>
      <c r="H10" s="313">
        <v>779</v>
      </c>
      <c r="I10" s="313">
        <v>391</v>
      </c>
      <c r="J10" s="313">
        <v>895</v>
      </c>
      <c r="K10" s="314">
        <v>3420</v>
      </c>
      <c r="L10" s="315">
        <v>3420</v>
      </c>
      <c r="M10" s="309">
        <v>0</v>
      </c>
      <c r="N10" s="313">
        <v>0</v>
      </c>
      <c r="O10" s="310">
        <v>0</v>
      </c>
      <c r="P10" s="312">
        <v>0</v>
      </c>
      <c r="Q10" s="313">
        <v>8</v>
      </c>
      <c r="R10" s="313">
        <v>10</v>
      </c>
      <c r="S10" s="313">
        <v>5</v>
      </c>
      <c r="T10" s="313">
        <v>11</v>
      </c>
      <c r="U10" s="313">
        <v>47</v>
      </c>
      <c r="V10" s="310">
        <v>81</v>
      </c>
      <c r="W10" s="315">
        <v>81</v>
      </c>
      <c r="X10" s="309">
        <v>0</v>
      </c>
      <c r="Y10" s="313">
        <v>24</v>
      </c>
      <c r="Z10" s="310">
        <v>24</v>
      </c>
      <c r="AA10" s="312">
        <v>0</v>
      </c>
      <c r="AB10" s="313">
        <v>179</v>
      </c>
      <c r="AC10" s="313">
        <v>275</v>
      </c>
      <c r="AD10" s="313">
        <v>98</v>
      </c>
      <c r="AE10" s="313">
        <v>130</v>
      </c>
      <c r="AF10" s="313">
        <v>120</v>
      </c>
      <c r="AG10" s="310">
        <v>802</v>
      </c>
      <c r="AH10" s="315">
        <v>826</v>
      </c>
      <c r="AI10" s="309">
        <v>0</v>
      </c>
      <c r="AJ10" s="313">
        <v>0</v>
      </c>
      <c r="AK10" s="310">
        <v>0</v>
      </c>
      <c r="AL10" s="312">
        <v>0</v>
      </c>
      <c r="AM10" s="313">
        <v>76</v>
      </c>
      <c r="AN10" s="313">
        <v>93</v>
      </c>
      <c r="AO10" s="313">
        <v>16</v>
      </c>
      <c r="AP10" s="313">
        <v>37</v>
      </c>
      <c r="AQ10" s="313">
        <v>30</v>
      </c>
      <c r="AR10" s="310">
        <v>252</v>
      </c>
      <c r="AS10" s="315">
        <v>252</v>
      </c>
      <c r="AT10" s="309">
        <v>0</v>
      </c>
      <c r="AU10" s="313">
        <v>0</v>
      </c>
      <c r="AV10" s="310">
        <v>0</v>
      </c>
      <c r="AW10" s="312">
        <v>0</v>
      </c>
      <c r="AX10" s="313">
        <v>514</v>
      </c>
      <c r="AY10" s="313">
        <v>328</v>
      </c>
      <c r="AZ10" s="313">
        <v>114</v>
      </c>
      <c r="BA10" s="313">
        <v>56</v>
      </c>
      <c r="BB10" s="313">
        <v>21</v>
      </c>
      <c r="BC10" s="314">
        <v>1033</v>
      </c>
      <c r="BD10" s="315">
        <v>1033</v>
      </c>
      <c r="BE10" s="309">
        <v>0</v>
      </c>
      <c r="BF10" s="313">
        <v>0</v>
      </c>
      <c r="BG10" s="310">
        <v>0</v>
      </c>
      <c r="BH10" s="312">
        <v>0</v>
      </c>
      <c r="BI10" s="313">
        <v>167</v>
      </c>
      <c r="BJ10" s="313">
        <v>93</v>
      </c>
      <c r="BK10" s="313">
        <v>59</v>
      </c>
      <c r="BL10" s="313">
        <v>19</v>
      </c>
      <c r="BM10" s="313">
        <v>30</v>
      </c>
      <c r="BN10" s="310">
        <v>368</v>
      </c>
      <c r="BO10" s="315">
        <v>368</v>
      </c>
      <c r="BP10" s="309">
        <v>0</v>
      </c>
      <c r="BQ10" s="313">
        <v>0</v>
      </c>
      <c r="BR10" s="310">
        <v>0</v>
      </c>
      <c r="BS10" s="312">
        <v>0</v>
      </c>
      <c r="BT10" s="313">
        <v>46</v>
      </c>
      <c r="BU10" s="313">
        <v>70</v>
      </c>
      <c r="BV10" s="313">
        <v>101</v>
      </c>
      <c r="BW10" s="313">
        <v>27</v>
      </c>
      <c r="BX10" s="313">
        <v>29</v>
      </c>
      <c r="BY10" s="310">
        <v>273</v>
      </c>
      <c r="BZ10" s="315">
        <v>273</v>
      </c>
      <c r="CA10" s="309">
        <v>0</v>
      </c>
      <c r="CB10" s="313">
        <v>0</v>
      </c>
      <c r="CC10" s="310">
        <v>0</v>
      </c>
      <c r="CD10" s="312">
        <v>0</v>
      </c>
      <c r="CE10" s="313">
        <v>8</v>
      </c>
      <c r="CF10" s="313">
        <v>5</v>
      </c>
      <c r="CG10" s="313">
        <v>13</v>
      </c>
      <c r="CH10" s="313">
        <v>0</v>
      </c>
      <c r="CI10" s="313">
        <v>4</v>
      </c>
      <c r="CJ10" s="310">
        <v>30</v>
      </c>
      <c r="CK10" s="315">
        <v>30</v>
      </c>
      <c r="CL10" s="309">
        <v>0</v>
      </c>
      <c r="CM10" s="313">
        <v>0</v>
      </c>
      <c r="CN10" s="310">
        <v>0</v>
      </c>
      <c r="CO10" s="312">
        <v>0</v>
      </c>
      <c r="CP10" s="313">
        <v>0</v>
      </c>
      <c r="CQ10" s="313">
        <v>0</v>
      </c>
      <c r="CR10" s="313">
        <v>0</v>
      </c>
      <c r="CS10" s="313">
        <v>0</v>
      </c>
      <c r="CT10" s="313">
        <v>0</v>
      </c>
      <c r="CU10" s="310">
        <v>0</v>
      </c>
      <c r="CV10" s="315">
        <v>0</v>
      </c>
      <c r="CW10" s="309">
        <v>0</v>
      </c>
      <c r="CX10" s="313">
        <v>0</v>
      </c>
      <c r="CY10" s="310">
        <v>0</v>
      </c>
      <c r="CZ10" s="312">
        <v>0</v>
      </c>
      <c r="DA10" s="313">
        <v>0</v>
      </c>
      <c r="DB10" s="313">
        <v>0</v>
      </c>
      <c r="DC10" s="313">
        <v>0</v>
      </c>
      <c r="DD10" s="313">
        <v>0</v>
      </c>
      <c r="DE10" s="313">
        <v>0</v>
      </c>
      <c r="DF10" s="310">
        <v>0</v>
      </c>
      <c r="DG10" s="315">
        <v>0</v>
      </c>
    </row>
    <row r="11" spans="1:111" ht="18.75" customHeight="1" x14ac:dyDescent="0.2">
      <c r="A11" s="294" t="s">
        <v>8</v>
      </c>
      <c r="B11" s="309">
        <v>0</v>
      </c>
      <c r="C11" s="310">
        <v>0</v>
      </c>
      <c r="D11" s="311">
        <v>0</v>
      </c>
      <c r="E11" s="312">
        <v>0</v>
      </c>
      <c r="F11" s="313">
        <v>205</v>
      </c>
      <c r="G11" s="313">
        <v>363</v>
      </c>
      <c r="H11" s="313">
        <v>86</v>
      </c>
      <c r="I11" s="313">
        <v>342</v>
      </c>
      <c r="J11" s="313">
        <v>149</v>
      </c>
      <c r="K11" s="314">
        <v>1145</v>
      </c>
      <c r="L11" s="315">
        <v>1145</v>
      </c>
      <c r="M11" s="309">
        <v>0</v>
      </c>
      <c r="N11" s="313">
        <v>0</v>
      </c>
      <c r="O11" s="310">
        <v>0</v>
      </c>
      <c r="P11" s="312">
        <v>0</v>
      </c>
      <c r="Q11" s="313">
        <v>0</v>
      </c>
      <c r="R11" s="313">
        <v>0</v>
      </c>
      <c r="S11" s="313">
        <v>5</v>
      </c>
      <c r="T11" s="313">
        <v>35</v>
      </c>
      <c r="U11" s="313">
        <v>14</v>
      </c>
      <c r="V11" s="310">
        <v>54</v>
      </c>
      <c r="W11" s="315">
        <v>54</v>
      </c>
      <c r="X11" s="309">
        <v>7</v>
      </c>
      <c r="Y11" s="313">
        <v>1</v>
      </c>
      <c r="Z11" s="310">
        <v>8</v>
      </c>
      <c r="AA11" s="312">
        <v>0</v>
      </c>
      <c r="AB11" s="313">
        <v>52</v>
      </c>
      <c r="AC11" s="313">
        <v>84</v>
      </c>
      <c r="AD11" s="313">
        <v>47</v>
      </c>
      <c r="AE11" s="313">
        <v>63</v>
      </c>
      <c r="AF11" s="313">
        <v>34</v>
      </c>
      <c r="AG11" s="310">
        <v>280</v>
      </c>
      <c r="AH11" s="315">
        <v>288</v>
      </c>
      <c r="AI11" s="309">
        <v>0</v>
      </c>
      <c r="AJ11" s="313">
        <v>16</v>
      </c>
      <c r="AK11" s="310">
        <v>16</v>
      </c>
      <c r="AL11" s="312">
        <v>0</v>
      </c>
      <c r="AM11" s="313">
        <v>0</v>
      </c>
      <c r="AN11" s="313">
        <v>52</v>
      </c>
      <c r="AO11" s="313">
        <v>90</v>
      </c>
      <c r="AP11" s="313">
        <v>45</v>
      </c>
      <c r="AQ11" s="313">
        <v>20</v>
      </c>
      <c r="AR11" s="310">
        <v>207</v>
      </c>
      <c r="AS11" s="315">
        <v>223</v>
      </c>
      <c r="AT11" s="309">
        <v>0</v>
      </c>
      <c r="AU11" s="313">
        <v>0</v>
      </c>
      <c r="AV11" s="310">
        <v>0</v>
      </c>
      <c r="AW11" s="312">
        <v>0</v>
      </c>
      <c r="AX11" s="313">
        <v>181</v>
      </c>
      <c r="AY11" s="313">
        <v>219</v>
      </c>
      <c r="AZ11" s="313">
        <v>70</v>
      </c>
      <c r="BA11" s="313">
        <v>115</v>
      </c>
      <c r="BB11" s="313">
        <v>17</v>
      </c>
      <c r="BC11" s="314">
        <v>602</v>
      </c>
      <c r="BD11" s="315">
        <v>602</v>
      </c>
      <c r="BE11" s="309">
        <v>0</v>
      </c>
      <c r="BF11" s="313">
        <v>0</v>
      </c>
      <c r="BG11" s="310">
        <v>0</v>
      </c>
      <c r="BH11" s="312">
        <v>0</v>
      </c>
      <c r="BI11" s="313">
        <v>124</v>
      </c>
      <c r="BJ11" s="313">
        <v>60</v>
      </c>
      <c r="BK11" s="313">
        <v>35</v>
      </c>
      <c r="BL11" s="313">
        <v>42</v>
      </c>
      <c r="BM11" s="313">
        <v>14</v>
      </c>
      <c r="BN11" s="310">
        <v>275</v>
      </c>
      <c r="BO11" s="315">
        <v>275</v>
      </c>
      <c r="BP11" s="309">
        <v>0</v>
      </c>
      <c r="BQ11" s="313">
        <v>0</v>
      </c>
      <c r="BR11" s="310">
        <v>0</v>
      </c>
      <c r="BS11" s="312">
        <v>0</v>
      </c>
      <c r="BT11" s="313">
        <v>20</v>
      </c>
      <c r="BU11" s="313">
        <v>46</v>
      </c>
      <c r="BV11" s="313">
        <v>11</v>
      </c>
      <c r="BW11" s="313">
        <v>77</v>
      </c>
      <c r="BX11" s="313">
        <v>0</v>
      </c>
      <c r="BY11" s="310">
        <v>154</v>
      </c>
      <c r="BZ11" s="315">
        <v>154</v>
      </c>
      <c r="CA11" s="309">
        <v>0</v>
      </c>
      <c r="CB11" s="313">
        <v>0</v>
      </c>
      <c r="CC11" s="310">
        <v>0</v>
      </c>
      <c r="CD11" s="312">
        <v>0</v>
      </c>
      <c r="CE11" s="313">
        <v>0</v>
      </c>
      <c r="CF11" s="313">
        <v>0</v>
      </c>
      <c r="CG11" s="313">
        <v>0</v>
      </c>
      <c r="CH11" s="313">
        <v>0</v>
      </c>
      <c r="CI11" s="313">
        <v>0</v>
      </c>
      <c r="CJ11" s="310">
        <v>0</v>
      </c>
      <c r="CK11" s="315">
        <v>0</v>
      </c>
      <c r="CL11" s="309">
        <v>0</v>
      </c>
      <c r="CM11" s="313">
        <v>0</v>
      </c>
      <c r="CN11" s="310">
        <v>0</v>
      </c>
      <c r="CO11" s="312">
        <v>0</v>
      </c>
      <c r="CP11" s="313">
        <v>0</v>
      </c>
      <c r="CQ11" s="313">
        <v>0</v>
      </c>
      <c r="CR11" s="313">
        <v>0</v>
      </c>
      <c r="CS11" s="313">
        <v>0</v>
      </c>
      <c r="CT11" s="313">
        <v>0</v>
      </c>
      <c r="CU11" s="310">
        <v>0</v>
      </c>
      <c r="CV11" s="315">
        <v>0</v>
      </c>
      <c r="CW11" s="309">
        <v>0</v>
      </c>
      <c r="CX11" s="313">
        <v>0</v>
      </c>
      <c r="CY11" s="310">
        <v>0</v>
      </c>
      <c r="CZ11" s="312">
        <v>0</v>
      </c>
      <c r="DA11" s="313">
        <v>0</v>
      </c>
      <c r="DB11" s="313">
        <v>0</v>
      </c>
      <c r="DC11" s="313">
        <v>0</v>
      </c>
      <c r="DD11" s="313">
        <v>0</v>
      </c>
      <c r="DE11" s="313">
        <v>0</v>
      </c>
      <c r="DF11" s="310">
        <v>0</v>
      </c>
      <c r="DG11" s="315">
        <v>0</v>
      </c>
    </row>
    <row r="12" spans="1:111" ht="18.75" customHeight="1" x14ac:dyDescent="0.2">
      <c r="A12" s="294" t="s">
        <v>9</v>
      </c>
      <c r="B12" s="309">
        <v>0</v>
      </c>
      <c r="C12" s="310">
        <v>0</v>
      </c>
      <c r="D12" s="311">
        <v>0</v>
      </c>
      <c r="E12" s="312">
        <v>0</v>
      </c>
      <c r="F12" s="313">
        <v>581</v>
      </c>
      <c r="G12" s="313">
        <v>632</v>
      </c>
      <c r="H12" s="313">
        <v>1249</v>
      </c>
      <c r="I12" s="313">
        <v>2000</v>
      </c>
      <c r="J12" s="313">
        <v>1791</v>
      </c>
      <c r="K12" s="314">
        <v>6253</v>
      </c>
      <c r="L12" s="315">
        <v>6253</v>
      </c>
      <c r="M12" s="309">
        <v>0</v>
      </c>
      <c r="N12" s="313">
        <v>0</v>
      </c>
      <c r="O12" s="310">
        <v>0</v>
      </c>
      <c r="P12" s="312">
        <v>0</v>
      </c>
      <c r="Q12" s="313">
        <v>23</v>
      </c>
      <c r="R12" s="313">
        <v>0</v>
      </c>
      <c r="S12" s="313">
        <v>15</v>
      </c>
      <c r="T12" s="313">
        <v>17</v>
      </c>
      <c r="U12" s="313">
        <v>103</v>
      </c>
      <c r="V12" s="310">
        <v>158</v>
      </c>
      <c r="W12" s="315">
        <v>158</v>
      </c>
      <c r="X12" s="309">
        <v>39</v>
      </c>
      <c r="Y12" s="313">
        <v>62</v>
      </c>
      <c r="Z12" s="310">
        <v>101</v>
      </c>
      <c r="AA12" s="312">
        <v>0</v>
      </c>
      <c r="AB12" s="313">
        <v>383</v>
      </c>
      <c r="AC12" s="313">
        <v>364</v>
      </c>
      <c r="AD12" s="313">
        <v>296</v>
      </c>
      <c r="AE12" s="313">
        <v>246</v>
      </c>
      <c r="AF12" s="313">
        <v>279</v>
      </c>
      <c r="AG12" s="310">
        <v>1568</v>
      </c>
      <c r="AH12" s="315">
        <v>1669</v>
      </c>
      <c r="AI12" s="309">
        <v>10</v>
      </c>
      <c r="AJ12" s="313">
        <v>0</v>
      </c>
      <c r="AK12" s="310">
        <v>10</v>
      </c>
      <c r="AL12" s="312">
        <v>0</v>
      </c>
      <c r="AM12" s="313">
        <v>48</v>
      </c>
      <c r="AN12" s="313">
        <v>92</v>
      </c>
      <c r="AO12" s="313">
        <v>71</v>
      </c>
      <c r="AP12" s="313">
        <v>60</v>
      </c>
      <c r="AQ12" s="313">
        <v>125</v>
      </c>
      <c r="AR12" s="310">
        <v>396</v>
      </c>
      <c r="AS12" s="315">
        <v>406</v>
      </c>
      <c r="AT12" s="309">
        <v>0</v>
      </c>
      <c r="AU12" s="313">
        <v>0</v>
      </c>
      <c r="AV12" s="310">
        <v>0</v>
      </c>
      <c r="AW12" s="312">
        <v>0</v>
      </c>
      <c r="AX12" s="313">
        <v>392</v>
      </c>
      <c r="AY12" s="313">
        <v>361</v>
      </c>
      <c r="AZ12" s="313">
        <v>233</v>
      </c>
      <c r="BA12" s="313">
        <v>137</v>
      </c>
      <c r="BB12" s="313">
        <v>64</v>
      </c>
      <c r="BC12" s="314">
        <v>1187</v>
      </c>
      <c r="BD12" s="315">
        <v>1187</v>
      </c>
      <c r="BE12" s="309">
        <v>0</v>
      </c>
      <c r="BF12" s="313">
        <v>0</v>
      </c>
      <c r="BG12" s="310">
        <v>0</v>
      </c>
      <c r="BH12" s="312">
        <v>0</v>
      </c>
      <c r="BI12" s="313">
        <v>74</v>
      </c>
      <c r="BJ12" s="313">
        <v>104</v>
      </c>
      <c r="BK12" s="313">
        <v>51</v>
      </c>
      <c r="BL12" s="313">
        <v>54</v>
      </c>
      <c r="BM12" s="313">
        <v>7</v>
      </c>
      <c r="BN12" s="310">
        <v>290</v>
      </c>
      <c r="BO12" s="315">
        <v>290</v>
      </c>
      <c r="BP12" s="309">
        <v>0</v>
      </c>
      <c r="BQ12" s="313">
        <v>0</v>
      </c>
      <c r="BR12" s="310">
        <v>0</v>
      </c>
      <c r="BS12" s="312">
        <v>0</v>
      </c>
      <c r="BT12" s="313">
        <v>21</v>
      </c>
      <c r="BU12" s="313">
        <v>107</v>
      </c>
      <c r="BV12" s="313">
        <v>68</v>
      </c>
      <c r="BW12" s="313">
        <v>122</v>
      </c>
      <c r="BX12" s="313">
        <v>64</v>
      </c>
      <c r="BY12" s="310">
        <v>382</v>
      </c>
      <c r="BZ12" s="315">
        <v>382</v>
      </c>
      <c r="CA12" s="309">
        <v>0</v>
      </c>
      <c r="CB12" s="313">
        <v>0</v>
      </c>
      <c r="CC12" s="310">
        <v>0</v>
      </c>
      <c r="CD12" s="312">
        <v>0</v>
      </c>
      <c r="CE12" s="313">
        <v>11</v>
      </c>
      <c r="CF12" s="313">
        <v>4</v>
      </c>
      <c r="CG12" s="313">
        <v>20</v>
      </c>
      <c r="CH12" s="313">
        <v>5</v>
      </c>
      <c r="CI12" s="313">
        <v>13</v>
      </c>
      <c r="CJ12" s="310">
        <v>53</v>
      </c>
      <c r="CK12" s="315">
        <v>53</v>
      </c>
      <c r="CL12" s="309">
        <v>0</v>
      </c>
      <c r="CM12" s="313">
        <v>0</v>
      </c>
      <c r="CN12" s="310">
        <v>0</v>
      </c>
      <c r="CO12" s="312">
        <v>0</v>
      </c>
      <c r="CP12" s="313">
        <v>0</v>
      </c>
      <c r="CQ12" s="313">
        <v>0</v>
      </c>
      <c r="CR12" s="313">
        <v>0</v>
      </c>
      <c r="CS12" s="313">
        <v>0</v>
      </c>
      <c r="CT12" s="313">
        <v>0</v>
      </c>
      <c r="CU12" s="310">
        <v>0</v>
      </c>
      <c r="CV12" s="315">
        <v>0</v>
      </c>
      <c r="CW12" s="309">
        <v>0</v>
      </c>
      <c r="CX12" s="313">
        <v>0</v>
      </c>
      <c r="CY12" s="310">
        <v>0</v>
      </c>
      <c r="CZ12" s="312">
        <v>0</v>
      </c>
      <c r="DA12" s="313">
        <v>0</v>
      </c>
      <c r="DB12" s="313">
        <v>0</v>
      </c>
      <c r="DC12" s="313">
        <v>0</v>
      </c>
      <c r="DD12" s="313">
        <v>0</v>
      </c>
      <c r="DE12" s="313">
        <v>0</v>
      </c>
      <c r="DF12" s="310">
        <v>0</v>
      </c>
      <c r="DG12" s="315">
        <v>0</v>
      </c>
    </row>
    <row r="13" spans="1:111" ht="18.75" customHeight="1" x14ac:dyDescent="0.2">
      <c r="A13" s="294" t="s">
        <v>10</v>
      </c>
      <c r="B13" s="309">
        <v>0</v>
      </c>
      <c r="C13" s="310">
        <v>0</v>
      </c>
      <c r="D13" s="311">
        <v>0</v>
      </c>
      <c r="E13" s="312">
        <v>0</v>
      </c>
      <c r="F13" s="313">
        <v>1095</v>
      </c>
      <c r="G13" s="313">
        <v>990</v>
      </c>
      <c r="H13" s="313">
        <v>1136</v>
      </c>
      <c r="I13" s="313">
        <v>2050</v>
      </c>
      <c r="J13" s="313">
        <v>1257</v>
      </c>
      <c r="K13" s="314">
        <v>6528</v>
      </c>
      <c r="L13" s="315">
        <v>6528</v>
      </c>
      <c r="M13" s="309">
        <v>0</v>
      </c>
      <c r="N13" s="313">
        <v>0</v>
      </c>
      <c r="O13" s="310">
        <v>0</v>
      </c>
      <c r="P13" s="312">
        <v>0</v>
      </c>
      <c r="Q13" s="313">
        <v>10</v>
      </c>
      <c r="R13" s="313">
        <v>10</v>
      </c>
      <c r="S13" s="313">
        <v>0</v>
      </c>
      <c r="T13" s="313">
        <v>5</v>
      </c>
      <c r="U13" s="313">
        <v>61</v>
      </c>
      <c r="V13" s="310">
        <v>86</v>
      </c>
      <c r="W13" s="315">
        <v>86</v>
      </c>
      <c r="X13" s="309">
        <v>40</v>
      </c>
      <c r="Y13" s="313">
        <v>202</v>
      </c>
      <c r="Z13" s="310">
        <v>242</v>
      </c>
      <c r="AA13" s="312">
        <v>0</v>
      </c>
      <c r="AB13" s="313">
        <v>517</v>
      </c>
      <c r="AC13" s="313">
        <v>406</v>
      </c>
      <c r="AD13" s="313">
        <v>256</v>
      </c>
      <c r="AE13" s="313">
        <v>236</v>
      </c>
      <c r="AF13" s="313">
        <v>163</v>
      </c>
      <c r="AG13" s="310">
        <v>1578</v>
      </c>
      <c r="AH13" s="315">
        <v>1820</v>
      </c>
      <c r="AI13" s="309">
        <v>6</v>
      </c>
      <c r="AJ13" s="313">
        <v>21</v>
      </c>
      <c r="AK13" s="310">
        <v>27</v>
      </c>
      <c r="AL13" s="312">
        <v>0</v>
      </c>
      <c r="AM13" s="313">
        <v>19</v>
      </c>
      <c r="AN13" s="313">
        <v>43</v>
      </c>
      <c r="AO13" s="313">
        <v>62</v>
      </c>
      <c r="AP13" s="313">
        <v>72</v>
      </c>
      <c r="AQ13" s="313">
        <v>14</v>
      </c>
      <c r="AR13" s="310">
        <v>210</v>
      </c>
      <c r="AS13" s="315">
        <v>237</v>
      </c>
      <c r="AT13" s="309">
        <v>0</v>
      </c>
      <c r="AU13" s="313">
        <v>0</v>
      </c>
      <c r="AV13" s="310">
        <v>0</v>
      </c>
      <c r="AW13" s="312">
        <v>0</v>
      </c>
      <c r="AX13" s="313">
        <v>922</v>
      </c>
      <c r="AY13" s="313">
        <v>641</v>
      </c>
      <c r="AZ13" s="313">
        <v>247</v>
      </c>
      <c r="BA13" s="313">
        <v>103</v>
      </c>
      <c r="BB13" s="313">
        <v>44</v>
      </c>
      <c r="BC13" s="314">
        <v>1957</v>
      </c>
      <c r="BD13" s="315">
        <v>1957</v>
      </c>
      <c r="BE13" s="309">
        <v>0</v>
      </c>
      <c r="BF13" s="313">
        <v>0</v>
      </c>
      <c r="BG13" s="310">
        <v>0</v>
      </c>
      <c r="BH13" s="312">
        <v>0</v>
      </c>
      <c r="BI13" s="313">
        <v>90</v>
      </c>
      <c r="BJ13" s="313">
        <v>56</v>
      </c>
      <c r="BK13" s="313">
        <v>35</v>
      </c>
      <c r="BL13" s="313">
        <v>25</v>
      </c>
      <c r="BM13" s="313">
        <v>4</v>
      </c>
      <c r="BN13" s="310">
        <v>210</v>
      </c>
      <c r="BO13" s="315">
        <v>210</v>
      </c>
      <c r="BP13" s="309">
        <v>25</v>
      </c>
      <c r="BQ13" s="313">
        <v>3</v>
      </c>
      <c r="BR13" s="310">
        <v>28</v>
      </c>
      <c r="BS13" s="312">
        <v>0</v>
      </c>
      <c r="BT13" s="313">
        <v>63</v>
      </c>
      <c r="BU13" s="313">
        <v>56</v>
      </c>
      <c r="BV13" s="313">
        <v>168</v>
      </c>
      <c r="BW13" s="313">
        <v>85</v>
      </c>
      <c r="BX13" s="313">
        <v>22</v>
      </c>
      <c r="BY13" s="310">
        <v>394</v>
      </c>
      <c r="BZ13" s="315">
        <v>422</v>
      </c>
      <c r="CA13" s="309">
        <v>0</v>
      </c>
      <c r="CB13" s="313">
        <v>0</v>
      </c>
      <c r="CC13" s="310">
        <v>0</v>
      </c>
      <c r="CD13" s="312">
        <v>0</v>
      </c>
      <c r="CE13" s="313">
        <v>7</v>
      </c>
      <c r="CF13" s="313">
        <v>59</v>
      </c>
      <c r="CG13" s="313">
        <v>7</v>
      </c>
      <c r="CH13" s="313">
        <v>16</v>
      </c>
      <c r="CI13" s="313">
        <v>0</v>
      </c>
      <c r="CJ13" s="310">
        <v>89</v>
      </c>
      <c r="CK13" s="315">
        <v>89</v>
      </c>
      <c r="CL13" s="309">
        <v>0</v>
      </c>
      <c r="CM13" s="313">
        <v>0</v>
      </c>
      <c r="CN13" s="310">
        <v>0</v>
      </c>
      <c r="CO13" s="312">
        <v>0</v>
      </c>
      <c r="CP13" s="313">
        <v>0</v>
      </c>
      <c r="CQ13" s="313">
        <v>0</v>
      </c>
      <c r="CR13" s="313">
        <v>0</v>
      </c>
      <c r="CS13" s="313">
        <v>0</v>
      </c>
      <c r="CT13" s="313">
        <v>0</v>
      </c>
      <c r="CU13" s="310">
        <v>0</v>
      </c>
      <c r="CV13" s="315">
        <v>0</v>
      </c>
      <c r="CW13" s="309">
        <v>0</v>
      </c>
      <c r="CX13" s="313">
        <v>0</v>
      </c>
      <c r="CY13" s="310">
        <v>0</v>
      </c>
      <c r="CZ13" s="312">
        <v>0</v>
      </c>
      <c r="DA13" s="313">
        <v>0</v>
      </c>
      <c r="DB13" s="313">
        <v>0</v>
      </c>
      <c r="DC13" s="313">
        <v>0</v>
      </c>
      <c r="DD13" s="313">
        <v>0</v>
      </c>
      <c r="DE13" s="313">
        <v>0</v>
      </c>
      <c r="DF13" s="310">
        <v>0</v>
      </c>
      <c r="DG13" s="315">
        <v>0</v>
      </c>
    </row>
    <row r="14" spans="1:111" ht="18.75" customHeight="1" x14ac:dyDescent="0.2">
      <c r="A14" s="294" t="s">
        <v>11</v>
      </c>
      <c r="B14" s="309">
        <v>0</v>
      </c>
      <c r="C14" s="310">
        <v>0</v>
      </c>
      <c r="D14" s="311">
        <v>0</v>
      </c>
      <c r="E14" s="312">
        <v>0</v>
      </c>
      <c r="F14" s="313">
        <v>213</v>
      </c>
      <c r="G14" s="313">
        <v>147</v>
      </c>
      <c r="H14" s="313">
        <v>247</v>
      </c>
      <c r="I14" s="313">
        <v>292</v>
      </c>
      <c r="J14" s="313">
        <v>436</v>
      </c>
      <c r="K14" s="314">
        <v>1335</v>
      </c>
      <c r="L14" s="315">
        <v>1335</v>
      </c>
      <c r="M14" s="309">
        <v>0</v>
      </c>
      <c r="N14" s="313">
        <v>0</v>
      </c>
      <c r="O14" s="310">
        <v>0</v>
      </c>
      <c r="P14" s="312">
        <v>0</v>
      </c>
      <c r="Q14" s="313">
        <v>0</v>
      </c>
      <c r="R14" s="313">
        <v>5</v>
      </c>
      <c r="S14" s="313">
        <v>13</v>
      </c>
      <c r="T14" s="313">
        <v>19</v>
      </c>
      <c r="U14" s="313">
        <v>18</v>
      </c>
      <c r="V14" s="310">
        <v>55</v>
      </c>
      <c r="W14" s="315">
        <v>55</v>
      </c>
      <c r="X14" s="309">
        <v>27</v>
      </c>
      <c r="Y14" s="313">
        <v>33</v>
      </c>
      <c r="Z14" s="310">
        <v>60</v>
      </c>
      <c r="AA14" s="312">
        <v>0</v>
      </c>
      <c r="AB14" s="313">
        <v>203</v>
      </c>
      <c r="AC14" s="313">
        <v>73</v>
      </c>
      <c r="AD14" s="313">
        <v>98</v>
      </c>
      <c r="AE14" s="313">
        <v>90</v>
      </c>
      <c r="AF14" s="313">
        <v>43</v>
      </c>
      <c r="AG14" s="310">
        <v>507</v>
      </c>
      <c r="AH14" s="315">
        <v>567</v>
      </c>
      <c r="AI14" s="309">
        <v>0</v>
      </c>
      <c r="AJ14" s="313">
        <v>16</v>
      </c>
      <c r="AK14" s="310">
        <v>16</v>
      </c>
      <c r="AL14" s="312">
        <v>0</v>
      </c>
      <c r="AM14" s="313">
        <v>53</v>
      </c>
      <c r="AN14" s="313">
        <v>8</v>
      </c>
      <c r="AO14" s="313">
        <v>33</v>
      </c>
      <c r="AP14" s="313">
        <v>0</v>
      </c>
      <c r="AQ14" s="313">
        <v>4</v>
      </c>
      <c r="AR14" s="310">
        <v>98</v>
      </c>
      <c r="AS14" s="315">
        <v>114</v>
      </c>
      <c r="AT14" s="309">
        <v>0</v>
      </c>
      <c r="AU14" s="313">
        <v>0</v>
      </c>
      <c r="AV14" s="310">
        <v>0</v>
      </c>
      <c r="AW14" s="312">
        <v>0</v>
      </c>
      <c r="AX14" s="313">
        <v>207</v>
      </c>
      <c r="AY14" s="313">
        <v>117</v>
      </c>
      <c r="AZ14" s="313">
        <v>167</v>
      </c>
      <c r="BA14" s="313">
        <v>46</v>
      </c>
      <c r="BB14" s="313">
        <v>38</v>
      </c>
      <c r="BC14" s="314">
        <v>575</v>
      </c>
      <c r="BD14" s="315">
        <v>575</v>
      </c>
      <c r="BE14" s="309">
        <v>0</v>
      </c>
      <c r="BF14" s="313">
        <v>0</v>
      </c>
      <c r="BG14" s="310">
        <v>0</v>
      </c>
      <c r="BH14" s="312">
        <v>0</v>
      </c>
      <c r="BI14" s="313">
        <v>76</v>
      </c>
      <c r="BJ14" s="313">
        <v>41</v>
      </c>
      <c r="BK14" s="313">
        <v>86</v>
      </c>
      <c r="BL14" s="313">
        <v>28</v>
      </c>
      <c r="BM14" s="313">
        <v>30</v>
      </c>
      <c r="BN14" s="310">
        <v>261</v>
      </c>
      <c r="BO14" s="315">
        <v>261</v>
      </c>
      <c r="BP14" s="309">
        <v>0</v>
      </c>
      <c r="BQ14" s="313">
        <v>0</v>
      </c>
      <c r="BR14" s="310">
        <v>0</v>
      </c>
      <c r="BS14" s="312">
        <v>0</v>
      </c>
      <c r="BT14" s="313">
        <v>21</v>
      </c>
      <c r="BU14" s="313">
        <v>23</v>
      </c>
      <c r="BV14" s="313">
        <v>7</v>
      </c>
      <c r="BW14" s="313">
        <v>34</v>
      </c>
      <c r="BX14" s="313">
        <v>124</v>
      </c>
      <c r="BY14" s="310">
        <v>209</v>
      </c>
      <c r="BZ14" s="315">
        <v>209</v>
      </c>
      <c r="CA14" s="309">
        <v>0</v>
      </c>
      <c r="CB14" s="313">
        <v>0</v>
      </c>
      <c r="CC14" s="310">
        <v>0</v>
      </c>
      <c r="CD14" s="312">
        <v>0</v>
      </c>
      <c r="CE14" s="313">
        <v>0</v>
      </c>
      <c r="CF14" s="313">
        <v>0</v>
      </c>
      <c r="CG14" s="313">
        <v>23</v>
      </c>
      <c r="CH14" s="313">
        <v>18</v>
      </c>
      <c r="CI14" s="313">
        <v>0</v>
      </c>
      <c r="CJ14" s="310">
        <v>41</v>
      </c>
      <c r="CK14" s="315">
        <v>41</v>
      </c>
      <c r="CL14" s="309">
        <v>0</v>
      </c>
      <c r="CM14" s="313">
        <v>0</v>
      </c>
      <c r="CN14" s="310">
        <v>0</v>
      </c>
      <c r="CO14" s="312">
        <v>0</v>
      </c>
      <c r="CP14" s="313">
        <v>0</v>
      </c>
      <c r="CQ14" s="313">
        <v>0</v>
      </c>
      <c r="CR14" s="313">
        <v>0</v>
      </c>
      <c r="CS14" s="313">
        <v>0</v>
      </c>
      <c r="CT14" s="313">
        <v>0</v>
      </c>
      <c r="CU14" s="310">
        <v>0</v>
      </c>
      <c r="CV14" s="315">
        <v>0</v>
      </c>
      <c r="CW14" s="309">
        <v>0</v>
      </c>
      <c r="CX14" s="313">
        <v>0</v>
      </c>
      <c r="CY14" s="310">
        <v>0</v>
      </c>
      <c r="CZ14" s="312">
        <v>0</v>
      </c>
      <c r="DA14" s="313">
        <v>0</v>
      </c>
      <c r="DB14" s="313">
        <v>0</v>
      </c>
      <c r="DC14" s="313">
        <v>0</v>
      </c>
      <c r="DD14" s="313">
        <v>0</v>
      </c>
      <c r="DE14" s="313">
        <v>0</v>
      </c>
      <c r="DF14" s="310">
        <v>0</v>
      </c>
      <c r="DG14" s="315">
        <v>0</v>
      </c>
    </row>
    <row r="15" spans="1:111" ht="18.75" customHeight="1" x14ac:dyDescent="0.2">
      <c r="A15" s="294" t="s">
        <v>12</v>
      </c>
      <c r="B15" s="309">
        <v>0</v>
      </c>
      <c r="C15" s="310">
        <v>0</v>
      </c>
      <c r="D15" s="311">
        <v>0</v>
      </c>
      <c r="E15" s="312">
        <v>0</v>
      </c>
      <c r="F15" s="313">
        <v>412</v>
      </c>
      <c r="G15" s="313">
        <v>550</v>
      </c>
      <c r="H15" s="313">
        <v>677</v>
      </c>
      <c r="I15" s="313">
        <v>450</v>
      </c>
      <c r="J15" s="313">
        <v>719</v>
      </c>
      <c r="K15" s="314">
        <v>2808</v>
      </c>
      <c r="L15" s="315">
        <v>2808</v>
      </c>
      <c r="M15" s="309">
        <v>0</v>
      </c>
      <c r="N15" s="313">
        <v>0</v>
      </c>
      <c r="O15" s="310">
        <v>0</v>
      </c>
      <c r="P15" s="312">
        <v>0</v>
      </c>
      <c r="Q15" s="313">
        <v>0</v>
      </c>
      <c r="R15" s="313">
        <v>14</v>
      </c>
      <c r="S15" s="313">
        <v>5</v>
      </c>
      <c r="T15" s="313">
        <v>8</v>
      </c>
      <c r="U15" s="313">
        <v>55</v>
      </c>
      <c r="V15" s="310">
        <v>82</v>
      </c>
      <c r="W15" s="315">
        <v>82</v>
      </c>
      <c r="X15" s="309">
        <v>57</v>
      </c>
      <c r="Y15" s="313">
        <v>71</v>
      </c>
      <c r="Z15" s="310">
        <v>128</v>
      </c>
      <c r="AA15" s="312">
        <v>0</v>
      </c>
      <c r="AB15" s="313">
        <v>127</v>
      </c>
      <c r="AC15" s="313">
        <v>152</v>
      </c>
      <c r="AD15" s="313">
        <v>117</v>
      </c>
      <c r="AE15" s="313">
        <v>91</v>
      </c>
      <c r="AF15" s="313">
        <v>169</v>
      </c>
      <c r="AG15" s="310">
        <v>656</v>
      </c>
      <c r="AH15" s="315">
        <v>784</v>
      </c>
      <c r="AI15" s="309">
        <v>0</v>
      </c>
      <c r="AJ15" s="313">
        <v>0</v>
      </c>
      <c r="AK15" s="310">
        <v>0</v>
      </c>
      <c r="AL15" s="312">
        <v>0</v>
      </c>
      <c r="AM15" s="313">
        <v>0</v>
      </c>
      <c r="AN15" s="313">
        <v>50</v>
      </c>
      <c r="AO15" s="313">
        <v>24</v>
      </c>
      <c r="AP15" s="313">
        <v>0</v>
      </c>
      <c r="AQ15" s="313">
        <v>18</v>
      </c>
      <c r="AR15" s="310">
        <v>92</v>
      </c>
      <c r="AS15" s="315">
        <v>92</v>
      </c>
      <c r="AT15" s="309">
        <v>0</v>
      </c>
      <c r="AU15" s="313">
        <v>0</v>
      </c>
      <c r="AV15" s="310">
        <v>0</v>
      </c>
      <c r="AW15" s="312">
        <v>0</v>
      </c>
      <c r="AX15" s="313">
        <v>384</v>
      </c>
      <c r="AY15" s="313">
        <v>144</v>
      </c>
      <c r="AZ15" s="313">
        <v>151</v>
      </c>
      <c r="BA15" s="313">
        <v>163</v>
      </c>
      <c r="BB15" s="313">
        <v>56</v>
      </c>
      <c r="BC15" s="314">
        <v>898</v>
      </c>
      <c r="BD15" s="315">
        <v>898</v>
      </c>
      <c r="BE15" s="309">
        <v>0</v>
      </c>
      <c r="BF15" s="313">
        <v>0</v>
      </c>
      <c r="BG15" s="310">
        <v>0</v>
      </c>
      <c r="BH15" s="312">
        <v>0</v>
      </c>
      <c r="BI15" s="313">
        <v>85</v>
      </c>
      <c r="BJ15" s="313">
        <v>87</v>
      </c>
      <c r="BK15" s="313">
        <v>112</v>
      </c>
      <c r="BL15" s="313">
        <v>31</v>
      </c>
      <c r="BM15" s="313">
        <v>18</v>
      </c>
      <c r="BN15" s="310">
        <v>333</v>
      </c>
      <c r="BO15" s="315">
        <v>333</v>
      </c>
      <c r="BP15" s="309">
        <v>0</v>
      </c>
      <c r="BQ15" s="313">
        <v>9</v>
      </c>
      <c r="BR15" s="310">
        <v>9</v>
      </c>
      <c r="BS15" s="312">
        <v>0</v>
      </c>
      <c r="BT15" s="313">
        <v>76</v>
      </c>
      <c r="BU15" s="313">
        <v>23</v>
      </c>
      <c r="BV15" s="313">
        <v>84</v>
      </c>
      <c r="BW15" s="313">
        <v>59</v>
      </c>
      <c r="BX15" s="313">
        <v>29</v>
      </c>
      <c r="BY15" s="310">
        <v>271</v>
      </c>
      <c r="BZ15" s="315">
        <v>280</v>
      </c>
      <c r="CA15" s="309">
        <v>0</v>
      </c>
      <c r="CB15" s="313">
        <v>0</v>
      </c>
      <c r="CC15" s="310">
        <v>0</v>
      </c>
      <c r="CD15" s="312">
        <v>0</v>
      </c>
      <c r="CE15" s="313">
        <v>0</v>
      </c>
      <c r="CF15" s="313">
        <v>0</v>
      </c>
      <c r="CG15" s="313">
        <v>0</v>
      </c>
      <c r="CH15" s="313">
        <v>0</v>
      </c>
      <c r="CI15" s="313">
        <v>14</v>
      </c>
      <c r="CJ15" s="310">
        <v>14</v>
      </c>
      <c r="CK15" s="315">
        <v>14</v>
      </c>
      <c r="CL15" s="309">
        <v>0</v>
      </c>
      <c r="CM15" s="313">
        <v>0</v>
      </c>
      <c r="CN15" s="310">
        <v>0</v>
      </c>
      <c r="CO15" s="312">
        <v>0</v>
      </c>
      <c r="CP15" s="313">
        <v>0</v>
      </c>
      <c r="CQ15" s="313">
        <v>0</v>
      </c>
      <c r="CR15" s="313">
        <v>0</v>
      </c>
      <c r="CS15" s="313">
        <v>0</v>
      </c>
      <c r="CT15" s="313">
        <v>0</v>
      </c>
      <c r="CU15" s="310">
        <v>0</v>
      </c>
      <c r="CV15" s="315">
        <v>0</v>
      </c>
      <c r="CW15" s="309">
        <v>0</v>
      </c>
      <c r="CX15" s="313">
        <v>0</v>
      </c>
      <c r="CY15" s="310">
        <v>0</v>
      </c>
      <c r="CZ15" s="312">
        <v>0</v>
      </c>
      <c r="DA15" s="313">
        <v>0</v>
      </c>
      <c r="DB15" s="313">
        <v>0</v>
      </c>
      <c r="DC15" s="313">
        <v>0</v>
      </c>
      <c r="DD15" s="313">
        <v>0</v>
      </c>
      <c r="DE15" s="313">
        <v>0</v>
      </c>
      <c r="DF15" s="310">
        <v>0</v>
      </c>
      <c r="DG15" s="315">
        <v>0</v>
      </c>
    </row>
    <row r="16" spans="1:111" ht="18.75" customHeight="1" x14ac:dyDescent="0.2">
      <c r="A16" s="294" t="s">
        <v>13</v>
      </c>
      <c r="B16" s="309">
        <v>0</v>
      </c>
      <c r="C16" s="310">
        <v>0</v>
      </c>
      <c r="D16" s="311">
        <v>0</v>
      </c>
      <c r="E16" s="312">
        <v>0</v>
      </c>
      <c r="F16" s="313">
        <v>105</v>
      </c>
      <c r="G16" s="313">
        <v>282</v>
      </c>
      <c r="H16" s="313">
        <v>490</v>
      </c>
      <c r="I16" s="313">
        <v>574</v>
      </c>
      <c r="J16" s="313">
        <v>510</v>
      </c>
      <c r="K16" s="314">
        <v>1961</v>
      </c>
      <c r="L16" s="315">
        <v>1961</v>
      </c>
      <c r="M16" s="309">
        <v>0</v>
      </c>
      <c r="N16" s="313">
        <v>0</v>
      </c>
      <c r="O16" s="310">
        <v>0</v>
      </c>
      <c r="P16" s="312">
        <v>0</v>
      </c>
      <c r="Q16" s="313">
        <v>0</v>
      </c>
      <c r="R16" s="313">
        <v>1</v>
      </c>
      <c r="S16" s="313">
        <v>9</v>
      </c>
      <c r="T16" s="313">
        <v>9</v>
      </c>
      <c r="U16" s="313">
        <v>0</v>
      </c>
      <c r="V16" s="310">
        <v>19</v>
      </c>
      <c r="W16" s="315">
        <v>19</v>
      </c>
      <c r="X16" s="309">
        <v>17</v>
      </c>
      <c r="Y16" s="313">
        <v>15</v>
      </c>
      <c r="Z16" s="310">
        <v>32</v>
      </c>
      <c r="AA16" s="312">
        <v>0</v>
      </c>
      <c r="AB16" s="313">
        <v>44</v>
      </c>
      <c r="AC16" s="313">
        <v>101</v>
      </c>
      <c r="AD16" s="313">
        <v>100</v>
      </c>
      <c r="AE16" s="313">
        <v>144</v>
      </c>
      <c r="AF16" s="313">
        <v>87</v>
      </c>
      <c r="AG16" s="310">
        <v>476</v>
      </c>
      <c r="AH16" s="315">
        <v>508</v>
      </c>
      <c r="AI16" s="309">
        <v>0</v>
      </c>
      <c r="AJ16" s="313">
        <v>0</v>
      </c>
      <c r="AK16" s="310">
        <v>0</v>
      </c>
      <c r="AL16" s="312">
        <v>0</v>
      </c>
      <c r="AM16" s="313">
        <v>27</v>
      </c>
      <c r="AN16" s="313">
        <v>60</v>
      </c>
      <c r="AO16" s="313">
        <v>35</v>
      </c>
      <c r="AP16" s="313">
        <v>8</v>
      </c>
      <c r="AQ16" s="313">
        <v>33</v>
      </c>
      <c r="AR16" s="310">
        <v>163</v>
      </c>
      <c r="AS16" s="315">
        <v>163</v>
      </c>
      <c r="AT16" s="309">
        <v>0</v>
      </c>
      <c r="AU16" s="313">
        <v>0</v>
      </c>
      <c r="AV16" s="310">
        <v>0</v>
      </c>
      <c r="AW16" s="312">
        <v>0</v>
      </c>
      <c r="AX16" s="313">
        <v>82</v>
      </c>
      <c r="AY16" s="313">
        <v>171</v>
      </c>
      <c r="AZ16" s="313">
        <v>118</v>
      </c>
      <c r="BA16" s="313">
        <v>81</v>
      </c>
      <c r="BB16" s="313">
        <v>0</v>
      </c>
      <c r="BC16" s="314">
        <v>452</v>
      </c>
      <c r="BD16" s="315">
        <v>452</v>
      </c>
      <c r="BE16" s="309">
        <v>0</v>
      </c>
      <c r="BF16" s="313">
        <v>0</v>
      </c>
      <c r="BG16" s="310">
        <v>0</v>
      </c>
      <c r="BH16" s="312">
        <v>0</v>
      </c>
      <c r="BI16" s="313">
        <v>12</v>
      </c>
      <c r="BJ16" s="313">
        <v>24</v>
      </c>
      <c r="BK16" s="313">
        <v>36</v>
      </c>
      <c r="BL16" s="313">
        <v>26</v>
      </c>
      <c r="BM16" s="313">
        <v>0</v>
      </c>
      <c r="BN16" s="310">
        <v>98</v>
      </c>
      <c r="BO16" s="315">
        <v>98</v>
      </c>
      <c r="BP16" s="309">
        <v>0</v>
      </c>
      <c r="BQ16" s="313">
        <v>0</v>
      </c>
      <c r="BR16" s="310">
        <v>0</v>
      </c>
      <c r="BS16" s="312">
        <v>0</v>
      </c>
      <c r="BT16" s="313">
        <v>3</v>
      </c>
      <c r="BU16" s="313">
        <v>10</v>
      </c>
      <c r="BV16" s="313">
        <v>30</v>
      </c>
      <c r="BW16" s="313">
        <v>4</v>
      </c>
      <c r="BX16" s="313">
        <v>30</v>
      </c>
      <c r="BY16" s="310">
        <v>77</v>
      </c>
      <c r="BZ16" s="315">
        <v>77</v>
      </c>
      <c r="CA16" s="309">
        <v>0</v>
      </c>
      <c r="CB16" s="313">
        <v>0</v>
      </c>
      <c r="CC16" s="310">
        <v>0</v>
      </c>
      <c r="CD16" s="312">
        <v>0</v>
      </c>
      <c r="CE16" s="313">
        <v>0</v>
      </c>
      <c r="CF16" s="313">
        <v>7</v>
      </c>
      <c r="CG16" s="313">
        <v>0</v>
      </c>
      <c r="CH16" s="313">
        <v>7</v>
      </c>
      <c r="CI16" s="313">
        <v>0</v>
      </c>
      <c r="CJ16" s="310">
        <v>14</v>
      </c>
      <c r="CK16" s="315">
        <v>14</v>
      </c>
      <c r="CL16" s="309">
        <v>0</v>
      </c>
      <c r="CM16" s="313">
        <v>0</v>
      </c>
      <c r="CN16" s="310">
        <v>0</v>
      </c>
      <c r="CO16" s="312">
        <v>0</v>
      </c>
      <c r="CP16" s="313">
        <v>0</v>
      </c>
      <c r="CQ16" s="313">
        <v>0</v>
      </c>
      <c r="CR16" s="313">
        <v>0</v>
      </c>
      <c r="CS16" s="313">
        <v>0</v>
      </c>
      <c r="CT16" s="313">
        <v>0</v>
      </c>
      <c r="CU16" s="310">
        <v>0</v>
      </c>
      <c r="CV16" s="315">
        <v>0</v>
      </c>
      <c r="CW16" s="309">
        <v>0</v>
      </c>
      <c r="CX16" s="313">
        <v>0</v>
      </c>
      <c r="CY16" s="310">
        <v>0</v>
      </c>
      <c r="CZ16" s="312">
        <v>0</v>
      </c>
      <c r="DA16" s="313">
        <v>0</v>
      </c>
      <c r="DB16" s="313">
        <v>0</v>
      </c>
      <c r="DC16" s="313">
        <v>0</v>
      </c>
      <c r="DD16" s="313">
        <v>0</v>
      </c>
      <c r="DE16" s="313">
        <v>0</v>
      </c>
      <c r="DF16" s="310">
        <v>0</v>
      </c>
      <c r="DG16" s="315">
        <v>0</v>
      </c>
    </row>
    <row r="17" spans="1:111" ht="18.75" customHeight="1" x14ac:dyDescent="0.2">
      <c r="A17" s="294" t="s">
        <v>15</v>
      </c>
      <c r="B17" s="309">
        <v>0</v>
      </c>
      <c r="C17" s="310">
        <v>0</v>
      </c>
      <c r="D17" s="311">
        <v>0</v>
      </c>
      <c r="E17" s="312">
        <v>0</v>
      </c>
      <c r="F17" s="313">
        <v>38</v>
      </c>
      <c r="G17" s="313">
        <v>13</v>
      </c>
      <c r="H17" s="313">
        <v>0</v>
      </c>
      <c r="I17" s="313">
        <v>41</v>
      </c>
      <c r="J17" s="313">
        <v>233</v>
      </c>
      <c r="K17" s="314">
        <v>325</v>
      </c>
      <c r="L17" s="315">
        <v>325</v>
      </c>
      <c r="M17" s="309">
        <v>0</v>
      </c>
      <c r="N17" s="313">
        <v>0</v>
      </c>
      <c r="O17" s="310">
        <v>0</v>
      </c>
      <c r="P17" s="312">
        <v>0</v>
      </c>
      <c r="Q17" s="313">
        <v>0</v>
      </c>
      <c r="R17" s="313">
        <v>0</v>
      </c>
      <c r="S17" s="313">
        <v>0</v>
      </c>
      <c r="T17" s="313">
        <v>1</v>
      </c>
      <c r="U17" s="313">
        <v>24</v>
      </c>
      <c r="V17" s="310">
        <v>25</v>
      </c>
      <c r="W17" s="315">
        <v>25</v>
      </c>
      <c r="X17" s="309">
        <v>0</v>
      </c>
      <c r="Y17" s="313">
        <v>0</v>
      </c>
      <c r="Z17" s="310">
        <v>0</v>
      </c>
      <c r="AA17" s="312">
        <v>0</v>
      </c>
      <c r="AB17" s="313">
        <v>0</v>
      </c>
      <c r="AC17" s="313">
        <v>10</v>
      </c>
      <c r="AD17" s="313">
        <v>14</v>
      </c>
      <c r="AE17" s="313">
        <v>30</v>
      </c>
      <c r="AF17" s="313">
        <v>39</v>
      </c>
      <c r="AG17" s="310">
        <v>93</v>
      </c>
      <c r="AH17" s="315">
        <v>93</v>
      </c>
      <c r="AI17" s="309">
        <v>0</v>
      </c>
      <c r="AJ17" s="313">
        <v>0</v>
      </c>
      <c r="AK17" s="310">
        <v>0</v>
      </c>
      <c r="AL17" s="312">
        <v>0</v>
      </c>
      <c r="AM17" s="313">
        <v>10</v>
      </c>
      <c r="AN17" s="313">
        <v>0</v>
      </c>
      <c r="AO17" s="313">
        <v>0</v>
      </c>
      <c r="AP17" s="313">
        <v>27</v>
      </c>
      <c r="AQ17" s="313">
        <v>12</v>
      </c>
      <c r="AR17" s="310">
        <v>49</v>
      </c>
      <c r="AS17" s="315">
        <v>49</v>
      </c>
      <c r="AT17" s="309">
        <v>0</v>
      </c>
      <c r="AU17" s="313">
        <v>0</v>
      </c>
      <c r="AV17" s="310">
        <v>0</v>
      </c>
      <c r="AW17" s="312">
        <v>0</v>
      </c>
      <c r="AX17" s="313">
        <v>20</v>
      </c>
      <c r="AY17" s="313">
        <v>8</v>
      </c>
      <c r="AZ17" s="313">
        <v>32</v>
      </c>
      <c r="BA17" s="313">
        <v>18</v>
      </c>
      <c r="BB17" s="313">
        <v>0</v>
      </c>
      <c r="BC17" s="314">
        <v>78</v>
      </c>
      <c r="BD17" s="315">
        <v>78</v>
      </c>
      <c r="BE17" s="309">
        <v>0</v>
      </c>
      <c r="BF17" s="313">
        <v>0</v>
      </c>
      <c r="BG17" s="310">
        <v>0</v>
      </c>
      <c r="BH17" s="312">
        <v>0</v>
      </c>
      <c r="BI17" s="313">
        <v>13</v>
      </c>
      <c r="BJ17" s="313">
        <v>9</v>
      </c>
      <c r="BK17" s="313">
        <v>10</v>
      </c>
      <c r="BL17" s="313">
        <v>0</v>
      </c>
      <c r="BM17" s="313">
        <v>9</v>
      </c>
      <c r="BN17" s="310">
        <v>41</v>
      </c>
      <c r="BO17" s="315">
        <v>41</v>
      </c>
      <c r="BP17" s="309">
        <v>0</v>
      </c>
      <c r="BQ17" s="313">
        <v>0</v>
      </c>
      <c r="BR17" s="310">
        <v>0</v>
      </c>
      <c r="BS17" s="312">
        <v>0</v>
      </c>
      <c r="BT17" s="313">
        <v>0</v>
      </c>
      <c r="BU17" s="313">
        <v>7</v>
      </c>
      <c r="BV17" s="313">
        <v>2</v>
      </c>
      <c r="BW17" s="313">
        <v>41</v>
      </c>
      <c r="BX17" s="313">
        <v>19</v>
      </c>
      <c r="BY17" s="310">
        <v>69</v>
      </c>
      <c r="BZ17" s="315">
        <v>69</v>
      </c>
      <c r="CA17" s="309">
        <v>0</v>
      </c>
      <c r="CB17" s="313">
        <v>0</v>
      </c>
      <c r="CC17" s="310">
        <v>0</v>
      </c>
      <c r="CD17" s="312">
        <v>0</v>
      </c>
      <c r="CE17" s="313">
        <v>0</v>
      </c>
      <c r="CF17" s="313">
        <v>0</v>
      </c>
      <c r="CG17" s="313">
        <v>0</v>
      </c>
      <c r="CH17" s="313">
        <v>0</v>
      </c>
      <c r="CI17" s="313">
        <v>0</v>
      </c>
      <c r="CJ17" s="310">
        <v>0</v>
      </c>
      <c r="CK17" s="315">
        <v>0</v>
      </c>
      <c r="CL17" s="309">
        <v>0</v>
      </c>
      <c r="CM17" s="313">
        <v>0</v>
      </c>
      <c r="CN17" s="310">
        <v>0</v>
      </c>
      <c r="CO17" s="312">
        <v>0</v>
      </c>
      <c r="CP17" s="313">
        <v>0</v>
      </c>
      <c r="CQ17" s="313">
        <v>0</v>
      </c>
      <c r="CR17" s="313">
        <v>0</v>
      </c>
      <c r="CS17" s="313">
        <v>0</v>
      </c>
      <c r="CT17" s="313">
        <v>0</v>
      </c>
      <c r="CU17" s="310">
        <v>0</v>
      </c>
      <c r="CV17" s="315">
        <v>0</v>
      </c>
      <c r="CW17" s="309">
        <v>0</v>
      </c>
      <c r="CX17" s="313">
        <v>0</v>
      </c>
      <c r="CY17" s="310">
        <v>0</v>
      </c>
      <c r="CZ17" s="312">
        <v>0</v>
      </c>
      <c r="DA17" s="313">
        <v>0</v>
      </c>
      <c r="DB17" s="313">
        <v>0</v>
      </c>
      <c r="DC17" s="313">
        <v>0</v>
      </c>
      <c r="DD17" s="313">
        <v>0</v>
      </c>
      <c r="DE17" s="313">
        <v>0</v>
      </c>
      <c r="DF17" s="310">
        <v>0</v>
      </c>
      <c r="DG17" s="315">
        <v>0</v>
      </c>
    </row>
    <row r="18" spans="1:111" ht="18.75" customHeight="1" x14ac:dyDescent="0.2">
      <c r="A18" s="294" t="s">
        <v>16</v>
      </c>
      <c r="B18" s="309">
        <v>0</v>
      </c>
      <c r="C18" s="310">
        <v>0</v>
      </c>
      <c r="D18" s="311">
        <v>0</v>
      </c>
      <c r="E18" s="312">
        <v>0</v>
      </c>
      <c r="F18" s="313">
        <v>77</v>
      </c>
      <c r="G18" s="313">
        <v>160</v>
      </c>
      <c r="H18" s="313">
        <v>242</v>
      </c>
      <c r="I18" s="313">
        <v>163</v>
      </c>
      <c r="J18" s="313">
        <v>128</v>
      </c>
      <c r="K18" s="314">
        <v>770</v>
      </c>
      <c r="L18" s="315">
        <v>770</v>
      </c>
      <c r="M18" s="309">
        <v>0</v>
      </c>
      <c r="N18" s="313">
        <v>0</v>
      </c>
      <c r="O18" s="310">
        <v>0</v>
      </c>
      <c r="P18" s="312">
        <v>0</v>
      </c>
      <c r="Q18" s="313">
        <v>0</v>
      </c>
      <c r="R18" s="313">
        <v>4</v>
      </c>
      <c r="S18" s="313">
        <v>2</v>
      </c>
      <c r="T18" s="313">
        <v>3</v>
      </c>
      <c r="U18" s="313">
        <v>2</v>
      </c>
      <c r="V18" s="310">
        <v>11</v>
      </c>
      <c r="W18" s="315">
        <v>11</v>
      </c>
      <c r="X18" s="309">
        <v>3</v>
      </c>
      <c r="Y18" s="313">
        <v>1</v>
      </c>
      <c r="Z18" s="310">
        <v>4</v>
      </c>
      <c r="AA18" s="312">
        <v>0</v>
      </c>
      <c r="AB18" s="313">
        <v>42</v>
      </c>
      <c r="AC18" s="313">
        <v>162</v>
      </c>
      <c r="AD18" s="313">
        <v>119</v>
      </c>
      <c r="AE18" s="313">
        <v>26</v>
      </c>
      <c r="AF18" s="313">
        <v>21</v>
      </c>
      <c r="AG18" s="310">
        <v>370</v>
      </c>
      <c r="AH18" s="315">
        <v>374</v>
      </c>
      <c r="AI18" s="309">
        <v>0</v>
      </c>
      <c r="AJ18" s="313">
        <v>0</v>
      </c>
      <c r="AK18" s="310">
        <v>0</v>
      </c>
      <c r="AL18" s="312">
        <v>0</v>
      </c>
      <c r="AM18" s="313">
        <v>0</v>
      </c>
      <c r="AN18" s="313">
        <v>0</v>
      </c>
      <c r="AO18" s="313">
        <v>18</v>
      </c>
      <c r="AP18" s="313">
        <v>0</v>
      </c>
      <c r="AQ18" s="313">
        <v>0</v>
      </c>
      <c r="AR18" s="310">
        <v>18</v>
      </c>
      <c r="AS18" s="315">
        <v>18</v>
      </c>
      <c r="AT18" s="309">
        <v>0</v>
      </c>
      <c r="AU18" s="313">
        <v>0</v>
      </c>
      <c r="AV18" s="310">
        <v>0</v>
      </c>
      <c r="AW18" s="312">
        <v>0</v>
      </c>
      <c r="AX18" s="313">
        <v>194</v>
      </c>
      <c r="AY18" s="313">
        <v>154</v>
      </c>
      <c r="AZ18" s="313">
        <v>99</v>
      </c>
      <c r="BA18" s="313">
        <v>34</v>
      </c>
      <c r="BB18" s="313">
        <v>4</v>
      </c>
      <c r="BC18" s="314">
        <v>485</v>
      </c>
      <c r="BD18" s="315">
        <v>485</v>
      </c>
      <c r="BE18" s="309">
        <v>0</v>
      </c>
      <c r="BF18" s="313">
        <v>0</v>
      </c>
      <c r="BG18" s="310">
        <v>0</v>
      </c>
      <c r="BH18" s="312">
        <v>0</v>
      </c>
      <c r="BI18" s="313">
        <v>58</v>
      </c>
      <c r="BJ18" s="313">
        <v>132</v>
      </c>
      <c r="BK18" s="313">
        <v>52</v>
      </c>
      <c r="BL18" s="313">
        <v>6</v>
      </c>
      <c r="BM18" s="313">
        <v>6</v>
      </c>
      <c r="BN18" s="310">
        <v>254</v>
      </c>
      <c r="BO18" s="315">
        <v>254</v>
      </c>
      <c r="BP18" s="309">
        <v>0</v>
      </c>
      <c r="BQ18" s="313">
        <v>0</v>
      </c>
      <c r="BR18" s="310">
        <v>0</v>
      </c>
      <c r="BS18" s="312">
        <v>0</v>
      </c>
      <c r="BT18" s="313">
        <v>6</v>
      </c>
      <c r="BU18" s="313">
        <v>14</v>
      </c>
      <c r="BV18" s="313">
        <v>37</v>
      </c>
      <c r="BW18" s="313">
        <v>2</v>
      </c>
      <c r="BX18" s="313">
        <v>13</v>
      </c>
      <c r="BY18" s="310">
        <v>72</v>
      </c>
      <c r="BZ18" s="315">
        <v>72</v>
      </c>
      <c r="CA18" s="309">
        <v>0</v>
      </c>
      <c r="CB18" s="313">
        <v>0</v>
      </c>
      <c r="CC18" s="310">
        <v>0</v>
      </c>
      <c r="CD18" s="312">
        <v>0</v>
      </c>
      <c r="CE18" s="313">
        <v>0</v>
      </c>
      <c r="CF18" s="313">
        <v>0</v>
      </c>
      <c r="CG18" s="313">
        <v>0</v>
      </c>
      <c r="CH18" s="313">
        <v>4</v>
      </c>
      <c r="CI18" s="313">
        <v>0</v>
      </c>
      <c r="CJ18" s="310">
        <v>4</v>
      </c>
      <c r="CK18" s="315">
        <v>4</v>
      </c>
      <c r="CL18" s="309">
        <v>0</v>
      </c>
      <c r="CM18" s="313">
        <v>0</v>
      </c>
      <c r="CN18" s="310">
        <v>0</v>
      </c>
      <c r="CO18" s="312">
        <v>0</v>
      </c>
      <c r="CP18" s="313">
        <v>0</v>
      </c>
      <c r="CQ18" s="313">
        <v>0</v>
      </c>
      <c r="CR18" s="313">
        <v>0</v>
      </c>
      <c r="CS18" s="313">
        <v>0</v>
      </c>
      <c r="CT18" s="313">
        <v>0</v>
      </c>
      <c r="CU18" s="310">
        <v>0</v>
      </c>
      <c r="CV18" s="315">
        <v>0</v>
      </c>
      <c r="CW18" s="309">
        <v>0</v>
      </c>
      <c r="CX18" s="313">
        <v>0</v>
      </c>
      <c r="CY18" s="310">
        <v>0</v>
      </c>
      <c r="CZ18" s="312">
        <v>0</v>
      </c>
      <c r="DA18" s="313">
        <v>0</v>
      </c>
      <c r="DB18" s="313">
        <v>0</v>
      </c>
      <c r="DC18" s="313">
        <v>0</v>
      </c>
      <c r="DD18" s="313">
        <v>0</v>
      </c>
      <c r="DE18" s="313">
        <v>0</v>
      </c>
      <c r="DF18" s="310">
        <v>0</v>
      </c>
      <c r="DG18" s="315">
        <v>0</v>
      </c>
    </row>
    <row r="19" spans="1:111" ht="18.75" customHeight="1" x14ac:dyDescent="0.2">
      <c r="A19" s="294" t="s">
        <v>17</v>
      </c>
      <c r="B19" s="309">
        <v>0</v>
      </c>
      <c r="C19" s="310">
        <v>0</v>
      </c>
      <c r="D19" s="311">
        <v>0</v>
      </c>
      <c r="E19" s="312">
        <v>0</v>
      </c>
      <c r="F19" s="313">
        <v>71</v>
      </c>
      <c r="G19" s="313">
        <v>368</v>
      </c>
      <c r="H19" s="313">
        <v>238</v>
      </c>
      <c r="I19" s="313">
        <v>328</v>
      </c>
      <c r="J19" s="313">
        <v>337</v>
      </c>
      <c r="K19" s="314">
        <v>1342</v>
      </c>
      <c r="L19" s="315">
        <v>1342</v>
      </c>
      <c r="M19" s="309">
        <v>0</v>
      </c>
      <c r="N19" s="313">
        <v>0</v>
      </c>
      <c r="O19" s="310">
        <v>0</v>
      </c>
      <c r="P19" s="312">
        <v>0</v>
      </c>
      <c r="Q19" s="313">
        <v>0</v>
      </c>
      <c r="R19" s="313">
        <v>14</v>
      </c>
      <c r="S19" s="313">
        <v>1</v>
      </c>
      <c r="T19" s="313">
        <v>7</v>
      </c>
      <c r="U19" s="313">
        <v>24</v>
      </c>
      <c r="V19" s="310">
        <v>46</v>
      </c>
      <c r="W19" s="315">
        <v>46</v>
      </c>
      <c r="X19" s="309">
        <v>41</v>
      </c>
      <c r="Y19" s="313">
        <v>76</v>
      </c>
      <c r="Z19" s="310">
        <v>117</v>
      </c>
      <c r="AA19" s="312">
        <v>0</v>
      </c>
      <c r="AB19" s="313">
        <v>91</v>
      </c>
      <c r="AC19" s="313">
        <v>172</v>
      </c>
      <c r="AD19" s="313">
        <v>129</v>
      </c>
      <c r="AE19" s="313">
        <v>68</v>
      </c>
      <c r="AF19" s="313">
        <v>66</v>
      </c>
      <c r="AG19" s="310">
        <v>526</v>
      </c>
      <c r="AH19" s="315">
        <v>643</v>
      </c>
      <c r="AI19" s="309">
        <v>0</v>
      </c>
      <c r="AJ19" s="313">
        <v>0</v>
      </c>
      <c r="AK19" s="310">
        <v>0</v>
      </c>
      <c r="AL19" s="312">
        <v>0</v>
      </c>
      <c r="AM19" s="313">
        <v>0</v>
      </c>
      <c r="AN19" s="313">
        <v>10</v>
      </c>
      <c r="AO19" s="313">
        <v>26</v>
      </c>
      <c r="AP19" s="313">
        <v>9</v>
      </c>
      <c r="AQ19" s="313">
        <v>0</v>
      </c>
      <c r="AR19" s="310">
        <v>45</v>
      </c>
      <c r="AS19" s="315">
        <v>45</v>
      </c>
      <c r="AT19" s="309">
        <v>0</v>
      </c>
      <c r="AU19" s="313">
        <v>0</v>
      </c>
      <c r="AV19" s="310">
        <v>0</v>
      </c>
      <c r="AW19" s="312">
        <v>0</v>
      </c>
      <c r="AX19" s="313">
        <v>206</v>
      </c>
      <c r="AY19" s="313">
        <v>337</v>
      </c>
      <c r="AZ19" s="313">
        <v>169</v>
      </c>
      <c r="BA19" s="313">
        <v>64</v>
      </c>
      <c r="BB19" s="313">
        <v>31</v>
      </c>
      <c r="BC19" s="314">
        <v>807</v>
      </c>
      <c r="BD19" s="315">
        <v>807</v>
      </c>
      <c r="BE19" s="309">
        <v>0</v>
      </c>
      <c r="BF19" s="313">
        <v>0</v>
      </c>
      <c r="BG19" s="310">
        <v>0</v>
      </c>
      <c r="BH19" s="312">
        <v>0</v>
      </c>
      <c r="BI19" s="313">
        <v>59</v>
      </c>
      <c r="BJ19" s="313">
        <v>38</v>
      </c>
      <c r="BK19" s="313">
        <v>62</v>
      </c>
      <c r="BL19" s="313">
        <v>24</v>
      </c>
      <c r="BM19" s="313">
        <v>0</v>
      </c>
      <c r="BN19" s="310">
        <v>183</v>
      </c>
      <c r="BO19" s="315">
        <v>183</v>
      </c>
      <c r="BP19" s="309">
        <v>0</v>
      </c>
      <c r="BQ19" s="313">
        <v>3</v>
      </c>
      <c r="BR19" s="310">
        <v>3</v>
      </c>
      <c r="BS19" s="312">
        <v>0</v>
      </c>
      <c r="BT19" s="313">
        <v>17</v>
      </c>
      <c r="BU19" s="313">
        <v>83</v>
      </c>
      <c r="BV19" s="313">
        <v>47</v>
      </c>
      <c r="BW19" s="313">
        <v>42</v>
      </c>
      <c r="BX19" s="313">
        <v>0</v>
      </c>
      <c r="BY19" s="310">
        <v>189</v>
      </c>
      <c r="BZ19" s="315">
        <v>192</v>
      </c>
      <c r="CA19" s="309">
        <v>0</v>
      </c>
      <c r="CB19" s="313">
        <v>0</v>
      </c>
      <c r="CC19" s="310">
        <v>0</v>
      </c>
      <c r="CD19" s="312">
        <v>0</v>
      </c>
      <c r="CE19" s="313">
        <v>0</v>
      </c>
      <c r="CF19" s="313">
        <v>3</v>
      </c>
      <c r="CG19" s="313">
        <v>30</v>
      </c>
      <c r="CH19" s="313">
        <v>5</v>
      </c>
      <c r="CI19" s="313">
        <v>0</v>
      </c>
      <c r="CJ19" s="310">
        <v>38</v>
      </c>
      <c r="CK19" s="315">
        <v>38</v>
      </c>
      <c r="CL19" s="309">
        <v>0</v>
      </c>
      <c r="CM19" s="313">
        <v>0</v>
      </c>
      <c r="CN19" s="310">
        <v>0</v>
      </c>
      <c r="CO19" s="312">
        <v>0</v>
      </c>
      <c r="CP19" s="313">
        <v>0</v>
      </c>
      <c r="CQ19" s="313">
        <v>0</v>
      </c>
      <c r="CR19" s="313">
        <v>0</v>
      </c>
      <c r="CS19" s="313">
        <v>0</v>
      </c>
      <c r="CT19" s="313">
        <v>0</v>
      </c>
      <c r="CU19" s="310">
        <v>0</v>
      </c>
      <c r="CV19" s="315">
        <v>0</v>
      </c>
      <c r="CW19" s="309">
        <v>0</v>
      </c>
      <c r="CX19" s="313">
        <v>0</v>
      </c>
      <c r="CY19" s="310">
        <v>0</v>
      </c>
      <c r="CZ19" s="312">
        <v>0</v>
      </c>
      <c r="DA19" s="313">
        <v>0</v>
      </c>
      <c r="DB19" s="313">
        <v>0</v>
      </c>
      <c r="DC19" s="313">
        <v>0</v>
      </c>
      <c r="DD19" s="313">
        <v>0</v>
      </c>
      <c r="DE19" s="313">
        <v>0</v>
      </c>
      <c r="DF19" s="310">
        <v>0</v>
      </c>
      <c r="DG19" s="315">
        <v>0</v>
      </c>
    </row>
    <row r="20" spans="1:111" ht="18.75" customHeight="1" x14ac:dyDescent="0.2">
      <c r="A20" s="294" t="s">
        <v>18</v>
      </c>
      <c r="B20" s="309">
        <v>0</v>
      </c>
      <c r="C20" s="310">
        <v>0</v>
      </c>
      <c r="D20" s="311">
        <v>0</v>
      </c>
      <c r="E20" s="312">
        <v>0</v>
      </c>
      <c r="F20" s="313">
        <v>201</v>
      </c>
      <c r="G20" s="313">
        <v>498</v>
      </c>
      <c r="H20" s="313">
        <v>586</v>
      </c>
      <c r="I20" s="313">
        <v>641</v>
      </c>
      <c r="J20" s="313">
        <v>308</v>
      </c>
      <c r="K20" s="314">
        <v>2234</v>
      </c>
      <c r="L20" s="315">
        <v>2234</v>
      </c>
      <c r="M20" s="309">
        <v>0</v>
      </c>
      <c r="N20" s="313">
        <v>0</v>
      </c>
      <c r="O20" s="310">
        <v>0</v>
      </c>
      <c r="P20" s="312">
        <v>0</v>
      </c>
      <c r="Q20" s="313">
        <v>0</v>
      </c>
      <c r="R20" s="313">
        <v>8</v>
      </c>
      <c r="S20" s="313">
        <v>3</v>
      </c>
      <c r="T20" s="313">
        <v>20</v>
      </c>
      <c r="U20" s="313">
        <v>22</v>
      </c>
      <c r="V20" s="310">
        <v>53</v>
      </c>
      <c r="W20" s="315">
        <v>53</v>
      </c>
      <c r="X20" s="309">
        <v>39</v>
      </c>
      <c r="Y20" s="313">
        <v>69</v>
      </c>
      <c r="Z20" s="310">
        <v>108</v>
      </c>
      <c r="AA20" s="312">
        <v>0</v>
      </c>
      <c r="AB20" s="313">
        <v>99</v>
      </c>
      <c r="AC20" s="313">
        <v>334</v>
      </c>
      <c r="AD20" s="313">
        <v>152</v>
      </c>
      <c r="AE20" s="313">
        <v>244</v>
      </c>
      <c r="AF20" s="313">
        <v>90</v>
      </c>
      <c r="AG20" s="310">
        <v>919</v>
      </c>
      <c r="AH20" s="315">
        <v>1027</v>
      </c>
      <c r="AI20" s="309">
        <v>5</v>
      </c>
      <c r="AJ20" s="313">
        <v>12</v>
      </c>
      <c r="AK20" s="310">
        <v>17</v>
      </c>
      <c r="AL20" s="312">
        <v>0</v>
      </c>
      <c r="AM20" s="313">
        <v>35</v>
      </c>
      <c r="AN20" s="313">
        <v>48</v>
      </c>
      <c r="AO20" s="313">
        <v>18</v>
      </c>
      <c r="AP20" s="313">
        <v>0</v>
      </c>
      <c r="AQ20" s="313">
        <v>16</v>
      </c>
      <c r="AR20" s="310">
        <v>117</v>
      </c>
      <c r="AS20" s="315">
        <v>134</v>
      </c>
      <c r="AT20" s="309">
        <v>0</v>
      </c>
      <c r="AU20" s="313">
        <v>0</v>
      </c>
      <c r="AV20" s="310">
        <v>0</v>
      </c>
      <c r="AW20" s="312">
        <v>0</v>
      </c>
      <c r="AX20" s="313">
        <v>282</v>
      </c>
      <c r="AY20" s="313">
        <v>513</v>
      </c>
      <c r="AZ20" s="313">
        <v>135</v>
      </c>
      <c r="BA20" s="313">
        <v>146</v>
      </c>
      <c r="BB20" s="313">
        <v>36</v>
      </c>
      <c r="BC20" s="314">
        <v>1112</v>
      </c>
      <c r="BD20" s="315">
        <v>1112</v>
      </c>
      <c r="BE20" s="309">
        <v>0</v>
      </c>
      <c r="BF20" s="313">
        <v>0</v>
      </c>
      <c r="BG20" s="310">
        <v>0</v>
      </c>
      <c r="BH20" s="312">
        <v>0</v>
      </c>
      <c r="BI20" s="313">
        <v>34</v>
      </c>
      <c r="BJ20" s="313">
        <v>114</v>
      </c>
      <c r="BK20" s="313">
        <v>54</v>
      </c>
      <c r="BL20" s="313">
        <v>29</v>
      </c>
      <c r="BM20" s="313">
        <v>5</v>
      </c>
      <c r="BN20" s="310">
        <v>236</v>
      </c>
      <c r="BO20" s="315">
        <v>236</v>
      </c>
      <c r="BP20" s="309">
        <v>0</v>
      </c>
      <c r="BQ20" s="313">
        <v>0</v>
      </c>
      <c r="BR20" s="310">
        <v>0</v>
      </c>
      <c r="BS20" s="312">
        <v>0</v>
      </c>
      <c r="BT20" s="313">
        <v>14</v>
      </c>
      <c r="BU20" s="313">
        <v>77</v>
      </c>
      <c r="BV20" s="313">
        <v>92</v>
      </c>
      <c r="BW20" s="313">
        <v>60</v>
      </c>
      <c r="BX20" s="313">
        <v>27</v>
      </c>
      <c r="BY20" s="310">
        <v>270</v>
      </c>
      <c r="BZ20" s="315">
        <v>270</v>
      </c>
      <c r="CA20" s="309">
        <v>0</v>
      </c>
      <c r="CB20" s="313">
        <v>0</v>
      </c>
      <c r="CC20" s="310">
        <v>0</v>
      </c>
      <c r="CD20" s="312">
        <v>0</v>
      </c>
      <c r="CE20" s="313">
        <v>0</v>
      </c>
      <c r="CF20" s="313">
        <v>0</v>
      </c>
      <c r="CG20" s="313">
        <v>0</v>
      </c>
      <c r="CH20" s="313">
        <v>0</v>
      </c>
      <c r="CI20" s="313">
        <v>0</v>
      </c>
      <c r="CJ20" s="310">
        <v>0</v>
      </c>
      <c r="CK20" s="315">
        <v>0</v>
      </c>
      <c r="CL20" s="309">
        <v>0</v>
      </c>
      <c r="CM20" s="313">
        <v>0</v>
      </c>
      <c r="CN20" s="310">
        <v>0</v>
      </c>
      <c r="CO20" s="312">
        <v>0</v>
      </c>
      <c r="CP20" s="313">
        <v>0</v>
      </c>
      <c r="CQ20" s="313">
        <v>0</v>
      </c>
      <c r="CR20" s="313">
        <v>0</v>
      </c>
      <c r="CS20" s="313">
        <v>0</v>
      </c>
      <c r="CT20" s="313">
        <v>0</v>
      </c>
      <c r="CU20" s="310">
        <v>0</v>
      </c>
      <c r="CV20" s="315">
        <v>0</v>
      </c>
      <c r="CW20" s="309">
        <v>0</v>
      </c>
      <c r="CX20" s="313">
        <v>0</v>
      </c>
      <c r="CY20" s="310">
        <v>0</v>
      </c>
      <c r="CZ20" s="312">
        <v>0</v>
      </c>
      <c r="DA20" s="313">
        <v>0</v>
      </c>
      <c r="DB20" s="313">
        <v>0</v>
      </c>
      <c r="DC20" s="313">
        <v>0</v>
      </c>
      <c r="DD20" s="313">
        <v>0</v>
      </c>
      <c r="DE20" s="313">
        <v>0</v>
      </c>
      <c r="DF20" s="310">
        <v>0</v>
      </c>
      <c r="DG20" s="315">
        <v>0</v>
      </c>
    </row>
    <row r="21" spans="1:111" ht="18.75" customHeight="1" x14ac:dyDescent="0.2">
      <c r="A21" s="294" t="s">
        <v>19</v>
      </c>
      <c r="B21" s="309">
        <v>0</v>
      </c>
      <c r="C21" s="310">
        <v>0</v>
      </c>
      <c r="D21" s="311">
        <v>0</v>
      </c>
      <c r="E21" s="312">
        <v>0</v>
      </c>
      <c r="F21" s="313">
        <v>76</v>
      </c>
      <c r="G21" s="313">
        <v>135</v>
      </c>
      <c r="H21" s="313">
        <v>298</v>
      </c>
      <c r="I21" s="313">
        <v>91</v>
      </c>
      <c r="J21" s="313">
        <v>82</v>
      </c>
      <c r="K21" s="314">
        <v>682</v>
      </c>
      <c r="L21" s="315">
        <v>682</v>
      </c>
      <c r="M21" s="309">
        <v>0</v>
      </c>
      <c r="N21" s="313">
        <v>0</v>
      </c>
      <c r="O21" s="310">
        <v>0</v>
      </c>
      <c r="P21" s="312">
        <v>0</v>
      </c>
      <c r="Q21" s="313">
        <v>0</v>
      </c>
      <c r="R21" s="313">
        <v>0</v>
      </c>
      <c r="S21" s="313">
        <v>7</v>
      </c>
      <c r="T21" s="313">
        <v>4</v>
      </c>
      <c r="U21" s="313">
        <v>5</v>
      </c>
      <c r="V21" s="310">
        <v>16</v>
      </c>
      <c r="W21" s="315">
        <v>16</v>
      </c>
      <c r="X21" s="309">
        <v>32</v>
      </c>
      <c r="Y21" s="313">
        <v>26</v>
      </c>
      <c r="Z21" s="310">
        <v>58</v>
      </c>
      <c r="AA21" s="312">
        <v>0</v>
      </c>
      <c r="AB21" s="313">
        <v>56</v>
      </c>
      <c r="AC21" s="313">
        <v>98</v>
      </c>
      <c r="AD21" s="313">
        <v>49</v>
      </c>
      <c r="AE21" s="313">
        <v>56</v>
      </c>
      <c r="AF21" s="313">
        <v>36</v>
      </c>
      <c r="AG21" s="310">
        <v>295</v>
      </c>
      <c r="AH21" s="315">
        <v>353</v>
      </c>
      <c r="AI21" s="309">
        <v>0</v>
      </c>
      <c r="AJ21" s="313">
        <v>0</v>
      </c>
      <c r="AK21" s="310">
        <v>0</v>
      </c>
      <c r="AL21" s="312">
        <v>0</v>
      </c>
      <c r="AM21" s="313">
        <v>22</v>
      </c>
      <c r="AN21" s="313">
        <v>16</v>
      </c>
      <c r="AO21" s="313">
        <v>29</v>
      </c>
      <c r="AP21" s="313">
        <v>0</v>
      </c>
      <c r="AQ21" s="313">
        <v>0</v>
      </c>
      <c r="AR21" s="310">
        <v>67</v>
      </c>
      <c r="AS21" s="315">
        <v>67</v>
      </c>
      <c r="AT21" s="309">
        <v>0</v>
      </c>
      <c r="AU21" s="313">
        <v>0</v>
      </c>
      <c r="AV21" s="310">
        <v>0</v>
      </c>
      <c r="AW21" s="312">
        <v>0</v>
      </c>
      <c r="AX21" s="313">
        <v>168</v>
      </c>
      <c r="AY21" s="313">
        <v>69</v>
      </c>
      <c r="AZ21" s="313">
        <v>50</v>
      </c>
      <c r="BA21" s="313">
        <v>12</v>
      </c>
      <c r="BB21" s="313">
        <v>25</v>
      </c>
      <c r="BC21" s="314">
        <v>324</v>
      </c>
      <c r="BD21" s="315">
        <v>324</v>
      </c>
      <c r="BE21" s="309">
        <v>0</v>
      </c>
      <c r="BF21" s="313">
        <v>0</v>
      </c>
      <c r="BG21" s="310">
        <v>0</v>
      </c>
      <c r="BH21" s="312">
        <v>0</v>
      </c>
      <c r="BI21" s="313">
        <v>53</v>
      </c>
      <c r="BJ21" s="313">
        <v>26</v>
      </c>
      <c r="BK21" s="313">
        <v>26</v>
      </c>
      <c r="BL21" s="313">
        <v>52</v>
      </c>
      <c r="BM21" s="313">
        <v>11</v>
      </c>
      <c r="BN21" s="310">
        <v>168</v>
      </c>
      <c r="BO21" s="315">
        <v>168</v>
      </c>
      <c r="BP21" s="309">
        <v>0</v>
      </c>
      <c r="BQ21" s="313">
        <v>3</v>
      </c>
      <c r="BR21" s="310">
        <v>3</v>
      </c>
      <c r="BS21" s="312">
        <v>0</v>
      </c>
      <c r="BT21" s="313">
        <v>0</v>
      </c>
      <c r="BU21" s="313">
        <v>12</v>
      </c>
      <c r="BV21" s="313">
        <v>19</v>
      </c>
      <c r="BW21" s="313">
        <v>0</v>
      </c>
      <c r="BX21" s="313">
        <v>10</v>
      </c>
      <c r="BY21" s="310">
        <v>41</v>
      </c>
      <c r="BZ21" s="315">
        <v>44</v>
      </c>
      <c r="CA21" s="309">
        <v>0</v>
      </c>
      <c r="CB21" s="313">
        <v>0</v>
      </c>
      <c r="CC21" s="310">
        <v>0</v>
      </c>
      <c r="CD21" s="312">
        <v>0</v>
      </c>
      <c r="CE21" s="313">
        <v>0</v>
      </c>
      <c r="CF21" s="313">
        <v>3</v>
      </c>
      <c r="CG21" s="313">
        <v>0</v>
      </c>
      <c r="CH21" s="313">
        <v>6</v>
      </c>
      <c r="CI21" s="313">
        <v>0</v>
      </c>
      <c r="CJ21" s="310">
        <v>9</v>
      </c>
      <c r="CK21" s="315">
        <v>9</v>
      </c>
      <c r="CL21" s="309">
        <v>0</v>
      </c>
      <c r="CM21" s="313">
        <v>0</v>
      </c>
      <c r="CN21" s="310">
        <v>0</v>
      </c>
      <c r="CO21" s="312">
        <v>0</v>
      </c>
      <c r="CP21" s="313">
        <v>0</v>
      </c>
      <c r="CQ21" s="313">
        <v>0</v>
      </c>
      <c r="CR21" s="313">
        <v>0</v>
      </c>
      <c r="CS21" s="313">
        <v>0</v>
      </c>
      <c r="CT21" s="313">
        <v>0</v>
      </c>
      <c r="CU21" s="310">
        <v>0</v>
      </c>
      <c r="CV21" s="315">
        <v>0</v>
      </c>
      <c r="CW21" s="309">
        <v>0</v>
      </c>
      <c r="CX21" s="313">
        <v>0</v>
      </c>
      <c r="CY21" s="310">
        <v>0</v>
      </c>
      <c r="CZ21" s="312">
        <v>0</v>
      </c>
      <c r="DA21" s="313">
        <v>0</v>
      </c>
      <c r="DB21" s="313">
        <v>0</v>
      </c>
      <c r="DC21" s="313">
        <v>0</v>
      </c>
      <c r="DD21" s="313">
        <v>0</v>
      </c>
      <c r="DE21" s="313">
        <v>0</v>
      </c>
      <c r="DF21" s="310">
        <v>0</v>
      </c>
      <c r="DG21" s="315">
        <v>0</v>
      </c>
    </row>
    <row r="22" spans="1:111" ht="18.75" customHeight="1" x14ac:dyDescent="0.2">
      <c r="A22" s="294" t="s">
        <v>20</v>
      </c>
      <c r="B22" s="309">
        <v>0</v>
      </c>
      <c r="C22" s="310">
        <v>0</v>
      </c>
      <c r="D22" s="311">
        <v>0</v>
      </c>
      <c r="E22" s="312">
        <v>0</v>
      </c>
      <c r="F22" s="313">
        <v>270</v>
      </c>
      <c r="G22" s="313">
        <v>92</v>
      </c>
      <c r="H22" s="313">
        <v>118</v>
      </c>
      <c r="I22" s="313">
        <v>256</v>
      </c>
      <c r="J22" s="313">
        <v>73</v>
      </c>
      <c r="K22" s="314">
        <v>809</v>
      </c>
      <c r="L22" s="315">
        <v>809</v>
      </c>
      <c r="M22" s="309">
        <v>0</v>
      </c>
      <c r="N22" s="313">
        <v>0</v>
      </c>
      <c r="O22" s="310">
        <v>0</v>
      </c>
      <c r="P22" s="312">
        <v>0</v>
      </c>
      <c r="Q22" s="313">
        <v>3</v>
      </c>
      <c r="R22" s="313">
        <v>0</v>
      </c>
      <c r="S22" s="313">
        <v>4</v>
      </c>
      <c r="T22" s="313">
        <v>3</v>
      </c>
      <c r="U22" s="313">
        <v>25</v>
      </c>
      <c r="V22" s="310">
        <v>35</v>
      </c>
      <c r="W22" s="315">
        <v>35</v>
      </c>
      <c r="X22" s="309">
        <v>7</v>
      </c>
      <c r="Y22" s="313">
        <v>44</v>
      </c>
      <c r="Z22" s="310">
        <v>51</v>
      </c>
      <c r="AA22" s="312">
        <v>0</v>
      </c>
      <c r="AB22" s="313">
        <v>168</v>
      </c>
      <c r="AC22" s="313">
        <v>72</v>
      </c>
      <c r="AD22" s="313">
        <v>92</v>
      </c>
      <c r="AE22" s="313">
        <v>62</v>
      </c>
      <c r="AF22" s="313">
        <v>23</v>
      </c>
      <c r="AG22" s="310">
        <v>417</v>
      </c>
      <c r="AH22" s="315">
        <v>468</v>
      </c>
      <c r="AI22" s="309">
        <v>22</v>
      </c>
      <c r="AJ22" s="313">
        <v>28</v>
      </c>
      <c r="AK22" s="310">
        <v>50</v>
      </c>
      <c r="AL22" s="312">
        <v>0</v>
      </c>
      <c r="AM22" s="313">
        <v>36</v>
      </c>
      <c r="AN22" s="313">
        <v>40</v>
      </c>
      <c r="AO22" s="313">
        <v>38</v>
      </c>
      <c r="AP22" s="313">
        <v>0</v>
      </c>
      <c r="AQ22" s="313">
        <v>11</v>
      </c>
      <c r="AR22" s="310">
        <v>125</v>
      </c>
      <c r="AS22" s="315">
        <v>175</v>
      </c>
      <c r="AT22" s="309">
        <v>0</v>
      </c>
      <c r="AU22" s="313">
        <v>0</v>
      </c>
      <c r="AV22" s="310">
        <v>0</v>
      </c>
      <c r="AW22" s="312">
        <v>0</v>
      </c>
      <c r="AX22" s="313">
        <v>73</v>
      </c>
      <c r="AY22" s="313">
        <v>68</v>
      </c>
      <c r="AZ22" s="313">
        <v>52</v>
      </c>
      <c r="BA22" s="313">
        <v>32</v>
      </c>
      <c r="BB22" s="313">
        <v>42</v>
      </c>
      <c r="BC22" s="314">
        <v>267</v>
      </c>
      <c r="BD22" s="315">
        <v>267</v>
      </c>
      <c r="BE22" s="309">
        <v>0</v>
      </c>
      <c r="BF22" s="313">
        <v>0</v>
      </c>
      <c r="BG22" s="310">
        <v>0</v>
      </c>
      <c r="BH22" s="312">
        <v>0</v>
      </c>
      <c r="BI22" s="313">
        <v>92</v>
      </c>
      <c r="BJ22" s="313">
        <v>105</v>
      </c>
      <c r="BK22" s="313">
        <v>33</v>
      </c>
      <c r="BL22" s="313">
        <v>20</v>
      </c>
      <c r="BM22" s="313">
        <v>17</v>
      </c>
      <c r="BN22" s="310">
        <v>267</v>
      </c>
      <c r="BO22" s="315">
        <v>267</v>
      </c>
      <c r="BP22" s="309">
        <v>0</v>
      </c>
      <c r="BQ22" s="313">
        <v>7</v>
      </c>
      <c r="BR22" s="310">
        <v>7</v>
      </c>
      <c r="BS22" s="312">
        <v>0</v>
      </c>
      <c r="BT22" s="313">
        <v>13</v>
      </c>
      <c r="BU22" s="313">
        <v>-16</v>
      </c>
      <c r="BV22" s="313">
        <v>96</v>
      </c>
      <c r="BW22" s="313">
        <v>52</v>
      </c>
      <c r="BX22" s="313">
        <v>10</v>
      </c>
      <c r="BY22" s="310">
        <v>155</v>
      </c>
      <c r="BZ22" s="315">
        <v>162</v>
      </c>
      <c r="CA22" s="309">
        <v>0</v>
      </c>
      <c r="CB22" s="313">
        <v>0</v>
      </c>
      <c r="CC22" s="310">
        <v>0</v>
      </c>
      <c r="CD22" s="312">
        <v>0</v>
      </c>
      <c r="CE22" s="313">
        <v>0</v>
      </c>
      <c r="CF22" s="313">
        <v>0</v>
      </c>
      <c r="CG22" s="313">
        <v>14</v>
      </c>
      <c r="CH22" s="313">
        <v>0</v>
      </c>
      <c r="CI22" s="313">
        <v>0</v>
      </c>
      <c r="CJ22" s="310">
        <v>14</v>
      </c>
      <c r="CK22" s="315">
        <v>14</v>
      </c>
      <c r="CL22" s="309">
        <v>0</v>
      </c>
      <c r="CM22" s="313">
        <v>0</v>
      </c>
      <c r="CN22" s="310">
        <v>0</v>
      </c>
      <c r="CO22" s="312">
        <v>0</v>
      </c>
      <c r="CP22" s="313">
        <v>0</v>
      </c>
      <c r="CQ22" s="313">
        <v>0</v>
      </c>
      <c r="CR22" s="313">
        <v>0</v>
      </c>
      <c r="CS22" s="313">
        <v>0</v>
      </c>
      <c r="CT22" s="313">
        <v>0</v>
      </c>
      <c r="CU22" s="310">
        <v>0</v>
      </c>
      <c r="CV22" s="315">
        <v>0</v>
      </c>
      <c r="CW22" s="309">
        <v>0</v>
      </c>
      <c r="CX22" s="313">
        <v>0</v>
      </c>
      <c r="CY22" s="310">
        <v>0</v>
      </c>
      <c r="CZ22" s="312">
        <v>0</v>
      </c>
      <c r="DA22" s="313">
        <v>0</v>
      </c>
      <c r="DB22" s="313">
        <v>0</v>
      </c>
      <c r="DC22" s="313">
        <v>0</v>
      </c>
      <c r="DD22" s="313">
        <v>0</v>
      </c>
      <c r="DE22" s="313">
        <v>0</v>
      </c>
      <c r="DF22" s="310">
        <v>0</v>
      </c>
      <c r="DG22" s="315">
        <v>0</v>
      </c>
    </row>
    <row r="23" spans="1:111" ht="18.75" customHeight="1" x14ac:dyDescent="0.2">
      <c r="A23" s="294" t="s">
        <v>21</v>
      </c>
      <c r="B23" s="309">
        <v>0</v>
      </c>
      <c r="C23" s="310">
        <v>0</v>
      </c>
      <c r="D23" s="311">
        <v>0</v>
      </c>
      <c r="E23" s="312">
        <v>0</v>
      </c>
      <c r="F23" s="313">
        <v>118</v>
      </c>
      <c r="G23" s="313">
        <v>145</v>
      </c>
      <c r="H23" s="313">
        <v>78</v>
      </c>
      <c r="I23" s="313">
        <v>111</v>
      </c>
      <c r="J23" s="313">
        <v>79</v>
      </c>
      <c r="K23" s="314">
        <v>531</v>
      </c>
      <c r="L23" s="315">
        <v>531</v>
      </c>
      <c r="M23" s="309">
        <v>0</v>
      </c>
      <c r="N23" s="313">
        <v>0</v>
      </c>
      <c r="O23" s="310">
        <v>0</v>
      </c>
      <c r="P23" s="312">
        <v>0</v>
      </c>
      <c r="Q23" s="313">
        <v>0</v>
      </c>
      <c r="R23" s="313">
        <v>0</v>
      </c>
      <c r="S23" s="313">
        <v>8</v>
      </c>
      <c r="T23" s="313">
        <v>9</v>
      </c>
      <c r="U23" s="313">
        <v>9</v>
      </c>
      <c r="V23" s="310">
        <v>26</v>
      </c>
      <c r="W23" s="315">
        <v>26</v>
      </c>
      <c r="X23" s="309">
        <v>13</v>
      </c>
      <c r="Y23" s="313">
        <v>14</v>
      </c>
      <c r="Z23" s="310">
        <v>27</v>
      </c>
      <c r="AA23" s="312">
        <v>0</v>
      </c>
      <c r="AB23" s="313">
        <v>114</v>
      </c>
      <c r="AC23" s="313">
        <v>131</v>
      </c>
      <c r="AD23" s="313">
        <v>67</v>
      </c>
      <c r="AE23" s="313">
        <v>39</v>
      </c>
      <c r="AF23" s="313">
        <v>48</v>
      </c>
      <c r="AG23" s="310">
        <v>399</v>
      </c>
      <c r="AH23" s="315">
        <v>426</v>
      </c>
      <c r="AI23" s="309">
        <v>4</v>
      </c>
      <c r="AJ23" s="313">
        <v>0</v>
      </c>
      <c r="AK23" s="310">
        <v>4</v>
      </c>
      <c r="AL23" s="312">
        <v>0</v>
      </c>
      <c r="AM23" s="313">
        <v>0</v>
      </c>
      <c r="AN23" s="313">
        <v>20</v>
      </c>
      <c r="AO23" s="313">
        <v>8</v>
      </c>
      <c r="AP23" s="313">
        <v>0</v>
      </c>
      <c r="AQ23" s="313">
        <v>12</v>
      </c>
      <c r="AR23" s="310">
        <v>40</v>
      </c>
      <c r="AS23" s="315">
        <v>44</v>
      </c>
      <c r="AT23" s="309">
        <v>0</v>
      </c>
      <c r="AU23" s="313">
        <v>0</v>
      </c>
      <c r="AV23" s="310">
        <v>0</v>
      </c>
      <c r="AW23" s="312">
        <v>0</v>
      </c>
      <c r="AX23" s="313">
        <v>158</v>
      </c>
      <c r="AY23" s="313">
        <v>145</v>
      </c>
      <c r="AZ23" s="313">
        <v>31</v>
      </c>
      <c r="BA23" s="313">
        <v>57</v>
      </c>
      <c r="BB23" s="313">
        <v>13</v>
      </c>
      <c r="BC23" s="314">
        <v>404</v>
      </c>
      <c r="BD23" s="315">
        <v>404</v>
      </c>
      <c r="BE23" s="309">
        <v>0</v>
      </c>
      <c r="BF23" s="313">
        <v>0</v>
      </c>
      <c r="BG23" s="310">
        <v>0</v>
      </c>
      <c r="BH23" s="312">
        <v>0</v>
      </c>
      <c r="BI23" s="313">
        <v>0</v>
      </c>
      <c r="BJ23" s="313">
        <v>17</v>
      </c>
      <c r="BK23" s="313">
        <v>8</v>
      </c>
      <c r="BL23" s="313">
        <v>5</v>
      </c>
      <c r="BM23" s="313">
        <v>12</v>
      </c>
      <c r="BN23" s="310">
        <v>42</v>
      </c>
      <c r="BO23" s="315">
        <v>42</v>
      </c>
      <c r="BP23" s="309">
        <v>0</v>
      </c>
      <c r="BQ23" s="313">
        <v>0</v>
      </c>
      <c r="BR23" s="310">
        <v>0</v>
      </c>
      <c r="BS23" s="312">
        <v>0</v>
      </c>
      <c r="BT23" s="313">
        <v>2</v>
      </c>
      <c r="BU23" s="313">
        <v>3</v>
      </c>
      <c r="BV23" s="313">
        <v>33</v>
      </c>
      <c r="BW23" s="313">
        <v>17</v>
      </c>
      <c r="BX23" s="313">
        <v>0</v>
      </c>
      <c r="BY23" s="310">
        <v>55</v>
      </c>
      <c r="BZ23" s="315">
        <v>55</v>
      </c>
      <c r="CA23" s="309">
        <v>0</v>
      </c>
      <c r="CB23" s="313">
        <v>0</v>
      </c>
      <c r="CC23" s="310">
        <v>0</v>
      </c>
      <c r="CD23" s="312">
        <v>0</v>
      </c>
      <c r="CE23" s="313">
        <v>0</v>
      </c>
      <c r="CF23" s="313">
        <v>8</v>
      </c>
      <c r="CG23" s="313">
        <v>0</v>
      </c>
      <c r="CH23" s="313">
        <v>0</v>
      </c>
      <c r="CI23" s="313">
        <v>13</v>
      </c>
      <c r="CJ23" s="310">
        <v>21</v>
      </c>
      <c r="CK23" s="315">
        <v>21</v>
      </c>
      <c r="CL23" s="309">
        <v>0</v>
      </c>
      <c r="CM23" s="313">
        <v>0</v>
      </c>
      <c r="CN23" s="310">
        <v>0</v>
      </c>
      <c r="CO23" s="312">
        <v>0</v>
      </c>
      <c r="CP23" s="313">
        <v>0</v>
      </c>
      <c r="CQ23" s="313">
        <v>0</v>
      </c>
      <c r="CR23" s="313">
        <v>0</v>
      </c>
      <c r="CS23" s="313">
        <v>0</v>
      </c>
      <c r="CT23" s="313">
        <v>0</v>
      </c>
      <c r="CU23" s="310">
        <v>0</v>
      </c>
      <c r="CV23" s="315">
        <v>0</v>
      </c>
      <c r="CW23" s="309">
        <v>0</v>
      </c>
      <c r="CX23" s="313">
        <v>0</v>
      </c>
      <c r="CY23" s="310">
        <v>0</v>
      </c>
      <c r="CZ23" s="312">
        <v>0</v>
      </c>
      <c r="DA23" s="313">
        <v>0</v>
      </c>
      <c r="DB23" s="313">
        <v>0</v>
      </c>
      <c r="DC23" s="313">
        <v>0</v>
      </c>
      <c r="DD23" s="313">
        <v>0</v>
      </c>
      <c r="DE23" s="313">
        <v>0</v>
      </c>
      <c r="DF23" s="310">
        <v>0</v>
      </c>
      <c r="DG23" s="315">
        <v>0</v>
      </c>
    </row>
    <row r="24" spans="1:111" ht="18.75" customHeight="1" x14ac:dyDescent="0.2">
      <c r="A24" s="294" t="s">
        <v>22</v>
      </c>
      <c r="B24" s="309">
        <v>0</v>
      </c>
      <c r="C24" s="310">
        <v>0</v>
      </c>
      <c r="D24" s="311">
        <v>0</v>
      </c>
      <c r="E24" s="312">
        <v>0</v>
      </c>
      <c r="F24" s="313">
        <v>32</v>
      </c>
      <c r="G24" s="313">
        <v>13</v>
      </c>
      <c r="H24" s="313">
        <v>133</v>
      </c>
      <c r="I24" s="313">
        <v>172</v>
      </c>
      <c r="J24" s="313">
        <v>141</v>
      </c>
      <c r="K24" s="314">
        <v>491</v>
      </c>
      <c r="L24" s="315">
        <v>491</v>
      </c>
      <c r="M24" s="309">
        <v>0</v>
      </c>
      <c r="N24" s="313">
        <v>0</v>
      </c>
      <c r="O24" s="310">
        <v>0</v>
      </c>
      <c r="P24" s="312">
        <v>0</v>
      </c>
      <c r="Q24" s="313">
        <v>0</v>
      </c>
      <c r="R24" s="313">
        <v>0</v>
      </c>
      <c r="S24" s="313">
        <v>0</v>
      </c>
      <c r="T24" s="313">
        <v>7</v>
      </c>
      <c r="U24" s="313">
        <v>29</v>
      </c>
      <c r="V24" s="310">
        <v>36</v>
      </c>
      <c r="W24" s="315">
        <v>36</v>
      </c>
      <c r="X24" s="309">
        <v>6</v>
      </c>
      <c r="Y24" s="313">
        <v>4</v>
      </c>
      <c r="Z24" s="310">
        <v>10</v>
      </c>
      <c r="AA24" s="312">
        <v>0</v>
      </c>
      <c r="AB24" s="313">
        <v>0</v>
      </c>
      <c r="AC24" s="313">
        <v>66</v>
      </c>
      <c r="AD24" s="313">
        <v>0</v>
      </c>
      <c r="AE24" s="313">
        <v>39</v>
      </c>
      <c r="AF24" s="313">
        <v>94</v>
      </c>
      <c r="AG24" s="310">
        <v>199</v>
      </c>
      <c r="AH24" s="315">
        <v>209</v>
      </c>
      <c r="AI24" s="309">
        <v>0</v>
      </c>
      <c r="AJ24" s="313">
        <v>0</v>
      </c>
      <c r="AK24" s="310">
        <v>0</v>
      </c>
      <c r="AL24" s="312">
        <v>0</v>
      </c>
      <c r="AM24" s="313">
        <v>9</v>
      </c>
      <c r="AN24" s="313">
        <v>12</v>
      </c>
      <c r="AO24" s="313">
        <v>0</v>
      </c>
      <c r="AP24" s="313">
        <v>0</v>
      </c>
      <c r="AQ24" s="313">
        <v>0</v>
      </c>
      <c r="AR24" s="310">
        <v>21</v>
      </c>
      <c r="AS24" s="315">
        <v>21</v>
      </c>
      <c r="AT24" s="309">
        <v>0</v>
      </c>
      <c r="AU24" s="313">
        <v>0</v>
      </c>
      <c r="AV24" s="310">
        <v>0</v>
      </c>
      <c r="AW24" s="312">
        <v>0</v>
      </c>
      <c r="AX24" s="313">
        <v>74</v>
      </c>
      <c r="AY24" s="313">
        <v>71</v>
      </c>
      <c r="AZ24" s="313">
        <v>0</v>
      </c>
      <c r="BA24" s="313">
        <v>46</v>
      </c>
      <c r="BB24" s="313">
        <v>29</v>
      </c>
      <c r="BC24" s="314">
        <v>220</v>
      </c>
      <c r="BD24" s="315">
        <v>220</v>
      </c>
      <c r="BE24" s="309">
        <v>0</v>
      </c>
      <c r="BF24" s="313">
        <v>0</v>
      </c>
      <c r="BG24" s="310">
        <v>0</v>
      </c>
      <c r="BH24" s="312">
        <v>0</v>
      </c>
      <c r="BI24" s="313">
        <v>0</v>
      </c>
      <c r="BJ24" s="313">
        <v>4</v>
      </c>
      <c r="BK24" s="313">
        <v>5</v>
      </c>
      <c r="BL24" s="313">
        <v>9</v>
      </c>
      <c r="BM24" s="313">
        <v>0</v>
      </c>
      <c r="BN24" s="310">
        <v>18</v>
      </c>
      <c r="BO24" s="315">
        <v>18</v>
      </c>
      <c r="BP24" s="309">
        <v>0</v>
      </c>
      <c r="BQ24" s="313">
        <v>0</v>
      </c>
      <c r="BR24" s="310">
        <v>0</v>
      </c>
      <c r="BS24" s="312">
        <v>0</v>
      </c>
      <c r="BT24" s="313">
        <v>12</v>
      </c>
      <c r="BU24" s="313">
        <v>0</v>
      </c>
      <c r="BV24" s="313">
        <v>0</v>
      </c>
      <c r="BW24" s="313">
        <v>0</v>
      </c>
      <c r="BX24" s="313">
        <v>12</v>
      </c>
      <c r="BY24" s="310">
        <v>24</v>
      </c>
      <c r="BZ24" s="315">
        <v>24</v>
      </c>
      <c r="CA24" s="309">
        <v>0</v>
      </c>
      <c r="CB24" s="313">
        <v>0</v>
      </c>
      <c r="CC24" s="310">
        <v>0</v>
      </c>
      <c r="CD24" s="312">
        <v>0</v>
      </c>
      <c r="CE24" s="313">
        <v>0</v>
      </c>
      <c r="CF24" s="313">
        <v>0</v>
      </c>
      <c r="CG24" s="313">
        <v>0</v>
      </c>
      <c r="CH24" s="313">
        <v>1</v>
      </c>
      <c r="CI24" s="313">
        <v>0</v>
      </c>
      <c r="CJ24" s="310">
        <v>1</v>
      </c>
      <c r="CK24" s="315">
        <v>1</v>
      </c>
      <c r="CL24" s="309">
        <v>0</v>
      </c>
      <c r="CM24" s="313">
        <v>0</v>
      </c>
      <c r="CN24" s="310">
        <v>0</v>
      </c>
      <c r="CO24" s="312">
        <v>0</v>
      </c>
      <c r="CP24" s="313">
        <v>0</v>
      </c>
      <c r="CQ24" s="313">
        <v>0</v>
      </c>
      <c r="CR24" s="313">
        <v>0</v>
      </c>
      <c r="CS24" s="313">
        <v>0</v>
      </c>
      <c r="CT24" s="313">
        <v>0</v>
      </c>
      <c r="CU24" s="310">
        <v>0</v>
      </c>
      <c r="CV24" s="315">
        <v>0</v>
      </c>
      <c r="CW24" s="309">
        <v>0</v>
      </c>
      <c r="CX24" s="313">
        <v>0</v>
      </c>
      <c r="CY24" s="310">
        <v>0</v>
      </c>
      <c r="CZ24" s="312">
        <v>0</v>
      </c>
      <c r="DA24" s="313">
        <v>0</v>
      </c>
      <c r="DB24" s="313">
        <v>0</v>
      </c>
      <c r="DC24" s="313">
        <v>0</v>
      </c>
      <c r="DD24" s="313">
        <v>0</v>
      </c>
      <c r="DE24" s="313">
        <v>0</v>
      </c>
      <c r="DF24" s="310">
        <v>0</v>
      </c>
      <c r="DG24" s="315">
        <v>0</v>
      </c>
    </row>
    <row r="25" spans="1:111" ht="18.75" customHeight="1" x14ac:dyDescent="0.2">
      <c r="A25" s="294" t="s">
        <v>23</v>
      </c>
      <c r="B25" s="309">
        <v>0</v>
      </c>
      <c r="C25" s="310">
        <v>0</v>
      </c>
      <c r="D25" s="311">
        <v>0</v>
      </c>
      <c r="E25" s="312">
        <v>0</v>
      </c>
      <c r="F25" s="313">
        <v>57</v>
      </c>
      <c r="G25" s="313">
        <v>50</v>
      </c>
      <c r="H25" s="313">
        <v>251</v>
      </c>
      <c r="I25" s="313">
        <v>8</v>
      </c>
      <c r="J25" s="313">
        <v>0</v>
      </c>
      <c r="K25" s="314">
        <v>366</v>
      </c>
      <c r="L25" s="315">
        <v>366</v>
      </c>
      <c r="M25" s="309">
        <v>0</v>
      </c>
      <c r="N25" s="313">
        <v>0</v>
      </c>
      <c r="O25" s="310">
        <v>0</v>
      </c>
      <c r="P25" s="312">
        <v>0</v>
      </c>
      <c r="Q25" s="313">
        <v>0</v>
      </c>
      <c r="R25" s="313">
        <v>0</v>
      </c>
      <c r="S25" s="313">
        <v>9</v>
      </c>
      <c r="T25" s="313">
        <v>4</v>
      </c>
      <c r="U25" s="313">
        <v>0</v>
      </c>
      <c r="V25" s="310">
        <v>13</v>
      </c>
      <c r="W25" s="315">
        <v>13</v>
      </c>
      <c r="X25" s="309">
        <v>25</v>
      </c>
      <c r="Y25" s="313">
        <v>17</v>
      </c>
      <c r="Z25" s="310">
        <v>42</v>
      </c>
      <c r="AA25" s="312">
        <v>0</v>
      </c>
      <c r="AB25" s="313">
        <v>9</v>
      </c>
      <c r="AC25" s="313">
        <v>55</v>
      </c>
      <c r="AD25" s="313">
        <v>112</v>
      </c>
      <c r="AE25" s="313">
        <v>26</v>
      </c>
      <c r="AF25" s="313">
        <v>10</v>
      </c>
      <c r="AG25" s="310">
        <v>212</v>
      </c>
      <c r="AH25" s="315">
        <v>254</v>
      </c>
      <c r="AI25" s="309">
        <v>0</v>
      </c>
      <c r="AJ25" s="313">
        <v>9</v>
      </c>
      <c r="AK25" s="310">
        <v>9</v>
      </c>
      <c r="AL25" s="312">
        <v>0</v>
      </c>
      <c r="AM25" s="313">
        <v>0</v>
      </c>
      <c r="AN25" s="313">
        <v>32</v>
      </c>
      <c r="AO25" s="313">
        <v>0</v>
      </c>
      <c r="AP25" s="313">
        <v>0</v>
      </c>
      <c r="AQ25" s="313">
        <v>0</v>
      </c>
      <c r="AR25" s="310">
        <v>32</v>
      </c>
      <c r="AS25" s="315">
        <v>41</v>
      </c>
      <c r="AT25" s="309">
        <v>0</v>
      </c>
      <c r="AU25" s="313">
        <v>0</v>
      </c>
      <c r="AV25" s="310">
        <v>0</v>
      </c>
      <c r="AW25" s="312">
        <v>0</v>
      </c>
      <c r="AX25" s="313">
        <v>95</v>
      </c>
      <c r="AY25" s="313">
        <v>139</v>
      </c>
      <c r="AZ25" s="313">
        <v>57</v>
      </c>
      <c r="BA25" s="313">
        <v>24</v>
      </c>
      <c r="BB25" s="313">
        <v>0</v>
      </c>
      <c r="BC25" s="314">
        <v>315</v>
      </c>
      <c r="BD25" s="315">
        <v>315</v>
      </c>
      <c r="BE25" s="309">
        <v>0</v>
      </c>
      <c r="BF25" s="313">
        <v>0</v>
      </c>
      <c r="BG25" s="310">
        <v>0</v>
      </c>
      <c r="BH25" s="312">
        <v>0</v>
      </c>
      <c r="BI25" s="313">
        <v>25</v>
      </c>
      <c r="BJ25" s="313">
        <v>22</v>
      </c>
      <c r="BK25" s="313">
        <v>13</v>
      </c>
      <c r="BL25" s="313">
        <v>19</v>
      </c>
      <c r="BM25" s="313">
        <v>0</v>
      </c>
      <c r="BN25" s="310">
        <v>79</v>
      </c>
      <c r="BO25" s="315">
        <v>79</v>
      </c>
      <c r="BP25" s="309">
        <v>0</v>
      </c>
      <c r="BQ25" s="313">
        <v>0</v>
      </c>
      <c r="BR25" s="310">
        <v>0</v>
      </c>
      <c r="BS25" s="312">
        <v>0</v>
      </c>
      <c r="BT25" s="313">
        <v>2</v>
      </c>
      <c r="BU25" s="313">
        <v>6</v>
      </c>
      <c r="BV25" s="313">
        <v>22</v>
      </c>
      <c r="BW25" s="313">
        <v>5</v>
      </c>
      <c r="BX25" s="313">
        <v>0</v>
      </c>
      <c r="BY25" s="310">
        <v>35</v>
      </c>
      <c r="BZ25" s="315">
        <v>35</v>
      </c>
      <c r="CA25" s="309">
        <v>0</v>
      </c>
      <c r="CB25" s="313">
        <v>0</v>
      </c>
      <c r="CC25" s="310">
        <v>0</v>
      </c>
      <c r="CD25" s="312">
        <v>0</v>
      </c>
      <c r="CE25" s="313">
        <v>0</v>
      </c>
      <c r="CF25" s="313">
        <v>0</v>
      </c>
      <c r="CG25" s="313">
        <v>0</v>
      </c>
      <c r="CH25" s="313">
        <v>0</v>
      </c>
      <c r="CI25" s="313">
        <v>0</v>
      </c>
      <c r="CJ25" s="310">
        <v>0</v>
      </c>
      <c r="CK25" s="315">
        <v>0</v>
      </c>
      <c r="CL25" s="309">
        <v>0</v>
      </c>
      <c r="CM25" s="313">
        <v>0</v>
      </c>
      <c r="CN25" s="310">
        <v>0</v>
      </c>
      <c r="CO25" s="312">
        <v>0</v>
      </c>
      <c r="CP25" s="313">
        <v>0</v>
      </c>
      <c r="CQ25" s="313">
        <v>0</v>
      </c>
      <c r="CR25" s="313">
        <v>0</v>
      </c>
      <c r="CS25" s="313">
        <v>0</v>
      </c>
      <c r="CT25" s="313">
        <v>0</v>
      </c>
      <c r="CU25" s="310">
        <v>0</v>
      </c>
      <c r="CV25" s="315">
        <v>0</v>
      </c>
      <c r="CW25" s="309">
        <v>0</v>
      </c>
      <c r="CX25" s="313">
        <v>0</v>
      </c>
      <c r="CY25" s="310">
        <v>0</v>
      </c>
      <c r="CZ25" s="312">
        <v>0</v>
      </c>
      <c r="DA25" s="313">
        <v>0</v>
      </c>
      <c r="DB25" s="313">
        <v>0</v>
      </c>
      <c r="DC25" s="313">
        <v>0</v>
      </c>
      <c r="DD25" s="313">
        <v>0</v>
      </c>
      <c r="DE25" s="313">
        <v>0</v>
      </c>
      <c r="DF25" s="310">
        <v>0</v>
      </c>
      <c r="DG25" s="315">
        <v>0</v>
      </c>
    </row>
    <row r="26" spans="1:111" ht="18.75" customHeight="1" x14ac:dyDescent="0.2">
      <c r="A26" s="294" t="s">
        <v>24</v>
      </c>
      <c r="B26" s="309">
        <v>0</v>
      </c>
      <c r="C26" s="310">
        <v>0</v>
      </c>
      <c r="D26" s="311">
        <v>0</v>
      </c>
      <c r="E26" s="312">
        <v>0</v>
      </c>
      <c r="F26" s="313">
        <v>74</v>
      </c>
      <c r="G26" s="313">
        <v>98</v>
      </c>
      <c r="H26" s="313">
        <v>8</v>
      </c>
      <c r="I26" s="313">
        <v>268</v>
      </c>
      <c r="J26" s="313">
        <v>129</v>
      </c>
      <c r="K26" s="314">
        <v>577</v>
      </c>
      <c r="L26" s="315">
        <v>577</v>
      </c>
      <c r="M26" s="309">
        <v>0</v>
      </c>
      <c r="N26" s="313">
        <v>0</v>
      </c>
      <c r="O26" s="310">
        <v>0</v>
      </c>
      <c r="P26" s="312">
        <v>0</v>
      </c>
      <c r="Q26" s="313">
        <v>0</v>
      </c>
      <c r="R26" s="313">
        <v>0</v>
      </c>
      <c r="S26" s="313">
        <v>0</v>
      </c>
      <c r="T26" s="313">
        <v>0</v>
      </c>
      <c r="U26" s="313">
        <v>9</v>
      </c>
      <c r="V26" s="310">
        <v>9</v>
      </c>
      <c r="W26" s="315">
        <v>9</v>
      </c>
      <c r="X26" s="309">
        <v>0</v>
      </c>
      <c r="Y26" s="313">
        <v>8</v>
      </c>
      <c r="Z26" s="310">
        <v>8</v>
      </c>
      <c r="AA26" s="312">
        <v>0</v>
      </c>
      <c r="AB26" s="313">
        <v>67</v>
      </c>
      <c r="AC26" s="313">
        <v>33</v>
      </c>
      <c r="AD26" s="313">
        <v>12</v>
      </c>
      <c r="AE26" s="313">
        <v>11</v>
      </c>
      <c r="AF26" s="313">
        <v>75</v>
      </c>
      <c r="AG26" s="310">
        <v>198</v>
      </c>
      <c r="AH26" s="315">
        <v>206</v>
      </c>
      <c r="AI26" s="309">
        <v>0</v>
      </c>
      <c r="AJ26" s="313">
        <v>0</v>
      </c>
      <c r="AK26" s="310">
        <v>0</v>
      </c>
      <c r="AL26" s="312">
        <v>0</v>
      </c>
      <c r="AM26" s="313">
        <v>0</v>
      </c>
      <c r="AN26" s="313">
        <v>18</v>
      </c>
      <c r="AO26" s="313">
        <v>0</v>
      </c>
      <c r="AP26" s="313">
        <v>0</v>
      </c>
      <c r="AQ26" s="313">
        <v>33</v>
      </c>
      <c r="AR26" s="310">
        <v>51</v>
      </c>
      <c r="AS26" s="315">
        <v>51</v>
      </c>
      <c r="AT26" s="309">
        <v>0</v>
      </c>
      <c r="AU26" s="313">
        <v>0</v>
      </c>
      <c r="AV26" s="310">
        <v>0</v>
      </c>
      <c r="AW26" s="312">
        <v>0</v>
      </c>
      <c r="AX26" s="313">
        <v>110</v>
      </c>
      <c r="AY26" s="313">
        <v>51</v>
      </c>
      <c r="AZ26" s="313">
        <v>0</v>
      </c>
      <c r="BA26" s="313">
        <v>10</v>
      </c>
      <c r="BB26" s="313">
        <v>0</v>
      </c>
      <c r="BC26" s="314">
        <v>171</v>
      </c>
      <c r="BD26" s="315">
        <v>171</v>
      </c>
      <c r="BE26" s="309">
        <v>0</v>
      </c>
      <c r="BF26" s="313">
        <v>0</v>
      </c>
      <c r="BG26" s="310">
        <v>0</v>
      </c>
      <c r="BH26" s="312">
        <v>0</v>
      </c>
      <c r="BI26" s="313">
        <v>45</v>
      </c>
      <c r="BJ26" s="313">
        <v>18</v>
      </c>
      <c r="BK26" s="313">
        <v>7</v>
      </c>
      <c r="BL26" s="313">
        <v>25</v>
      </c>
      <c r="BM26" s="313">
        <v>17</v>
      </c>
      <c r="BN26" s="310">
        <v>112</v>
      </c>
      <c r="BO26" s="315">
        <v>112</v>
      </c>
      <c r="BP26" s="309">
        <v>0</v>
      </c>
      <c r="BQ26" s="313">
        <v>0</v>
      </c>
      <c r="BR26" s="310">
        <v>0</v>
      </c>
      <c r="BS26" s="312">
        <v>0</v>
      </c>
      <c r="BT26" s="313">
        <v>4</v>
      </c>
      <c r="BU26" s="313">
        <v>4</v>
      </c>
      <c r="BV26" s="313">
        <v>0</v>
      </c>
      <c r="BW26" s="313">
        <v>0</v>
      </c>
      <c r="BX26" s="313">
        <v>7</v>
      </c>
      <c r="BY26" s="310">
        <v>15</v>
      </c>
      <c r="BZ26" s="315">
        <v>15</v>
      </c>
      <c r="CA26" s="309">
        <v>0</v>
      </c>
      <c r="CB26" s="313">
        <v>0</v>
      </c>
      <c r="CC26" s="310">
        <v>0</v>
      </c>
      <c r="CD26" s="312">
        <v>0</v>
      </c>
      <c r="CE26" s="313">
        <v>0</v>
      </c>
      <c r="CF26" s="313">
        <v>0</v>
      </c>
      <c r="CG26" s="313">
        <v>0</v>
      </c>
      <c r="CH26" s="313">
        <v>0</v>
      </c>
      <c r="CI26" s="313">
        <v>0</v>
      </c>
      <c r="CJ26" s="310">
        <v>0</v>
      </c>
      <c r="CK26" s="315">
        <v>0</v>
      </c>
      <c r="CL26" s="309">
        <v>0</v>
      </c>
      <c r="CM26" s="313">
        <v>0</v>
      </c>
      <c r="CN26" s="310">
        <v>0</v>
      </c>
      <c r="CO26" s="312">
        <v>0</v>
      </c>
      <c r="CP26" s="313">
        <v>0</v>
      </c>
      <c r="CQ26" s="313">
        <v>0</v>
      </c>
      <c r="CR26" s="313">
        <v>0</v>
      </c>
      <c r="CS26" s="313">
        <v>0</v>
      </c>
      <c r="CT26" s="313">
        <v>0</v>
      </c>
      <c r="CU26" s="310">
        <v>0</v>
      </c>
      <c r="CV26" s="315">
        <v>0</v>
      </c>
      <c r="CW26" s="309">
        <v>0</v>
      </c>
      <c r="CX26" s="313">
        <v>0</v>
      </c>
      <c r="CY26" s="310">
        <v>0</v>
      </c>
      <c r="CZ26" s="312">
        <v>0</v>
      </c>
      <c r="DA26" s="313">
        <v>0</v>
      </c>
      <c r="DB26" s="313">
        <v>0</v>
      </c>
      <c r="DC26" s="313">
        <v>0</v>
      </c>
      <c r="DD26" s="313">
        <v>0</v>
      </c>
      <c r="DE26" s="313">
        <v>0</v>
      </c>
      <c r="DF26" s="310">
        <v>0</v>
      </c>
      <c r="DG26" s="315">
        <v>0</v>
      </c>
    </row>
    <row r="27" spans="1:111" ht="18.75" customHeight="1" x14ac:dyDescent="0.2">
      <c r="A27" s="294" t="s">
        <v>25</v>
      </c>
      <c r="B27" s="309">
        <v>0</v>
      </c>
      <c r="C27" s="310">
        <v>0</v>
      </c>
      <c r="D27" s="311">
        <v>0</v>
      </c>
      <c r="E27" s="312">
        <v>0</v>
      </c>
      <c r="F27" s="313">
        <v>33</v>
      </c>
      <c r="G27" s="313">
        <v>13</v>
      </c>
      <c r="H27" s="313">
        <v>30</v>
      </c>
      <c r="I27" s="313">
        <v>6</v>
      </c>
      <c r="J27" s="313">
        <v>13</v>
      </c>
      <c r="K27" s="314">
        <v>95</v>
      </c>
      <c r="L27" s="315">
        <v>95</v>
      </c>
      <c r="M27" s="309">
        <v>0</v>
      </c>
      <c r="N27" s="313">
        <v>0</v>
      </c>
      <c r="O27" s="310">
        <v>0</v>
      </c>
      <c r="P27" s="312">
        <v>0</v>
      </c>
      <c r="Q27" s="313">
        <v>0</v>
      </c>
      <c r="R27" s="313">
        <v>0</v>
      </c>
      <c r="S27" s="313">
        <v>4</v>
      </c>
      <c r="T27" s="313">
        <v>0</v>
      </c>
      <c r="U27" s="313">
        <v>18</v>
      </c>
      <c r="V27" s="310">
        <v>22</v>
      </c>
      <c r="W27" s="315">
        <v>22</v>
      </c>
      <c r="X27" s="309">
        <v>4</v>
      </c>
      <c r="Y27" s="313">
        <v>4</v>
      </c>
      <c r="Z27" s="310">
        <v>8</v>
      </c>
      <c r="AA27" s="312">
        <v>0</v>
      </c>
      <c r="AB27" s="313">
        <v>21</v>
      </c>
      <c r="AC27" s="313">
        <v>4</v>
      </c>
      <c r="AD27" s="313">
        <v>8</v>
      </c>
      <c r="AE27" s="313">
        <v>2</v>
      </c>
      <c r="AF27" s="313">
        <v>43</v>
      </c>
      <c r="AG27" s="310">
        <v>78</v>
      </c>
      <c r="AH27" s="315">
        <v>86</v>
      </c>
      <c r="AI27" s="309">
        <v>0</v>
      </c>
      <c r="AJ27" s="313">
        <v>0</v>
      </c>
      <c r="AK27" s="310">
        <v>0</v>
      </c>
      <c r="AL27" s="312">
        <v>0</v>
      </c>
      <c r="AM27" s="313">
        <v>0</v>
      </c>
      <c r="AN27" s="313">
        <v>0</v>
      </c>
      <c r="AO27" s="313">
        <v>0</v>
      </c>
      <c r="AP27" s="313">
        <v>16</v>
      </c>
      <c r="AQ27" s="313">
        <v>0</v>
      </c>
      <c r="AR27" s="310">
        <v>16</v>
      </c>
      <c r="AS27" s="315">
        <v>16</v>
      </c>
      <c r="AT27" s="309">
        <v>0</v>
      </c>
      <c r="AU27" s="313">
        <v>0</v>
      </c>
      <c r="AV27" s="310">
        <v>0</v>
      </c>
      <c r="AW27" s="312">
        <v>0</v>
      </c>
      <c r="AX27" s="313">
        <v>52</v>
      </c>
      <c r="AY27" s="313">
        <v>20</v>
      </c>
      <c r="AZ27" s="313">
        <v>43</v>
      </c>
      <c r="BA27" s="313">
        <v>92</v>
      </c>
      <c r="BB27" s="313">
        <v>0</v>
      </c>
      <c r="BC27" s="314">
        <v>207</v>
      </c>
      <c r="BD27" s="315">
        <v>207</v>
      </c>
      <c r="BE27" s="309">
        <v>0</v>
      </c>
      <c r="BF27" s="313">
        <v>0</v>
      </c>
      <c r="BG27" s="310">
        <v>0</v>
      </c>
      <c r="BH27" s="312">
        <v>0</v>
      </c>
      <c r="BI27" s="313">
        <v>0</v>
      </c>
      <c r="BJ27" s="313">
        <v>48</v>
      </c>
      <c r="BK27" s="313">
        <v>25</v>
      </c>
      <c r="BL27" s="313">
        <v>15</v>
      </c>
      <c r="BM27" s="313">
        <v>0</v>
      </c>
      <c r="BN27" s="310">
        <v>88</v>
      </c>
      <c r="BO27" s="315">
        <v>88</v>
      </c>
      <c r="BP27" s="309">
        <v>0</v>
      </c>
      <c r="BQ27" s="313">
        <v>0</v>
      </c>
      <c r="BR27" s="310">
        <v>0</v>
      </c>
      <c r="BS27" s="312">
        <v>0</v>
      </c>
      <c r="BT27" s="313">
        <v>0</v>
      </c>
      <c r="BU27" s="313">
        <v>4</v>
      </c>
      <c r="BV27" s="313">
        <v>4</v>
      </c>
      <c r="BW27" s="313">
        <v>4</v>
      </c>
      <c r="BX27" s="313">
        <v>0</v>
      </c>
      <c r="BY27" s="310">
        <v>12</v>
      </c>
      <c r="BZ27" s="315">
        <v>12</v>
      </c>
      <c r="CA27" s="309">
        <v>0</v>
      </c>
      <c r="CB27" s="313">
        <v>0</v>
      </c>
      <c r="CC27" s="310">
        <v>0</v>
      </c>
      <c r="CD27" s="312">
        <v>0</v>
      </c>
      <c r="CE27" s="313">
        <v>0</v>
      </c>
      <c r="CF27" s="313">
        <v>0</v>
      </c>
      <c r="CG27" s="313">
        <v>0</v>
      </c>
      <c r="CH27" s="313">
        <v>0</v>
      </c>
      <c r="CI27" s="313">
        <v>0</v>
      </c>
      <c r="CJ27" s="310">
        <v>0</v>
      </c>
      <c r="CK27" s="315">
        <v>0</v>
      </c>
      <c r="CL27" s="309">
        <v>0</v>
      </c>
      <c r="CM27" s="313">
        <v>0</v>
      </c>
      <c r="CN27" s="310">
        <v>0</v>
      </c>
      <c r="CO27" s="312">
        <v>0</v>
      </c>
      <c r="CP27" s="313">
        <v>0</v>
      </c>
      <c r="CQ27" s="313">
        <v>0</v>
      </c>
      <c r="CR27" s="313">
        <v>0</v>
      </c>
      <c r="CS27" s="313">
        <v>0</v>
      </c>
      <c r="CT27" s="313">
        <v>0</v>
      </c>
      <c r="CU27" s="310">
        <v>0</v>
      </c>
      <c r="CV27" s="315">
        <v>0</v>
      </c>
      <c r="CW27" s="309">
        <v>0</v>
      </c>
      <c r="CX27" s="313">
        <v>0</v>
      </c>
      <c r="CY27" s="310">
        <v>0</v>
      </c>
      <c r="CZ27" s="312">
        <v>0</v>
      </c>
      <c r="DA27" s="313">
        <v>0</v>
      </c>
      <c r="DB27" s="313">
        <v>0</v>
      </c>
      <c r="DC27" s="313">
        <v>0</v>
      </c>
      <c r="DD27" s="313">
        <v>0</v>
      </c>
      <c r="DE27" s="313">
        <v>0</v>
      </c>
      <c r="DF27" s="310">
        <v>0</v>
      </c>
      <c r="DG27" s="315">
        <v>0</v>
      </c>
    </row>
    <row r="28" spans="1:111" ht="18.75" customHeight="1" x14ac:dyDescent="0.2">
      <c r="A28" s="294" t="s">
        <v>26</v>
      </c>
      <c r="B28" s="309">
        <v>0</v>
      </c>
      <c r="C28" s="310">
        <v>0</v>
      </c>
      <c r="D28" s="311">
        <v>0</v>
      </c>
      <c r="E28" s="312">
        <v>0</v>
      </c>
      <c r="F28" s="313">
        <v>33</v>
      </c>
      <c r="G28" s="313">
        <v>144</v>
      </c>
      <c r="H28" s="313">
        <v>69</v>
      </c>
      <c r="I28" s="313">
        <v>75</v>
      </c>
      <c r="J28" s="313">
        <v>14</v>
      </c>
      <c r="K28" s="314">
        <v>335</v>
      </c>
      <c r="L28" s="315">
        <v>335</v>
      </c>
      <c r="M28" s="309">
        <v>0</v>
      </c>
      <c r="N28" s="313">
        <v>0</v>
      </c>
      <c r="O28" s="310">
        <v>0</v>
      </c>
      <c r="P28" s="312">
        <v>0</v>
      </c>
      <c r="Q28" s="313">
        <v>0</v>
      </c>
      <c r="R28" s="313">
        <v>0</v>
      </c>
      <c r="S28" s="313">
        <v>0</v>
      </c>
      <c r="T28" s="313">
        <v>0</v>
      </c>
      <c r="U28" s="313">
        <v>3</v>
      </c>
      <c r="V28" s="310">
        <v>3</v>
      </c>
      <c r="W28" s="315">
        <v>3</v>
      </c>
      <c r="X28" s="309">
        <v>0</v>
      </c>
      <c r="Y28" s="313">
        <v>14</v>
      </c>
      <c r="Z28" s="310">
        <v>14</v>
      </c>
      <c r="AA28" s="312">
        <v>0</v>
      </c>
      <c r="AB28" s="313">
        <v>15</v>
      </c>
      <c r="AC28" s="313">
        <v>85</v>
      </c>
      <c r="AD28" s="313">
        <v>9</v>
      </c>
      <c r="AE28" s="313">
        <v>12</v>
      </c>
      <c r="AF28" s="313">
        <v>10</v>
      </c>
      <c r="AG28" s="310">
        <v>131</v>
      </c>
      <c r="AH28" s="315">
        <v>145</v>
      </c>
      <c r="AI28" s="309">
        <v>0</v>
      </c>
      <c r="AJ28" s="313">
        <v>0</v>
      </c>
      <c r="AK28" s="310">
        <v>0</v>
      </c>
      <c r="AL28" s="312">
        <v>0</v>
      </c>
      <c r="AM28" s="313">
        <v>0</v>
      </c>
      <c r="AN28" s="313">
        <v>0</v>
      </c>
      <c r="AO28" s="313">
        <v>0</v>
      </c>
      <c r="AP28" s="313">
        <v>0</v>
      </c>
      <c r="AQ28" s="313">
        <v>0</v>
      </c>
      <c r="AR28" s="310">
        <v>0</v>
      </c>
      <c r="AS28" s="315">
        <v>0</v>
      </c>
      <c r="AT28" s="309">
        <v>0</v>
      </c>
      <c r="AU28" s="313">
        <v>0</v>
      </c>
      <c r="AV28" s="310">
        <v>0</v>
      </c>
      <c r="AW28" s="312">
        <v>0</v>
      </c>
      <c r="AX28" s="313">
        <v>85</v>
      </c>
      <c r="AY28" s="313">
        <v>43</v>
      </c>
      <c r="AZ28" s="313">
        <v>7</v>
      </c>
      <c r="BA28" s="313">
        <v>0</v>
      </c>
      <c r="BB28" s="313">
        <v>0</v>
      </c>
      <c r="BC28" s="314">
        <v>135</v>
      </c>
      <c r="BD28" s="315">
        <v>135</v>
      </c>
      <c r="BE28" s="309">
        <v>0</v>
      </c>
      <c r="BF28" s="313">
        <v>0</v>
      </c>
      <c r="BG28" s="310">
        <v>0</v>
      </c>
      <c r="BH28" s="312">
        <v>0</v>
      </c>
      <c r="BI28" s="313">
        <v>14</v>
      </c>
      <c r="BJ28" s="313">
        <v>20</v>
      </c>
      <c r="BK28" s="313">
        <v>4</v>
      </c>
      <c r="BL28" s="313">
        <v>0</v>
      </c>
      <c r="BM28" s="313">
        <v>0</v>
      </c>
      <c r="BN28" s="310">
        <v>38</v>
      </c>
      <c r="BO28" s="315">
        <v>38</v>
      </c>
      <c r="BP28" s="309">
        <v>0</v>
      </c>
      <c r="BQ28" s="313">
        <v>0</v>
      </c>
      <c r="BR28" s="310">
        <v>0</v>
      </c>
      <c r="BS28" s="312">
        <v>0</v>
      </c>
      <c r="BT28" s="313">
        <v>5</v>
      </c>
      <c r="BU28" s="313">
        <v>0</v>
      </c>
      <c r="BV28" s="313">
        <v>16</v>
      </c>
      <c r="BW28" s="313">
        <v>0</v>
      </c>
      <c r="BX28" s="313">
        <v>0</v>
      </c>
      <c r="BY28" s="310">
        <v>21</v>
      </c>
      <c r="BZ28" s="315">
        <v>21</v>
      </c>
      <c r="CA28" s="309">
        <v>0</v>
      </c>
      <c r="CB28" s="313">
        <v>0</v>
      </c>
      <c r="CC28" s="310">
        <v>0</v>
      </c>
      <c r="CD28" s="312">
        <v>0</v>
      </c>
      <c r="CE28" s="313">
        <v>0</v>
      </c>
      <c r="CF28" s="313">
        <v>0</v>
      </c>
      <c r="CG28" s="313">
        <v>0</v>
      </c>
      <c r="CH28" s="313">
        <v>0</v>
      </c>
      <c r="CI28" s="313">
        <v>0</v>
      </c>
      <c r="CJ28" s="310">
        <v>0</v>
      </c>
      <c r="CK28" s="315">
        <v>0</v>
      </c>
      <c r="CL28" s="309">
        <v>0</v>
      </c>
      <c r="CM28" s="313">
        <v>0</v>
      </c>
      <c r="CN28" s="310">
        <v>0</v>
      </c>
      <c r="CO28" s="312">
        <v>0</v>
      </c>
      <c r="CP28" s="313">
        <v>0</v>
      </c>
      <c r="CQ28" s="313">
        <v>0</v>
      </c>
      <c r="CR28" s="313">
        <v>0</v>
      </c>
      <c r="CS28" s="313">
        <v>0</v>
      </c>
      <c r="CT28" s="313">
        <v>0</v>
      </c>
      <c r="CU28" s="310">
        <v>0</v>
      </c>
      <c r="CV28" s="315">
        <v>0</v>
      </c>
      <c r="CW28" s="309">
        <v>0</v>
      </c>
      <c r="CX28" s="313">
        <v>0</v>
      </c>
      <c r="CY28" s="310">
        <v>0</v>
      </c>
      <c r="CZ28" s="312">
        <v>0</v>
      </c>
      <c r="DA28" s="313">
        <v>0</v>
      </c>
      <c r="DB28" s="313">
        <v>0</v>
      </c>
      <c r="DC28" s="313">
        <v>0</v>
      </c>
      <c r="DD28" s="313">
        <v>0</v>
      </c>
      <c r="DE28" s="313">
        <v>0</v>
      </c>
      <c r="DF28" s="310">
        <v>0</v>
      </c>
      <c r="DG28" s="315">
        <v>0</v>
      </c>
    </row>
    <row r="29" spans="1:111" ht="18.75" customHeight="1" x14ac:dyDescent="0.2">
      <c r="A29" s="294" t="s">
        <v>27</v>
      </c>
      <c r="B29" s="309">
        <v>0</v>
      </c>
      <c r="C29" s="310">
        <v>0</v>
      </c>
      <c r="D29" s="311">
        <v>0</v>
      </c>
      <c r="E29" s="312">
        <v>0</v>
      </c>
      <c r="F29" s="313">
        <v>76</v>
      </c>
      <c r="G29" s="313">
        <v>34</v>
      </c>
      <c r="H29" s="313">
        <v>20</v>
      </c>
      <c r="I29" s="313">
        <v>93</v>
      </c>
      <c r="J29" s="313">
        <v>93</v>
      </c>
      <c r="K29" s="314">
        <v>316</v>
      </c>
      <c r="L29" s="315">
        <v>316</v>
      </c>
      <c r="M29" s="309">
        <v>0</v>
      </c>
      <c r="N29" s="313">
        <v>0</v>
      </c>
      <c r="O29" s="310">
        <v>0</v>
      </c>
      <c r="P29" s="312">
        <v>0</v>
      </c>
      <c r="Q29" s="313">
        <v>0</v>
      </c>
      <c r="R29" s="313">
        <v>0</v>
      </c>
      <c r="S29" s="313">
        <v>0</v>
      </c>
      <c r="T29" s="313">
        <v>0</v>
      </c>
      <c r="U29" s="313">
        <v>0</v>
      </c>
      <c r="V29" s="310">
        <v>0</v>
      </c>
      <c r="W29" s="315">
        <v>0</v>
      </c>
      <c r="X29" s="309">
        <v>25</v>
      </c>
      <c r="Y29" s="313">
        <v>12</v>
      </c>
      <c r="Z29" s="310">
        <v>37</v>
      </c>
      <c r="AA29" s="312">
        <v>0</v>
      </c>
      <c r="AB29" s="313">
        <v>28</v>
      </c>
      <c r="AC29" s="313">
        <v>26</v>
      </c>
      <c r="AD29" s="313">
        <v>22</v>
      </c>
      <c r="AE29" s="313">
        <v>13</v>
      </c>
      <c r="AF29" s="313">
        <v>4</v>
      </c>
      <c r="AG29" s="310">
        <v>93</v>
      </c>
      <c r="AH29" s="315">
        <v>130</v>
      </c>
      <c r="AI29" s="309">
        <v>0</v>
      </c>
      <c r="AJ29" s="313">
        <v>12</v>
      </c>
      <c r="AK29" s="310">
        <v>12</v>
      </c>
      <c r="AL29" s="312">
        <v>0</v>
      </c>
      <c r="AM29" s="313">
        <v>0</v>
      </c>
      <c r="AN29" s="313">
        <v>0</v>
      </c>
      <c r="AO29" s="313">
        <v>0</v>
      </c>
      <c r="AP29" s="313">
        <v>0</v>
      </c>
      <c r="AQ29" s="313">
        <v>0</v>
      </c>
      <c r="AR29" s="310">
        <v>0</v>
      </c>
      <c r="AS29" s="315">
        <v>12</v>
      </c>
      <c r="AT29" s="309">
        <v>0</v>
      </c>
      <c r="AU29" s="313">
        <v>0</v>
      </c>
      <c r="AV29" s="310">
        <v>0</v>
      </c>
      <c r="AW29" s="312">
        <v>0</v>
      </c>
      <c r="AX29" s="313">
        <v>24</v>
      </c>
      <c r="AY29" s="313">
        <v>13</v>
      </c>
      <c r="AZ29" s="313">
        <v>34</v>
      </c>
      <c r="BA29" s="313">
        <v>3</v>
      </c>
      <c r="BB29" s="313">
        <v>0</v>
      </c>
      <c r="BC29" s="314">
        <v>74</v>
      </c>
      <c r="BD29" s="315">
        <v>74</v>
      </c>
      <c r="BE29" s="309">
        <v>0</v>
      </c>
      <c r="BF29" s="313">
        <v>0</v>
      </c>
      <c r="BG29" s="310">
        <v>0</v>
      </c>
      <c r="BH29" s="312">
        <v>0</v>
      </c>
      <c r="BI29" s="313">
        <v>4</v>
      </c>
      <c r="BJ29" s="313">
        <v>12</v>
      </c>
      <c r="BK29" s="313">
        <v>6</v>
      </c>
      <c r="BL29" s="313">
        <v>0</v>
      </c>
      <c r="BM29" s="313">
        <v>0</v>
      </c>
      <c r="BN29" s="310">
        <v>22</v>
      </c>
      <c r="BO29" s="315">
        <v>22</v>
      </c>
      <c r="BP29" s="309">
        <v>0</v>
      </c>
      <c r="BQ29" s="313">
        <v>0</v>
      </c>
      <c r="BR29" s="310">
        <v>0</v>
      </c>
      <c r="BS29" s="312">
        <v>0</v>
      </c>
      <c r="BT29" s="313">
        <v>0</v>
      </c>
      <c r="BU29" s="313">
        <v>0</v>
      </c>
      <c r="BV29" s="313">
        <v>9</v>
      </c>
      <c r="BW29" s="313">
        <v>0</v>
      </c>
      <c r="BX29" s="313">
        <v>0</v>
      </c>
      <c r="BY29" s="310">
        <v>9</v>
      </c>
      <c r="BZ29" s="315">
        <v>9</v>
      </c>
      <c r="CA29" s="309">
        <v>0</v>
      </c>
      <c r="CB29" s="313">
        <v>0</v>
      </c>
      <c r="CC29" s="310">
        <v>0</v>
      </c>
      <c r="CD29" s="312">
        <v>0</v>
      </c>
      <c r="CE29" s="313">
        <v>1</v>
      </c>
      <c r="CF29" s="313">
        <v>4</v>
      </c>
      <c r="CG29" s="313">
        <v>0</v>
      </c>
      <c r="CH29" s="313">
        <v>0</v>
      </c>
      <c r="CI29" s="313">
        <v>0</v>
      </c>
      <c r="CJ29" s="310">
        <v>5</v>
      </c>
      <c r="CK29" s="315">
        <v>5</v>
      </c>
      <c r="CL29" s="309">
        <v>0</v>
      </c>
      <c r="CM29" s="313">
        <v>0</v>
      </c>
      <c r="CN29" s="310">
        <v>0</v>
      </c>
      <c r="CO29" s="312">
        <v>0</v>
      </c>
      <c r="CP29" s="313">
        <v>0</v>
      </c>
      <c r="CQ29" s="313">
        <v>0</v>
      </c>
      <c r="CR29" s="313">
        <v>0</v>
      </c>
      <c r="CS29" s="313">
        <v>0</v>
      </c>
      <c r="CT29" s="313">
        <v>0</v>
      </c>
      <c r="CU29" s="310">
        <v>0</v>
      </c>
      <c r="CV29" s="315">
        <v>0</v>
      </c>
      <c r="CW29" s="309">
        <v>0</v>
      </c>
      <c r="CX29" s="313">
        <v>0</v>
      </c>
      <c r="CY29" s="310">
        <v>0</v>
      </c>
      <c r="CZ29" s="312">
        <v>0</v>
      </c>
      <c r="DA29" s="313">
        <v>0</v>
      </c>
      <c r="DB29" s="313">
        <v>0</v>
      </c>
      <c r="DC29" s="313">
        <v>0</v>
      </c>
      <c r="DD29" s="313">
        <v>0</v>
      </c>
      <c r="DE29" s="313">
        <v>0</v>
      </c>
      <c r="DF29" s="310">
        <v>0</v>
      </c>
      <c r="DG29" s="315">
        <v>0</v>
      </c>
    </row>
    <row r="30" spans="1:111" ht="18.75" customHeight="1" x14ac:dyDescent="0.2">
      <c r="A30" s="294" t="s">
        <v>28</v>
      </c>
      <c r="B30" s="309">
        <v>0</v>
      </c>
      <c r="C30" s="310">
        <v>0</v>
      </c>
      <c r="D30" s="311">
        <v>0</v>
      </c>
      <c r="E30" s="312">
        <v>0</v>
      </c>
      <c r="F30" s="313">
        <v>7</v>
      </c>
      <c r="G30" s="313">
        <v>39</v>
      </c>
      <c r="H30" s="313">
        <v>0</v>
      </c>
      <c r="I30" s="313">
        <v>0</v>
      </c>
      <c r="J30" s="313">
        <v>0</v>
      </c>
      <c r="K30" s="314">
        <v>46</v>
      </c>
      <c r="L30" s="315">
        <v>46</v>
      </c>
      <c r="M30" s="309">
        <v>0</v>
      </c>
      <c r="N30" s="313">
        <v>0</v>
      </c>
      <c r="O30" s="310">
        <v>0</v>
      </c>
      <c r="P30" s="312">
        <v>0</v>
      </c>
      <c r="Q30" s="313">
        <v>0</v>
      </c>
      <c r="R30" s="313">
        <v>0</v>
      </c>
      <c r="S30" s="313">
        <v>0</v>
      </c>
      <c r="T30" s="313">
        <v>0</v>
      </c>
      <c r="U30" s="313">
        <v>0</v>
      </c>
      <c r="V30" s="310">
        <v>0</v>
      </c>
      <c r="W30" s="315">
        <v>0</v>
      </c>
      <c r="X30" s="309">
        <v>0</v>
      </c>
      <c r="Y30" s="313">
        <v>0</v>
      </c>
      <c r="Z30" s="310">
        <v>0</v>
      </c>
      <c r="AA30" s="312">
        <v>0</v>
      </c>
      <c r="AB30" s="313">
        <v>0</v>
      </c>
      <c r="AC30" s="313">
        <v>5</v>
      </c>
      <c r="AD30" s="313">
        <v>2</v>
      </c>
      <c r="AE30" s="313">
        <v>0</v>
      </c>
      <c r="AF30" s="313">
        <v>0</v>
      </c>
      <c r="AG30" s="310">
        <v>7</v>
      </c>
      <c r="AH30" s="315">
        <v>7</v>
      </c>
      <c r="AI30" s="309">
        <v>0</v>
      </c>
      <c r="AJ30" s="313">
        <v>0</v>
      </c>
      <c r="AK30" s="310">
        <v>0</v>
      </c>
      <c r="AL30" s="312">
        <v>0</v>
      </c>
      <c r="AM30" s="313">
        <v>24</v>
      </c>
      <c r="AN30" s="313">
        <v>0</v>
      </c>
      <c r="AO30" s="313">
        <v>0</v>
      </c>
      <c r="AP30" s="313">
        <v>0</v>
      </c>
      <c r="AQ30" s="313">
        <v>0</v>
      </c>
      <c r="AR30" s="310">
        <v>24</v>
      </c>
      <c r="AS30" s="315">
        <v>24</v>
      </c>
      <c r="AT30" s="309">
        <v>0</v>
      </c>
      <c r="AU30" s="313">
        <v>0</v>
      </c>
      <c r="AV30" s="310">
        <v>0</v>
      </c>
      <c r="AW30" s="312">
        <v>0</v>
      </c>
      <c r="AX30" s="313">
        <v>8</v>
      </c>
      <c r="AY30" s="313">
        <v>15</v>
      </c>
      <c r="AZ30" s="313">
        <v>0</v>
      </c>
      <c r="BA30" s="313">
        <v>0</v>
      </c>
      <c r="BB30" s="313">
        <v>0</v>
      </c>
      <c r="BC30" s="314">
        <v>23</v>
      </c>
      <c r="BD30" s="315">
        <v>23</v>
      </c>
      <c r="BE30" s="309">
        <v>0</v>
      </c>
      <c r="BF30" s="313">
        <v>0</v>
      </c>
      <c r="BG30" s="310">
        <v>0</v>
      </c>
      <c r="BH30" s="312">
        <v>0</v>
      </c>
      <c r="BI30" s="313">
        <v>12</v>
      </c>
      <c r="BJ30" s="313">
        <v>5</v>
      </c>
      <c r="BK30" s="313">
        <v>8</v>
      </c>
      <c r="BL30" s="313">
        <v>0</v>
      </c>
      <c r="BM30" s="313">
        <v>6</v>
      </c>
      <c r="BN30" s="310">
        <v>31</v>
      </c>
      <c r="BO30" s="315">
        <v>31</v>
      </c>
      <c r="BP30" s="309">
        <v>0</v>
      </c>
      <c r="BQ30" s="313">
        <v>0</v>
      </c>
      <c r="BR30" s="310">
        <v>0</v>
      </c>
      <c r="BS30" s="312">
        <v>0</v>
      </c>
      <c r="BT30" s="313">
        <v>0</v>
      </c>
      <c r="BU30" s="313">
        <v>0</v>
      </c>
      <c r="BV30" s="313">
        <v>0</v>
      </c>
      <c r="BW30" s="313">
        <v>0</v>
      </c>
      <c r="BX30" s="313">
        <v>0</v>
      </c>
      <c r="BY30" s="310">
        <v>0</v>
      </c>
      <c r="BZ30" s="315">
        <v>0</v>
      </c>
      <c r="CA30" s="309">
        <v>0</v>
      </c>
      <c r="CB30" s="313">
        <v>0</v>
      </c>
      <c r="CC30" s="310">
        <v>0</v>
      </c>
      <c r="CD30" s="312">
        <v>0</v>
      </c>
      <c r="CE30" s="313">
        <v>0</v>
      </c>
      <c r="CF30" s="313">
        <v>0</v>
      </c>
      <c r="CG30" s="313">
        <v>0</v>
      </c>
      <c r="CH30" s="313">
        <v>0</v>
      </c>
      <c r="CI30" s="313">
        <v>0</v>
      </c>
      <c r="CJ30" s="310">
        <v>0</v>
      </c>
      <c r="CK30" s="315">
        <v>0</v>
      </c>
      <c r="CL30" s="309">
        <v>0</v>
      </c>
      <c r="CM30" s="313">
        <v>0</v>
      </c>
      <c r="CN30" s="310">
        <v>0</v>
      </c>
      <c r="CO30" s="312">
        <v>0</v>
      </c>
      <c r="CP30" s="313">
        <v>0</v>
      </c>
      <c r="CQ30" s="313">
        <v>0</v>
      </c>
      <c r="CR30" s="313">
        <v>0</v>
      </c>
      <c r="CS30" s="313">
        <v>0</v>
      </c>
      <c r="CT30" s="313">
        <v>0</v>
      </c>
      <c r="CU30" s="310">
        <v>0</v>
      </c>
      <c r="CV30" s="315">
        <v>0</v>
      </c>
      <c r="CW30" s="309">
        <v>0</v>
      </c>
      <c r="CX30" s="313">
        <v>0</v>
      </c>
      <c r="CY30" s="310">
        <v>0</v>
      </c>
      <c r="CZ30" s="312">
        <v>0</v>
      </c>
      <c r="DA30" s="313">
        <v>0</v>
      </c>
      <c r="DB30" s="313">
        <v>0</v>
      </c>
      <c r="DC30" s="313">
        <v>0</v>
      </c>
      <c r="DD30" s="313">
        <v>0</v>
      </c>
      <c r="DE30" s="313">
        <v>0</v>
      </c>
      <c r="DF30" s="310">
        <v>0</v>
      </c>
      <c r="DG30" s="315">
        <v>0</v>
      </c>
    </row>
    <row r="31" spans="1:111" ht="18.75" customHeight="1" x14ac:dyDescent="0.2">
      <c r="A31" s="294" t="s">
        <v>29</v>
      </c>
      <c r="B31" s="309">
        <v>0</v>
      </c>
      <c r="C31" s="310">
        <v>0</v>
      </c>
      <c r="D31" s="311">
        <v>0</v>
      </c>
      <c r="E31" s="312">
        <v>0</v>
      </c>
      <c r="F31" s="313">
        <v>4</v>
      </c>
      <c r="G31" s="313">
        <v>31</v>
      </c>
      <c r="H31" s="313">
        <v>0</v>
      </c>
      <c r="I31" s="313">
        <v>0</v>
      </c>
      <c r="J31" s="313">
        <v>0</v>
      </c>
      <c r="K31" s="314">
        <v>35</v>
      </c>
      <c r="L31" s="315">
        <v>35</v>
      </c>
      <c r="M31" s="309">
        <v>0</v>
      </c>
      <c r="N31" s="313">
        <v>0</v>
      </c>
      <c r="O31" s="310">
        <v>0</v>
      </c>
      <c r="P31" s="312">
        <v>0</v>
      </c>
      <c r="Q31" s="313">
        <v>0</v>
      </c>
      <c r="R31" s="313">
        <v>0</v>
      </c>
      <c r="S31" s="313">
        <v>4</v>
      </c>
      <c r="T31" s="313">
        <v>0</v>
      </c>
      <c r="U31" s="313">
        <v>0</v>
      </c>
      <c r="V31" s="310">
        <v>4</v>
      </c>
      <c r="W31" s="315">
        <v>4</v>
      </c>
      <c r="X31" s="309">
        <v>0</v>
      </c>
      <c r="Y31" s="313">
        <v>0</v>
      </c>
      <c r="Z31" s="310">
        <v>0</v>
      </c>
      <c r="AA31" s="312">
        <v>0</v>
      </c>
      <c r="AB31" s="313">
        <v>15</v>
      </c>
      <c r="AC31" s="313">
        <v>17</v>
      </c>
      <c r="AD31" s="313">
        <v>39</v>
      </c>
      <c r="AE31" s="313">
        <v>0</v>
      </c>
      <c r="AF31" s="313">
        <v>0</v>
      </c>
      <c r="AG31" s="310">
        <v>71</v>
      </c>
      <c r="AH31" s="315">
        <v>71</v>
      </c>
      <c r="AI31" s="309">
        <v>0</v>
      </c>
      <c r="AJ31" s="313">
        <v>0</v>
      </c>
      <c r="AK31" s="310">
        <v>0</v>
      </c>
      <c r="AL31" s="312">
        <v>0</v>
      </c>
      <c r="AM31" s="313">
        <v>0</v>
      </c>
      <c r="AN31" s="313">
        <v>12</v>
      </c>
      <c r="AO31" s="313">
        <v>0</v>
      </c>
      <c r="AP31" s="313">
        <v>0</v>
      </c>
      <c r="AQ31" s="313">
        <v>0</v>
      </c>
      <c r="AR31" s="310">
        <v>12</v>
      </c>
      <c r="AS31" s="315">
        <v>12</v>
      </c>
      <c r="AT31" s="309">
        <v>0</v>
      </c>
      <c r="AU31" s="313">
        <v>0</v>
      </c>
      <c r="AV31" s="310">
        <v>0</v>
      </c>
      <c r="AW31" s="312">
        <v>0</v>
      </c>
      <c r="AX31" s="313">
        <v>17</v>
      </c>
      <c r="AY31" s="313">
        <v>0</v>
      </c>
      <c r="AZ31" s="313">
        <v>3</v>
      </c>
      <c r="BA31" s="313">
        <v>0</v>
      </c>
      <c r="BB31" s="313">
        <v>0</v>
      </c>
      <c r="BC31" s="314">
        <v>20</v>
      </c>
      <c r="BD31" s="315">
        <v>20</v>
      </c>
      <c r="BE31" s="309">
        <v>0</v>
      </c>
      <c r="BF31" s="313">
        <v>0</v>
      </c>
      <c r="BG31" s="310">
        <v>0</v>
      </c>
      <c r="BH31" s="312">
        <v>0</v>
      </c>
      <c r="BI31" s="313">
        <v>0</v>
      </c>
      <c r="BJ31" s="313">
        <v>7</v>
      </c>
      <c r="BK31" s="313">
        <v>16</v>
      </c>
      <c r="BL31" s="313">
        <v>0</v>
      </c>
      <c r="BM31" s="313">
        <v>0</v>
      </c>
      <c r="BN31" s="310">
        <v>23</v>
      </c>
      <c r="BO31" s="315">
        <v>23</v>
      </c>
      <c r="BP31" s="309">
        <v>0</v>
      </c>
      <c r="BQ31" s="313">
        <v>0</v>
      </c>
      <c r="BR31" s="310">
        <v>0</v>
      </c>
      <c r="BS31" s="312">
        <v>0</v>
      </c>
      <c r="BT31" s="313">
        <v>0</v>
      </c>
      <c r="BU31" s="313">
        <v>0</v>
      </c>
      <c r="BV31" s="313">
        <v>2</v>
      </c>
      <c r="BW31" s="313">
        <v>0</v>
      </c>
      <c r="BX31" s="313">
        <v>0</v>
      </c>
      <c r="BY31" s="310">
        <v>2</v>
      </c>
      <c r="BZ31" s="315">
        <v>2</v>
      </c>
      <c r="CA31" s="309">
        <v>0</v>
      </c>
      <c r="CB31" s="313">
        <v>0</v>
      </c>
      <c r="CC31" s="310">
        <v>0</v>
      </c>
      <c r="CD31" s="312">
        <v>0</v>
      </c>
      <c r="CE31" s="313">
        <v>0</v>
      </c>
      <c r="CF31" s="313">
        <v>0</v>
      </c>
      <c r="CG31" s="313">
        <v>0</v>
      </c>
      <c r="CH31" s="313">
        <v>0</v>
      </c>
      <c r="CI31" s="313">
        <v>0</v>
      </c>
      <c r="CJ31" s="310">
        <v>0</v>
      </c>
      <c r="CK31" s="315">
        <v>0</v>
      </c>
      <c r="CL31" s="309">
        <v>0</v>
      </c>
      <c r="CM31" s="313">
        <v>0</v>
      </c>
      <c r="CN31" s="310">
        <v>0</v>
      </c>
      <c r="CO31" s="312">
        <v>0</v>
      </c>
      <c r="CP31" s="313">
        <v>0</v>
      </c>
      <c r="CQ31" s="313">
        <v>0</v>
      </c>
      <c r="CR31" s="313">
        <v>0</v>
      </c>
      <c r="CS31" s="313">
        <v>0</v>
      </c>
      <c r="CT31" s="313">
        <v>0</v>
      </c>
      <c r="CU31" s="310">
        <v>0</v>
      </c>
      <c r="CV31" s="315">
        <v>0</v>
      </c>
      <c r="CW31" s="309">
        <v>0</v>
      </c>
      <c r="CX31" s="313">
        <v>0</v>
      </c>
      <c r="CY31" s="310">
        <v>0</v>
      </c>
      <c r="CZ31" s="312">
        <v>0</v>
      </c>
      <c r="DA31" s="313">
        <v>0</v>
      </c>
      <c r="DB31" s="313">
        <v>0</v>
      </c>
      <c r="DC31" s="313">
        <v>0</v>
      </c>
      <c r="DD31" s="313">
        <v>0</v>
      </c>
      <c r="DE31" s="313">
        <v>0</v>
      </c>
      <c r="DF31" s="310">
        <v>0</v>
      </c>
      <c r="DG31" s="315">
        <v>0</v>
      </c>
    </row>
    <row r="32" spans="1:111" ht="18.75" customHeight="1" x14ac:dyDescent="0.2">
      <c r="A32" s="294" t="s">
        <v>30</v>
      </c>
      <c r="B32" s="309">
        <v>0</v>
      </c>
      <c r="C32" s="310">
        <v>0</v>
      </c>
      <c r="D32" s="311">
        <v>0</v>
      </c>
      <c r="E32" s="312">
        <v>0</v>
      </c>
      <c r="F32" s="313">
        <v>0</v>
      </c>
      <c r="G32" s="313">
        <v>9</v>
      </c>
      <c r="H32" s="313">
        <v>93</v>
      </c>
      <c r="I32" s="313">
        <v>71</v>
      </c>
      <c r="J32" s="313">
        <v>0</v>
      </c>
      <c r="K32" s="314">
        <v>173</v>
      </c>
      <c r="L32" s="315">
        <v>173</v>
      </c>
      <c r="M32" s="309">
        <v>0</v>
      </c>
      <c r="N32" s="313">
        <v>0</v>
      </c>
      <c r="O32" s="310">
        <v>0</v>
      </c>
      <c r="P32" s="312">
        <v>0</v>
      </c>
      <c r="Q32" s="313">
        <v>0</v>
      </c>
      <c r="R32" s="313">
        <v>0</v>
      </c>
      <c r="S32" s="313">
        <v>0</v>
      </c>
      <c r="T32" s="313">
        <v>4</v>
      </c>
      <c r="U32" s="313">
        <v>0</v>
      </c>
      <c r="V32" s="310">
        <v>4</v>
      </c>
      <c r="W32" s="315">
        <v>4</v>
      </c>
      <c r="X32" s="309">
        <v>0</v>
      </c>
      <c r="Y32" s="313">
        <v>0</v>
      </c>
      <c r="Z32" s="310">
        <v>0</v>
      </c>
      <c r="AA32" s="312">
        <v>0</v>
      </c>
      <c r="AB32" s="313">
        <v>0</v>
      </c>
      <c r="AC32" s="313">
        <v>5</v>
      </c>
      <c r="AD32" s="313">
        <v>0</v>
      </c>
      <c r="AE32" s="313">
        <v>4</v>
      </c>
      <c r="AF32" s="313">
        <v>0</v>
      </c>
      <c r="AG32" s="310">
        <v>9</v>
      </c>
      <c r="AH32" s="315">
        <v>9</v>
      </c>
      <c r="AI32" s="309">
        <v>0</v>
      </c>
      <c r="AJ32" s="313">
        <v>0</v>
      </c>
      <c r="AK32" s="310">
        <v>0</v>
      </c>
      <c r="AL32" s="312">
        <v>0</v>
      </c>
      <c r="AM32" s="313">
        <v>0</v>
      </c>
      <c r="AN32" s="313">
        <v>0</v>
      </c>
      <c r="AO32" s="313">
        <v>0</v>
      </c>
      <c r="AP32" s="313">
        <v>21</v>
      </c>
      <c r="AQ32" s="313">
        <v>0</v>
      </c>
      <c r="AR32" s="310">
        <v>21</v>
      </c>
      <c r="AS32" s="315">
        <v>21</v>
      </c>
      <c r="AT32" s="309">
        <v>0</v>
      </c>
      <c r="AU32" s="313">
        <v>0</v>
      </c>
      <c r="AV32" s="310">
        <v>0</v>
      </c>
      <c r="AW32" s="312">
        <v>0</v>
      </c>
      <c r="AX32" s="313">
        <v>7</v>
      </c>
      <c r="AY32" s="313">
        <v>8</v>
      </c>
      <c r="AZ32" s="313">
        <v>21</v>
      </c>
      <c r="BA32" s="313">
        <v>0</v>
      </c>
      <c r="BB32" s="313">
        <v>0</v>
      </c>
      <c r="BC32" s="314">
        <v>36</v>
      </c>
      <c r="BD32" s="315">
        <v>36</v>
      </c>
      <c r="BE32" s="309">
        <v>0</v>
      </c>
      <c r="BF32" s="313">
        <v>0</v>
      </c>
      <c r="BG32" s="310">
        <v>0</v>
      </c>
      <c r="BH32" s="312">
        <v>0</v>
      </c>
      <c r="BI32" s="313">
        <v>0</v>
      </c>
      <c r="BJ32" s="313">
        <v>16</v>
      </c>
      <c r="BK32" s="313">
        <v>0</v>
      </c>
      <c r="BL32" s="313">
        <v>0</v>
      </c>
      <c r="BM32" s="313">
        <v>0</v>
      </c>
      <c r="BN32" s="310">
        <v>16</v>
      </c>
      <c r="BO32" s="315">
        <v>16</v>
      </c>
      <c r="BP32" s="309">
        <v>0</v>
      </c>
      <c r="BQ32" s="313">
        <v>0</v>
      </c>
      <c r="BR32" s="310">
        <v>0</v>
      </c>
      <c r="BS32" s="312">
        <v>0</v>
      </c>
      <c r="BT32" s="313">
        <v>0</v>
      </c>
      <c r="BU32" s="313">
        <v>0</v>
      </c>
      <c r="BV32" s="313">
        <v>4</v>
      </c>
      <c r="BW32" s="313">
        <v>0</v>
      </c>
      <c r="BX32" s="313">
        <v>0</v>
      </c>
      <c r="BY32" s="310">
        <v>4</v>
      </c>
      <c r="BZ32" s="315">
        <v>4</v>
      </c>
      <c r="CA32" s="309">
        <v>0</v>
      </c>
      <c r="CB32" s="313">
        <v>0</v>
      </c>
      <c r="CC32" s="310">
        <v>0</v>
      </c>
      <c r="CD32" s="312">
        <v>0</v>
      </c>
      <c r="CE32" s="313">
        <v>0</v>
      </c>
      <c r="CF32" s="313">
        <v>3</v>
      </c>
      <c r="CG32" s="313">
        <v>0</v>
      </c>
      <c r="CH32" s="313">
        <v>0</v>
      </c>
      <c r="CI32" s="313">
        <v>0</v>
      </c>
      <c r="CJ32" s="310">
        <v>3</v>
      </c>
      <c r="CK32" s="315">
        <v>3</v>
      </c>
      <c r="CL32" s="309">
        <v>0</v>
      </c>
      <c r="CM32" s="313">
        <v>0</v>
      </c>
      <c r="CN32" s="310">
        <v>0</v>
      </c>
      <c r="CO32" s="312">
        <v>0</v>
      </c>
      <c r="CP32" s="313">
        <v>0</v>
      </c>
      <c r="CQ32" s="313">
        <v>0</v>
      </c>
      <c r="CR32" s="313">
        <v>0</v>
      </c>
      <c r="CS32" s="313">
        <v>0</v>
      </c>
      <c r="CT32" s="313">
        <v>0</v>
      </c>
      <c r="CU32" s="310">
        <v>0</v>
      </c>
      <c r="CV32" s="315">
        <v>0</v>
      </c>
      <c r="CW32" s="309">
        <v>0</v>
      </c>
      <c r="CX32" s="313">
        <v>0</v>
      </c>
      <c r="CY32" s="310">
        <v>0</v>
      </c>
      <c r="CZ32" s="312">
        <v>0</v>
      </c>
      <c r="DA32" s="313">
        <v>0</v>
      </c>
      <c r="DB32" s="313">
        <v>0</v>
      </c>
      <c r="DC32" s="313">
        <v>0</v>
      </c>
      <c r="DD32" s="313">
        <v>0</v>
      </c>
      <c r="DE32" s="313">
        <v>0</v>
      </c>
      <c r="DF32" s="310">
        <v>0</v>
      </c>
      <c r="DG32" s="315">
        <v>0</v>
      </c>
    </row>
    <row r="33" spans="1:111" ht="18.75" customHeight="1" x14ac:dyDescent="0.2">
      <c r="A33" s="294" t="s">
        <v>31</v>
      </c>
      <c r="B33" s="309">
        <v>0</v>
      </c>
      <c r="C33" s="310">
        <v>0</v>
      </c>
      <c r="D33" s="311">
        <v>0</v>
      </c>
      <c r="E33" s="312">
        <v>0</v>
      </c>
      <c r="F33" s="313">
        <v>9</v>
      </c>
      <c r="G33" s="313">
        <v>0</v>
      </c>
      <c r="H33" s="313">
        <v>0</v>
      </c>
      <c r="I33" s="313">
        <v>0</v>
      </c>
      <c r="J33" s="313">
        <v>78</v>
      </c>
      <c r="K33" s="314">
        <v>87</v>
      </c>
      <c r="L33" s="315">
        <v>87</v>
      </c>
      <c r="M33" s="309">
        <v>0</v>
      </c>
      <c r="N33" s="313">
        <v>0</v>
      </c>
      <c r="O33" s="310">
        <v>0</v>
      </c>
      <c r="P33" s="312">
        <v>0</v>
      </c>
      <c r="Q33" s="313">
        <v>0</v>
      </c>
      <c r="R33" s="313">
        <v>0</v>
      </c>
      <c r="S33" s="313">
        <v>0</v>
      </c>
      <c r="T33" s="313">
        <v>0</v>
      </c>
      <c r="U33" s="313">
        <v>13</v>
      </c>
      <c r="V33" s="310">
        <v>13</v>
      </c>
      <c r="W33" s="315">
        <v>13</v>
      </c>
      <c r="X33" s="309">
        <v>2</v>
      </c>
      <c r="Y33" s="313">
        <v>0</v>
      </c>
      <c r="Z33" s="310">
        <v>2</v>
      </c>
      <c r="AA33" s="312">
        <v>0</v>
      </c>
      <c r="AB33" s="313">
        <v>8</v>
      </c>
      <c r="AC33" s="313">
        <v>0</v>
      </c>
      <c r="AD33" s="313">
        <v>0</v>
      </c>
      <c r="AE33" s="313">
        <v>0</v>
      </c>
      <c r="AF33" s="313">
        <v>57</v>
      </c>
      <c r="AG33" s="310">
        <v>65</v>
      </c>
      <c r="AH33" s="315">
        <v>67</v>
      </c>
      <c r="AI33" s="309">
        <v>0</v>
      </c>
      <c r="AJ33" s="313">
        <v>0</v>
      </c>
      <c r="AK33" s="310">
        <v>0</v>
      </c>
      <c r="AL33" s="312">
        <v>0</v>
      </c>
      <c r="AM33" s="313">
        <v>0</v>
      </c>
      <c r="AN33" s="313">
        <v>0</v>
      </c>
      <c r="AO33" s="313">
        <v>23</v>
      </c>
      <c r="AP33" s="313">
        <v>0</v>
      </c>
      <c r="AQ33" s="313">
        <v>0</v>
      </c>
      <c r="AR33" s="310">
        <v>23</v>
      </c>
      <c r="AS33" s="315">
        <v>23</v>
      </c>
      <c r="AT33" s="309">
        <v>0</v>
      </c>
      <c r="AU33" s="313">
        <v>0</v>
      </c>
      <c r="AV33" s="310">
        <v>0</v>
      </c>
      <c r="AW33" s="312">
        <v>0</v>
      </c>
      <c r="AX33" s="313">
        <v>0</v>
      </c>
      <c r="AY33" s="313">
        <v>9</v>
      </c>
      <c r="AZ33" s="313">
        <v>16</v>
      </c>
      <c r="BA33" s="313">
        <v>13</v>
      </c>
      <c r="BB33" s="313">
        <v>0</v>
      </c>
      <c r="BC33" s="314">
        <v>38</v>
      </c>
      <c r="BD33" s="315">
        <v>38</v>
      </c>
      <c r="BE33" s="309">
        <v>0</v>
      </c>
      <c r="BF33" s="313">
        <v>0</v>
      </c>
      <c r="BG33" s="310">
        <v>0</v>
      </c>
      <c r="BH33" s="312">
        <v>0</v>
      </c>
      <c r="BI33" s="313">
        <v>0</v>
      </c>
      <c r="BJ33" s="313">
        <v>0</v>
      </c>
      <c r="BK33" s="313">
        <v>0</v>
      </c>
      <c r="BL33" s="313">
        <v>0</v>
      </c>
      <c r="BM33" s="313">
        <v>0</v>
      </c>
      <c r="BN33" s="310">
        <v>0</v>
      </c>
      <c r="BO33" s="315">
        <v>0</v>
      </c>
      <c r="BP33" s="309">
        <v>0</v>
      </c>
      <c r="BQ33" s="313">
        <v>0</v>
      </c>
      <c r="BR33" s="310">
        <v>0</v>
      </c>
      <c r="BS33" s="312">
        <v>0</v>
      </c>
      <c r="BT33" s="313">
        <v>0</v>
      </c>
      <c r="BU33" s="313">
        <v>0</v>
      </c>
      <c r="BV33" s="313">
        <v>0</v>
      </c>
      <c r="BW33" s="313">
        <v>9</v>
      </c>
      <c r="BX33" s="313">
        <v>0</v>
      </c>
      <c r="BY33" s="310">
        <v>9</v>
      </c>
      <c r="BZ33" s="315">
        <v>9</v>
      </c>
      <c r="CA33" s="309">
        <v>0</v>
      </c>
      <c r="CB33" s="313">
        <v>0</v>
      </c>
      <c r="CC33" s="310">
        <v>0</v>
      </c>
      <c r="CD33" s="312">
        <v>0</v>
      </c>
      <c r="CE33" s="313">
        <v>0</v>
      </c>
      <c r="CF33" s="313">
        <v>5</v>
      </c>
      <c r="CG33" s="313">
        <v>0</v>
      </c>
      <c r="CH33" s="313">
        <v>0</v>
      </c>
      <c r="CI33" s="313">
        <v>0</v>
      </c>
      <c r="CJ33" s="310">
        <v>5</v>
      </c>
      <c r="CK33" s="315">
        <v>5</v>
      </c>
      <c r="CL33" s="309">
        <v>0</v>
      </c>
      <c r="CM33" s="313">
        <v>0</v>
      </c>
      <c r="CN33" s="310">
        <v>0</v>
      </c>
      <c r="CO33" s="312">
        <v>0</v>
      </c>
      <c r="CP33" s="313">
        <v>0</v>
      </c>
      <c r="CQ33" s="313">
        <v>0</v>
      </c>
      <c r="CR33" s="313">
        <v>0</v>
      </c>
      <c r="CS33" s="313">
        <v>0</v>
      </c>
      <c r="CT33" s="313">
        <v>0</v>
      </c>
      <c r="CU33" s="310">
        <v>0</v>
      </c>
      <c r="CV33" s="315">
        <v>0</v>
      </c>
      <c r="CW33" s="309">
        <v>0</v>
      </c>
      <c r="CX33" s="313">
        <v>0</v>
      </c>
      <c r="CY33" s="310">
        <v>0</v>
      </c>
      <c r="CZ33" s="312">
        <v>0</v>
      </c>
      <c r="DA33" s="313">
        <v>0</v>
      </c>
      <c r="DB33" s="313">
        <v>0</v>
      </c>
      <c r="DC33" s="313">
        <v>0</v>
      </c>
      <c r="DD33" s="313">
        <v>0</v>
      </c>
      <c r="DE33" s="313">
        <v>0</v>
      </c>
      <c r="DF33" s="310">
        <v>0</v>
      </c>
      <c r="DG33" s="315">
        <v>0</v>
      </c>
    </row>
    <row r="34" spans="1:111" ht="18.75" customHeight="1" x14ac:dyDescent="0.2">
      <c r="A34" s="294" t="s">
        <v>32</v>
      </c>
      <c r="B34" s="309">
        <v>0</v>
      </c>
      <c r="C34" s="310">
        <v>0</v>
      </c>
      <c r="D34" s="311">
        <v>0</v>
      </c>
      <c r="E34" s="312">
        <v>0</v>
      </c>
      <c r="F34" s="313">
        <v>12</v>
      </c>
      <c r="G34" s="313">
        <v>0</v>
      </c>
      <c r="H34" s="313">
        <v>0</v>
      </c>
      <c r="I34" s="313">
        <v>123</v>
      </c>
      <c r="J34" s="313">
        <v>0</v>
      </c>
      <c r="K34" s="314">
        <v>135</v>
      </c>
      <c r="L34" s="315">
        <v>135</v>
      </c>
      <c r="M34" s="309">
        <v>0</v>
      </c>
      <c r="N34" s="313">
        <v>0</v>
      </c>
      <c r="O34" s="310">
        <v>0</v>
      </c>
      <c r="P34" s="312">
        <v>0</v>
      </c>
      <c r="Q34" s="313">
        <v>0</v>
      </c>
      <c r="R34" s="313">
        <v>0</v>
      </c>
      <c r="S34" s="313">
        <v>0</v>
      </c>
      <c r="T34" s="313">
        <v>0</v>
      </c>
      <c r="U34" s="313">
        <v>0</v>
      </c>
      <c r="V34" s="310">
        <v>0</v>
      </c>
      <c r="W34" s="315">
        <v>0</v>
      </c>
      <c r="X34" s="309">
        <v>0</v>
      </c>
      <c r="Y34" s="313">
        <v>8</v>
      </c>
      <c r="Z34" s="310">
        <v>8</v>
      </c>
      <c r="AA34" s="312">
        <v>0</v>
      </c>
      <c r="AB34" s="313">
        <v>0</v>
      </c>
      <c r="AC34" s="313">
        <v>4</v>
      </c>
      <c r="AD34" s="313">
        <v>0</v>
      </c>
      <c r="AE34" s="313">
        <v>4</v>
      </c>
      <c r="AF34" s="313">
        <v>0</v>
      </c>
      <c r="AG34" s="310">
        <v>8</v>
      </c>
      <c r="AH34" s="315">
        <v>16</v>
      </c>
      <c r="AI34" s="309">
        <v>0</v>
      </c>
      <c r="AJ34" s="313">
        <v>0</v>
      </c>
      <c r="AK34" s="310">
        <v>0</v>
      </c>
      <c r="AL34" s="312">
        <v>0</v>
      </c>
      <c r="AM34" s="313">
        <v>0</v>
      </c>
      <c r="AN34" s="313">
        <v>0</v>
      </c>
      <c r="AO34" s="313">
        <v>6</v>
      </c>
      <c r="AP34" s="313">
        <v>0</v>
      </c>
      <c r="AQ34" s="313">
        <v>0</v>
      </c>
      <c r="AR34" s="310">
        <v>6</v>
      </c>
      <c r="AS34" s="315">
        <v>6</v>
      </c>
      <c r="AT34" s="309">
        <v>0</v>
      </c>
      <c r="AU34" s="313">
        <v>0</v>
      </c>
      <c r="AV34" s="310">
        <v>0</v>
      </c>
      <c r="AW34" s="312">
        <v>0</v>
      </c>
      <c r="AX34" s="313">
        <v>33</v>
      </c>
      <c r="AY34" s="313">
        <v>1</v>
      </c>
      <c r="AZ34" s="313">
        <v>0</v>
      </c>
      <c r="BA34" s="313">
        <v>0</v>
      </c>
      <c r="BB34" s="313">
        <v>0</v>
      </c>
      <c r="BC34" s="314">
        <v>34</v>
      </c>
      <c r="BD34" s="315">
        <v>34</v>
      </c>
      <c r="BE34" s="309">
        <v>0</v>
      </c>
      <c r="BF34" s="313">
        <v>0</v>
      </c>
      <c r="BG34" s="310">
        <v>0</v>
      </c>
      <c r="BH34" s="312">
        <v>0</v>
      </c>
      <c r="BI34" s="313">
        <v>0</v>
      </c>
      <c r="BJ34" s="313">
        <v>8</v>
      </c>
      <c r="BK34" s="313">
        <v>8</v>
      </c>
      <c r="BL34" s="313">
        <v>0</v>
      </c>
      <c r="BM34" s="313">
        <v>0</v>
      </c>
      <c r="BN34" s="310">
        <v>16</v>
      </c>
      <c r="BO34" s="315">
        <v>16</v>
      </c>
      <c r="BP34" s="309">
        <v>0</v>
      </c>
      <c r="BQ34" s="313">
        <v>0</v>
      </c>
      <c r="BR34" s="310">
        <v>0</v>
      </c>
      <c r="BS34" s="312">
        <v>0</v>
      </c>
      <c r="BT34" s="313">
        <v>18</v>
      </c>
      <c r="BU34" s="313">
        <v>27</v>
      </c>
      <c r="BV34" s="313">
        <v>0</v>
      </c>
      <c r="BW34" s="313">
        <v>0</v>
      </c>
      <c r="BX34" s="313">
        <v>0</v>
      </c>
      <c r="BY34" s="310">
        <v>45</v>
      </c>
      <c r="BZ34" s="315">
        <v>45</v>
      </c>
      <c r="CA34" s="309">
        <v>0</v>
      </c>
      <c r="CB34" s="313">
        <v>0</v>
      </c>
      <c r="CC34" s="310">
        <v>0</v>
      </c>
      <c r="CD34" s="312">
        <v>0</v>
      </c>
      <c r="CE34" s="313">
        <v>0</v>
      </c>
      <c r="CF34" s="313">
        <v>4</v>
      </c>
      <c r="CG34" s="313">
        <v>0</v>
      </c>
      <c r="CH34" s="313">
        <v>0</v>
      </c>
      <c r="CI34" s="313">
        <v>0</v>
      </c>
      <c r="CJ34" s="310">
        <v>4</v>
      </c>
      <c r="CK34" s="315">
        <v>4</v>
      </c>
      <c r="CL34" s="309">
        <v>0</v>
      </c>
      <c r="CM34" s="313">
        <v>0</v>
      </c>
      <c r="CN34" s="310">
        <v>0</v>
      </c>
      <c r="CO34" s="312">
        <v>0</v>
      </c>
      <c r="CP34" s="313">
        <v>0</v>
      </c>
      <c r="CQ34" s="313">
        <v>0</v>
      </c>
      <c r="CR34" s="313">
        <v>0</v>
      </c>
      <c r="CS34" s="313">
        <v>0</v>
      </c>
      <c r="CT34" s="313">
        <v>0</v>
      </c>
      <c r="CU34" s="310">
        <v>0</v>
      </c>
      <c r="CV34" s="315">
        <v>0</v>
      </c>
      <c r="CW34" s="309">
        <v>0</v>
      </c>
      <c r="CX34" s="313">
        <v>0</v>
      </c>
      <c r="CY34" s="310">
        <v>0</v>
      </c>
      <c r="CZ34" s="312">
        <v>0</v>
      </c>
      <c r="DA34" s="313">
        <v>0</v>
      </c>
      <c r="DB34" s="313">
        <v>0</v>
      </c>
      <c r="DC34" s="313">
        <v>0</v>
      </c>
      <c r="DD34" s="313">
        <v>0</v>
      </c>
      <c r="DE34" s="313">
        <v>0</v>
      </c>
      <c r="DF34" s="310">
        <v>0</v>
      </c>
      <c r="DG34" s="315">
        <v>0</v>
      </c>
    </row>
    <row r="35" spans="1:111" ht="18.75" customHeight="1" x14ac:dyDescent="0.2">
      <c r="A35" s="294" t="s">
        <v>33</v>
      </c>
      <c r="B35" s="309">
        <v>0</v>
      </c>
      <c r="C35" s="310">
        <v>0</v>
      </c>
      <c r="D35" s="311">
        <v>0</v>
      </c>
      <c r="E35" s="312">
        <v>0</v>
      </c>
      <c r="F35" s="313">
        <v>8</v>
      </c>
      <c r="G35" s="313">
        <v>0</v>
      </c>
      <c r="H35" s="313">
        <v>36</v>
      </c>
      <c r="I35" s="313">
        <v>0</v>
      </c>
      <c r="J35" s="313">
        <v>0</v>
      </c>
      <c r="K35" s="314">
        <v>44</v>
      </c>
      <c r="L35" s="315">
        <v>44</v>
      </c>
      <c r="M35" s="309">
        <v>0</v>
      </c>
      <c r="N35" s="313">
        <v>0</v>
      </c>
      <c r="O35" s="310">
        <v>0</v>
      </c>
      <c r="P35" s="312">
        <v>0</v>
      </c>
      <c r="Q35" s="313">
        <v>0</v>
      </c>
      <c r="R35" s="313">
        <v>0</v>
      </c>
      <c r="S35" s="313">
        <v>0</v>
      </c>
      <c r="T35" s="313">
        <v>0</v>
      </c>
      <c r="U35" s="313">
        <v>0</v>
      </c>
      <c r="V35" s="310">
        <v>0</v>
      </c>
      <c r="W35" s="315">
        <v>0</v>
      </c>
      <c r="X35" s="309">
        <v>0</v>
      </c>
      <c r="Y35" s="313">
        <v>0</v>
      </c>
      <c r="Z35" s="310">
        <v>0</v>
      </c>
      <c r="AA35" s="312">
        <v>0</v>
      </c>
      <c r="AB35" s="313">
        <v>9</v>
      </c>
      <c r="AC35" s="313">
        <v>0</v>
      </c>
      <c r="AD35" s="313">
        <v>39</v>
      </c>
      <c r="AE35" s="313">
        <v>0</v>
      </c>
      <c r="AF35" s="313">
        <v>13</v>
      </c>
      <c r="AG35" s="310">
        <v>61</v>
      </c>
      <c r="AH35" s="315">
        <v>61</v>
      </c>
      <c r="AI35" s="309">
        <v>0</v>
      </c>
      <c r="AJ35" s="313">
        <v>0</v>
      </c>
      <c r="AK35" s="310">
        <v>0</v>
      </c>
      <c r="AL35" s="312">
        <v>0</v>
      </c>
      <c r="AM35" s="313">
        <v>21</v>
      </c>
      <c r="AN35" s="313">
        <v>0</v>
      </c>
      <c r="AO35" s="313">
        <v>12</v>
      </c>
      <c r="AP35" s="313">
        <v>0</v>
      </c>
      <c r="AQ35" s="313">
        <v>27</v>
      </c>
      <c r="AR35" s="310">
        <v>60</v>
      </c>
      <c r="AS35" s="315">
        <v>60</v>
      </c>
      <c r="AT35" s="309">
        <v>0</v>
      </c>
      <c r="AU35" s="313">
        <v>0</v>
      </c>
      <c r="AV35" s="310">
        <v>0</v>
      </c>
      <c r="AW35" s="312">
        <v>0</v>
      </c>
      <c r="AX35" s="313">
        <v>16</v>
      </c>
      <c r="AY35" s="313">
        <v>0</v>
      </c>
      <c r="AZ35" s="313">
        <v>0</v>
      </c>
      <c r="BA35" s="313">
        <v>0</v>
      </c>
      <c r="BB35" s="313">
        <v>0</v>
      </c>
      <c r="BC35" s="314">
        <v>16</v>
      </c>
      <c r="BD35" s="315">
        <v>16</v>
      </c>
      <c r="BE35" s="309">
        <v>0</v>
      </c>
      <c r="BF35" s="313">
        <v>0</v>
      </c>
      <c r="BG35" s="310">
        <v>0</v>
      </c>
      <c r="BH35" s="312">
        <v>0</v>
      </c>
      <c r="BI35" s="313">
        <v>0</v>
      </c>
      <c r="BJ35" s="313">
        <v>0</v>
      </c>
      <c r="BK35" s="313">
        <v>0</v>
      </c>
      <c r="BL35" s="313">
        <v>0</v>
      </c>
      <c r="BM35" s="313">
        <v>0</v>
      </c>
      <c r="BN35" s="310">
        <v>0</v>
      </c>
      <c r="BO35" s="315">
        <v>0</v>
      </c>
      <c r="BP35" s="309">
        <v>0</v>
      </c>
      <c r="BQ35" s="313">
        <v>0</v>
      </c>
      <c r="BR35" s="310">
        <v>0</v>
      </c>
      <c r="BS35" s="312">
        <v>0</v>
      </c>
      <c r="BT35" s="313">
        <v>0</v>
      </c>
      <c r="BU35" s="313">
        <v>0</v>
      </c>
      <c r="BV35" s="313">
        <v>3</v>
      </c>
      <c r="BW35" s="313">
        <v>0</v>
      </c>
      <c r="BX35" s="313">
        <v>0</v>
      </c>
      <c r="BY35" s="310">
        <v>3</v>
      </c>
      <c r="BZ35" s="315">
        <v>3</v>
      </c>
      <c r="CA35" s="309">
        <v>0</v>
      </c>
      <c r="CB35" s="313">
        <v>0</v>
      </c>
      <c r="CC35" s="310">
        <v>0</v>
      </c>
      <c r="CD35" s="312">
        <v>0</v>
      </c>
      <c r="CE35" s="313">
        <v>0</v>
      </c>
      <c r="CF35" s="313">
        <v>0</v>
      </c>
      <c r="CG35" s="313">
        <v>0</v>
      </c>
      <c r="CH35" s="313">
        <v>0</v>
      </c>
      <c r="CI35" s="313">
        <v>0</v>
      </c>
      <c r="CJ35" s="310">
        <v>0</v>
      </c>
      <c r="CK35" s="315">
        <v>0</v>
      </c>
      <c r="CL35" s="309">
        <v>0</v>
      </c>
      <c r="CM35" s="313">
        <v>0</v>
      </c>
      <c r="CN35" s="310">
        <v>0</v>
      </c>
      <c r="CO35" s="312">
        <v>0</v>
      </c>
      <c r="CP35" s="313">
        <v>0</v>
      </c>
      <c r="CQ35" s="313">
        <v>0</v>
      </c>
      <c r="CR35" s="313">
        <v>0</v>
      </c>
      <c r="CS35" s="313">
        <v>0</v>
      </c>
      <c r="CT35" s="313">
        <v>0</v>
      </c>
      <c r="CU35" s="310">
        <v>0</v>
      </c>
      <c r="CV35" s="315">
        <v>0</v>
      </c>
      <c r="CW35" s="309">
        <v>0</v>
      </c>
      <c r="CX35" s="313">
        <v>0</v>
      </c>
      <c r="CY35" s="310">
        <v>0</v>
      </c>
      <c r="CZ35" s="312">
        <v>0</v>
      </c>
      <c r="DA35" s="313">
        <v>0</v>
      </c>
      <c r="DB35" s="313">
        <v>0</v>
      </c>
      <c r="DC35" s="313">
        <v>0</v>
      </c>
      <c r="DD35" s="313">
        <v>0</v>
      </c>
      <c r="DE35" s="313">
        <v>0</v>
      </c>
      <c r="DF35" s="310">
        <v>0</v>
      </c>
      <c r="DG35" s="315">
        <v>0</v>
      </c>
    </row>
    <row r="36" spans="1:111" ht="18.75" customHeight="1" x14ac:dyDescent="0.2">
      <c r="A36" s="294" t="s">
        <v>34</v>
      </c>
      <c r="B36" s="309">
        <v>0</v>
      </c>
      <c r="C36" s="310">
        <v>0</v>
      </c>
      <c r="D36" s="311">
        <v>0</v>
      </c>
      <c r="E36" s="312">
        <v>0</v>
      </c>
      <c r="F36" s="313">
        <v>0</v>
      </c>
      <c r="G36" s="313">
        <v>0</v>
      </c>
      <c r="H36" s="313">
        <v>8</v>
      </c>
      <c r="I36" s="313">
        <v>208</v>
      </c>
      <c r="J36" s="313">
        <v>0</v>
      </c>
      <c r="K36" s="314">
        <v>216</v>
      </c>
      <c r="L36" s="315">
        <v>216</v>
      </c>
      <c r="M36" s="309">
        <v>0</v>
      </c>
      <c r="N36" s="313">
        <v>0</v>
      </c>
      <c r="O36" s="310">
        <v>0</v>
      </c>
      <c r="P36" s="312">
        <v>0</v>
      </c>
      <c r="Q36" s="313">
        <v>0</v>
      </c>
      <c r="R36" s="313">
        <v>0</v>
      </c>
      <c r="S36" s="313">
        <v>0</v>
      </c>
      <c r="T36" s="313">
        <v>0</v>
      </c>
      <c r="U36" s="313">
        <v>0</v>
      </c>
      <c r="V36" s="310">
        <v>0</v>
      </c>
      <c r="W36" s="315">
        <v>0</v>
      </c>
      <c r="X36" s="309">
        <v>0</v>
      </c>
      <c r="Y36" s="313">
        <v>0</v>
      </c>
      <c r="Z36" s="310">
        <v>0</v>
      </c>
      <c r="AA36" s="312">
        <v>0</v>
      </c>
      <c r="AB36" s="313">
        <v>0</v>
      </c>
      <c r="AC36" s="313">
        <v>0</v>
      </c>
      <c r="AD36" s="313">
        <v>0</v>
      </c>
      <c r="AE36" s="313">
        <v>0</v>
      </c>
      <c r="AF36" s="313">
        <v>0</v>
      </c>
      <c r="AG36" s="310">
        <v>0</v>
      </c>
      <c r="AH36" s="315">
        <v>0</v>
      </c>
      <c r="AI36" s="309">
        <v>0</v>
      </c>
      <c r="AJ36" s="313">
        <v>0</v>
      </c>
      <c r="AK36" s="310">
        <v>0</v>
      </c>
      <c r="AL36" s="312">
        <v>0</v>
      </c>
      <c r="AM36" s="313">
        <v>12</v>
      </c>
      <c r="AN36" s="313">
        <v>0</v>
      </c>
      <c r="AO36" s="313">
        <v>0</v>
      </c>
      <c r="AP36" s="313">
        <v>0</v>
      </c>
      <c r="AQ36" s="313">
        <v>0</v>
      </c>
      <c r="AR36" s="310">
        <v>12</v>
      </c>
      <c r="AS36" s="315">
        <v>12</v>
      </c>
      <c r="AT36" s="309">
        <v>0</v>
      </c>
      <c r="AU36" s="313">
        <v>0</v>
      </c>
      <c r="AV36" s="310">
        <v>0</v>
      </c>
      <c r="AW36" s="312">
        <v>0</v>
      </c>
      <c r="AX36" s="313">
        <v>0</v>
      </c>
      <c r="AY36" s="313">
        <v>8</v>
      </c>
      <c r="AZ36" s="313">
        <v>26</v>
      </c>
      <c r="BA36" s="313">
        <v>0</v>
      </c>
      <c r="BB36" s="313">
        <v>0</v>
      </c>
      <c r="BC36" s="314">
        <v>34</v>
      </c>
      <c r="BD36" s="315">
        <v>34</v>
      </c>
      <c r="BE36" s="309">
        <v>0</v>
      </c>
      <c r="BF36" s="313">
        <v>0</v>
      </c>
      <c r="BG36" s="310">
        <v>0</v>
      </c>
      <c r="BH36" s="312">
        <v>0</v>
      </c>
      <c r="BI36" s="313">
        <v>9</v>
      </c>
      <c r="BJ36" s="313">
        <v>0</v>
      </c>
      <c r="BK36" s="313">
        <v>0</v>
      </c>
      <c r="BL36" s="313">
        <v>0</v>
      </c>
      <c r="BM36" s="313">
        <v>0</v>
      </c>
      <c r="BN36" s="310">
        <v>9</v>
      </c>
      <c r="BO36" s="315">
        <v>9</v>
      </c>
      <c r="BP36" s="309">
        <v>0</v>
      </c>
      <c r="BQ36" s="313">
        <v>0</v>
      </c>
      <c r="BR36" s="310">
        <v>0</v>
      </c>
      <c r="BS36" s="312">
        <v>0</v>
      </c>
      <c r="BT36" s="313">
        <v>0</v>
      </c>
      <c r="BU36" s="313">
        <v>0</v>
      </c>
      <c r="BV36" s="313">
        <v>1</v>
      </c>
      <c r="BW36" s="313">
        <v>0</v>
      </c>
      <c r="BX36" s="313">
        <v>0</v>
      </c>
      <c r="BY36" s="310">
        <v>1</v>
      </c>
      <c r="BZ36" s="315">
        <v>1</v>
      </c>
      <c r="CA36" s="309">
        <v>0</v>
      </c>
      <c r="CB36" s="313">
        <v>0</v>
      </c>
      <c r="CC36" s="310">
        <v>0</v>
      </c>
      <c r="CD36" s="312">
        <v>0</v>
      </c>
      <c r="CE36" s="313">
        <v>0</v>
      </c>
      <c r="CF36" s="313">
        <v>0</v>
      </c>
      <c r="CG36" s="313">
        <v>0</v>
      </c>
      <c r="CH36" s="313">
        <v>0</v>
      </c>
      <c r="CI36" s="313">
        <v>0</v>
      </c>
      <c r="CJ36" s="310">
        <v>0</v>
      </c>
      <c r="CK36" s="315">
        <v>0</v>
      </c>
      <c r="CL36" s="309">
        <v>0</v>
      </c>
      <c r="CM36" s="313">
        <v>0</v>
      </c>
      <c r="CN36" s="310">
        <v>0</v>
      </c>
      <c r="CO36" s="312">
        <v>0</v>
      </c>
      <c r="CP36" s="313">
        <v>0</v>
      </c>
      <c r="CQ36" s="313">
        <v>0</v>
      </c>
      <c r="CR36" s="313">
        <v>0</v>
      </c>
      <c r="CS36" s="313">
        <v>0</v>
      </c>
      <c r="CT36" s="313">
        <v>0</v>
      </c>
      <c r="CU36" s="310">
        <v>0</v>
      </c>
      <c r="CV36" s="315">
        <v>0</v>
      </c>
      <c r="CW36" s="309">
        <v>0</v>
      </c>
      <c r="CX36" s="313">
        <v>0</v>
      </c>
      <c r="CY36" s="310">
        <v>0</v>
      </c>
      <c r="CZ36" s="312">
        <v>0</v>
      </c>
      <c r="DA36" s="313">
        <v>0</v>
      </c>
      <c r="DB36" s="313">
        <v>0</v>
      </c>
      <c r="DC36" s="313">
        <v>0</v>
      </c>
      <c r="DD36" s="313">
        <v>0</v>
      </c>
      <c r="DE36" s="313">
        <v>0</v>
      </c>
      <c r="DF36" s="310">
        <v>0</v>
      </c>
      <c r="DG36" s="315">
        <v>0</v>
      </c>
    </row>
    <row r="37" spans="1:111" ht="18.75" customHeight="1" x14ac:dyDescent="0.2">
      <c r="A37" s="294" t="s">
        <v>35</v>
      </c>
      <c r="B37" s="309">
        <v>0</v>
      </c>
      <c r="C37" s="310">
        <v>0</v>
      </c>
      <c r="D37" s="311">
        <v>0</v>
      </c>
      <c r="E37" s="312">
        <v>0</v>
      </c>
      <c r="F37" s="313">
        <v>123</v>
      </c>
      <c r="G37" s="313">
        <v>38</v>
      </c>
      <c r="H37" s="313">
        <v>66</v>
      </c>
      <c r="I37" s="313">
        <v>158</v>
      </c>
      <c r="J37" s="313">
        <v>0</v>
      </c>
      <c r="K37" s="314">
        <v>385</v>
      </c>
      <c r="L37" s="315">
        <v>385</v>
      </c>
      <c r="M37" s="309">
        <v>0</v>
      </c>
      <c r="N37" s="313">
        <v>0</v>
      </c>
      <c r="O37" s="310">
        <v>0</v>
      </c>
      <c r="P37" s="312">
        <v>0</v>
      </c>
      <c r="Q37" s="313">
        <v>0</v>
      </c>
      <c r="R37" s="313">
        <v>0</v>
      </c>
      <c r="S37" s="313">
        <v>0</v>
      </c>
      <c r="T37" s="313">
        <v>0</v>
      </c>
      <c r="U37" s="313">
        <v>0</v>
      </c>
      <c r="V37" s="310">
        <v>0</v>
      </c>
      <c r="W37" s="315">
        <v>0</v>
      </c>
      <c r="X37" s="309">
        <v>0</v>
      </c>
      <c r="Y37" s="313">
        <v>0</v>
      </c>
      <c r="Z37" s="310">
        <v>0</v>
      </c>
      <c r="AA37" s="312">
        <v>0</v>
      </c>
      <c r="AB37" s="313">
        <v>0</v>
      </c>
      <c r="AC37" s="313">
        <v>29</v>
      </c>
      <c r="AD37" s="313">
        <v>15</v>
      </c>
      <c r="AE37" s="313">
        <v>33</v>
      </c>
      <c r="AF37" s="313">
        <v>0</v>
      </c>
      <c r="AG37" s="310">
        <v>77</v>
      </c>
      <c r="AH37" s="315">
        <v>77</v>
      </c>
      <c r="AI37" s="309">
        <v>0</v>
      </c>
      <c r="AJ37" s="313">
        <v>0</v>
      </c>
      <c r="AK37" s="310">
        <v>0</v>
      </c>
      <c r="AL37" s="312">
        <v>0</v>
      </c>
      <c r="AM37" s="313">
        <v>0</v>
      </c>
      <c r="AN37" s="313">
        <v>8</v>
      </c>
      <c r="AO37" s="313">
        <v>8</v>
      </c>
      <c r="AP37" s="313">
        <v>0</v>
      </c>
      <c r="AQ37" s="313">
        <v>0</v>
      </c>
      <c r="AR37" s="310">
        <v>16</v>
      </c>
      <c r="AS37" s="315">
        <v>16</v>
      </c>
      <c r="AT37" s="309">
        <v>0</v>
      </c>
      <c r="AU37" s="313">
        <v>0</v>
      </c>
      <c r="AV37" s="310">
        <v>0</v>
      </c>
      <c r="AW37" s="312">
        <v>0</v>
      </c>
      <c r="AX37" s="313">
        <v>27</v>
      </c>
      <c r="AY37" s="313">
        <v>49</v>
      </c>
      <c r="AZ37" s="313">
        <v>11</v>
      </c>
      <c r="BA37" s="313">
        <v>8</v>
      </c>
      <c r="BB37" s="313">
        <v>0</v>
      </c>
      <c r="BC37" s="314">
        <v>95</v>
      </c>
      <c r="BD37" s="315">
        <v>95</v>
      </c>
      <c r="BE37" s="309">
        <v>0</v>
      </c>
      <c r="BF37" s="313">
        <v>0</v>
      </c>
      <c r="BG37" s="310">
        <v>0</v>
      </c>
      <c r="BH37" s="312">
        <v>0</v>
      </c>
      <c r="BI37" s="313">
        <v>3</v>
      </c>
      <c r="BJ37" s="313">
        <v>9</v>
      </c>
      <c r="BK37" s="313">
        <v>0</v>
      </c>
      <c r="BL37" s="313">
        <v>8</v>
      </c>
      <c r="BM37" s="313">
        <v>9</v>
      </c>
      <c r="BN37" s="310">
        <v>29</v>
      </c>
      <c r="BO37" s="315">
        <v>29</v>
      </c>
      <c r="BP37" s="309">
        <v>0</v>
      </c>
      <c r="BQ37" s="313">
        <v>0</v>
      </c>
      <c r="BR37" s="310">
        <v>0</v>
      </c>
      <c r="BS37" s="312">
        <v>0</v>
      </c>
      <c r="BT37" s="313">
        <v>0</v>
      </c>
      <c r="BU37" s="313">
        <v>2</v>
      </c>
      <c r="BV37" s="313">
        <v>0</v>
      </c>
      <c r="BW37" s="313">
        <v>0</v>
      </c>
      <c r="BX37" s="313">
        <v>0</v>
      </c>
      <c r="BY37" s="310">
        <v>2</v>
      </c>
      <c r="BZ37" s="315">
        <v>2</v>
      </c>
      <c r="CA37" s="309">
        <v>0</v>
      </c>
      <c r="CB37" s="313">
        <v>0</v>
      </c>
      <c r="CC37" s="310">
        <v>0</v>
      </c>
      <c r="CD37" s="312">
        <v>0</v>
      </c>
      <c r="CE37" s="313">
        <v>0</v>
      </c>
      <c r="CF37" s="313">
        <v>0</v>
      </c>
      <c r="CG37" s="313">
        <v>0</v>
      </c>
      <c r="CH37" s="313">
        <v>0</v>
      </c>
      <c r="CI37" s="313">
        <v>0</v>
      </c>
      <c r="CJ37" s="310">
        <v>0</v>
      </c>
      <c r="CK37" s="315">
        <v>0</v>
      </c>
      <c r="CL37" s="309">
        <v>0</v>
      </c>
      <c r="CM37" s="313">
        <v>0</v>
      </c>
      <c r="CN37" s="310">
        <v>0</v>
      </c>
      <c r="CO37" s="312">
        <v>0</v>
      </c>
      <c r="CP37" s="313">
        <v>0</v>
      </c>
      <c r="CQ37" s="313">
        <v>0</v>
      </c>
      <c r="CR37" s="313">
        <v>0</v>
      </c>
      <c r="CS37" s="313">
        <v>0</v>
      </c>
      <c r="CT37" s="313">
        <v>0</v>
      </c>
      <c r="CU37" s="310">
        <v>0</v>
      </c>
      <c r="CV37" s="315">
        <v>0</v>
      </c>
      <c r="CW37" s="309">
        <v>0</v>
      </c>
      <c r="CX37" s="313">
        <v>0</v>
      </c>
      <c r="CY37" s="310">
        <v>0</v>
      </c>
      <c r="CZ37" s="312">
        <v>0</v>
      </c>
      <c r="DA37" s="313">
        <v>0</v>
      </c>
      <c r="DB37" s="313">
        <v>0</v>
      </c>
      <c r="DC37" s="313">
        <v>0</v>
      </c>
      <c r="DD37" s="313">
        <v>0</v>
      </c>
      <c r="DE37" s="313">
        <v>0</v>
      </c>
      <c r="DF37" s="310">
        <v>0</v>
      </c>
      <c r="DG37" s="315">
        <v>0</v>
      </c>
    </row>
    <row r="38" spans="1:111" ht="18.75" customHeight="1" x14ac:dyDescent="0.2">
      <c r="A38" s="294" t="s">
        <v>36</v>
      </c>
      <c r="B38" s="309">
        <v>0</v>
      </c>
      <c r="C38" s="310">
        <v>0</v>
      </c>
      <c r="D38" s="311">
        <v>0</v>
      </c>
      <c r="E38" s="312">
        <v>0</v>
      </c>
      <c r="F38" s="313">
        <v>44</v>
      </c>
      <c r="G38" s="313">
        <v>4</v>
      </c>
      <c r="H38" s="313">
        <v>0</v>
      </c>
      <c r="I38" s="313">
        <v>48</v>
      </c>
      <c r="J38" s="313">
        <v>0</v>
      </c>
      <c r="K38" s="314">
        <v>96</v>
      </c>
      <c r="L38" s="315">
        <v>96</v>
      </c>
      <c r="M38" s="309">
        <v>0</v>
      </c>
      <c r="N38" s="313">
        <v>0</v>
      </c>
      <c r="O38" s="310">
        <v>0</v>
      </c>
      <c r="P38" s="312">
        <v>0</v>
      </c>
      <c r="Q38" s="313">
        <v>0</v>
      </c>
      <c r="R38" s="313">
        <v>0</v>
      </c>
      <c r="S38" s="313">
        <v>0</v>
      </c>
      <c r="T38" s="313">
        <v>0</v>
      </c>
      <c r="U38" s="313">
        <v>0</v>
      </c>
      <c r="V38" s="310">
        <v>0</v>
      </c>
      <c r="W38" s="315">
        <v>0</v>
      </c>
      <c r="X38" s="309">
        <v>0</v>
      </c>
      <c r="Y38" s="313">
        <v>4</v>
      </c>
      <c r="Z38" s="310">
        <v>4</v>
      </c>
      <c r="AA38" s="312">
        <v>0</v>
      </c>
      <c r="AB38" s="313">
        <v>27</v>
      </c>
      <c r="AC38" s="313">
        <v>23</v>
      </c>
      <c r="AD38" s="313">
        <v>0</v>
      </c>
      <c r="AE38" s="313">
        <v>58</v>
      </c>
      <c r="AF38" s="313">
        <v>21</v>
      </c>
      <c r="AG38" s="310">
        <v>129</v>
      </c>
      <c r="AH38" s="315">
        <v>133</v>
      </c>
      <c r="AI38" s="309">
        <v>0</v>
      </c>
      <c r="AJ38" s="313">
        <v>0</v>
      </c>
      <c r="AK38" s="310">
        <v>0</v>
      </c>
      <c r="AL38" s="312">
        <v>0</v>
      </c>
      <c r="AM38" s="313">
        <v>0</v>
      </c>
      <c r="AN38" s="313">
        <v>0</v>
      </c>
      <c r="AO38" s="313">
        <v>0</v>
      </c>
      <c r="AP38" s="313">
        <v>16</v>
      </c>
      <c r="AQ38" s="313">
        <v>0</v>
      </c>
      <c r="AR38" s="310">
        <v>16</v>
      </c>
      <c r="AS38" s="315">
        <v>16</v>
      </c>
      <c r="AT38" s="309">
        <v>0</v>
      </c>
      <c r="AU38" s="313">
        <v>0</v>
      </c>
      <c r="AV38" s="310">
        <v>0</v>
      </c>
      <c r="AW38" s="312">
        <v>0</v>
      </c>
      <c r="AX38" s="313">
        <v>27</v>
      </c>
      <c r="AY38" s="313">
        <v>22</v>
      </c>
      <c r="AZ38" s="313">
        <v>12</v>
      </c>
      <c r="BA38" s="313">
        <v>9</v>
      </c>
      <c r="BB38" s="313">
        <v>0</v>
      </c>
      <c r="BC38" s="314">
        <v>70</v>
      </c>
      <c r="BD38" s="315">
        <v>70</v>
      </c>
      <c r="BE38" s="309">
        <v>0</v>
      </c>
      <c r="BF38" s="313">
        <v>0</v>
      </c>
      <c r="BG38" s="310">
        <v>0</v>
      </c>
      <c r="BH38" s="312">
        <v>0</v>
      </c>
      <c r="BI38" s="313">
        <v>4</v>
      </c>
      <c r="BJ38" s="313">
        <v>0</v>
      </c>
      <c r="BK38" s="313">
        <v>0</v>
      </c>
      <c r="BL38" s="313">
        <v>5</v>
      </c>
      <c r="BM38" s="313">
        <v>0</v>
      </c>
      <c r="BN38" s="310">
        <v>9</v>
      </c>
      <c r="BO38" s="315">
        <v>9</v>
      </c>
      <c r="BP38" s="309">
        <v>0</v>
      </c>
      <c r="BQ38" s="313">
        <v>0</v>
      </c>
      <c r="BR38" s="310">
        <v>0</v>
      </c>
      <c r="BS38" s="312">
        <v>0</v>
      </c>
      <c r="BT38" s="313">
        <v>0</v>
      </c>
      <c r="BU38" s="313">
        <v>16</v>
      </c>
      <c r="BV38" s="313">
        <v>11</v>
      </c>
      <c r="BW38" s="313">
        <v>30</v>
      </c>
      <c r="BX38" s="313">
        <v>0</v>
      </c>
      <c r="BY38" s="310">
        <v>57</v>
      </c>
      <c r="BZ38" s="315">
        <v>57</v>
      </c>
      <c r="CA38" s="309">
        <v>0</v>
      </c>
      <c r="CB38" s="313">
        <v>0</v>
      </c>
      <c r="CC38" s="310">
        <v>0</v>
      </c>
      <c r="CD38" s="312">
        <v>0</v>
      </c>
      <c r="CE38" s="313">
        <v>0</v>
      </c>
      <c r="CF38" s="313">
        <v>0</v>
      </c>
      <c r="CG38" s="313">
        <v>0</v>
      </c>
      <c r="CH38" s="313">
        <v>0</v>
      </c>
      <c r="CI38" s="313">
        <v>0</v>
      </c>
      <c r="CJ38" s="310">
        <v>0</v>
      </c>
      <c r="CK38" s="315">
        <v>0</v>
      </c>
      <c r="CL38" s="309">
        <v>0</v>
      </c>
      <c r="CM38" s="313">
        <v>0</v>
      </c>
      <c r="CN38" s="310">
        <v>0</v>
      </c>
      <c r="CO38" s="312">
        <v>0</v>
      </c>
      <c r="CP38" s="313">
        <v>0</v>
      </c>
      <c r="CQ38" s="313">
        <v>0</v>
      </c>
      <c r="CR38" s="313">
        <v>0</v>
      </c>
      <c r="CS38" s="313">
        <v>0</v>
      </c>
      <c r="CT38" s="313">
        <v>0</v>
      </c>
      <c r="CU38" s="310">
        <v>0</v>
      </c>
      <c r="CV38" s="315">
        <v>0</v>
      </c>
      <c r="CW38" s="309">
        <v>0</v>
      </c>
      <c r="CX38" s="313">
        <v>0</v>
      </c>
      <c r="CY38" s="310">
        <v>0</v>
      </c>
      <c r="CZ38" s="312">
        <v>0</v>
      </c>
      <c r="DA38" s="313">
        <v>0</v>
      </c>
      <c r="DB38" s="313">
        <v>0</v>
      </c>
      <c r="DC38" s="313">
        <v>0</v>
      </c>
      <c r="DD38" s="313">
        <v>0</v>
      </c>
      <c r="DE38" s="313">
        <v>0</v>
      </c>
      <c r="DF38" s="310">
        <v>0</v>
      </c>
      <c r="DG38" s="315">
        <v>0</v>
      </c>
    </row>
    <row r="39" spans="1:111" ht="18.75" customHeight="1" thickBot="1" x14ac:dyDescent="0.25">
      <c r="A39" s="295" t="s">
        <v>37</v>
      </c>
      <c r="B39" s="316">
        <v>0</v>
      </c>
      <c r="C39" s="317">
        <v>0</v>
      </c>
      <c r="D39" s="318">
        <v>0</v>
      </c>
      <c r="E39" s="319">
        <v>0</v>
      </c>
      <c r="F39" s="320">
        <v>0</v>
      </c>
      <c r="G39" s="320">
        <v>0</v>
      </c>
      <c r="H39" s="320">
        <v>0</v>
      </c>
      <c r="I39" s="320">
        <v>0</v>
      </c>
      <c r="J39" s="320">
        <v>32</v>
      </c>
      <c r="K39" s="321">
        <v>32</v>
      </c>
      <c r="L39" s="322">
        <v>32</v>
      </c>
      <c r="M39" s="316">
        <v>0</v>
      </c>
      <c r="N39" s="320">
        <v>0</v>
      </c>
      <c r="O39" s="317">
        <v>0</v>
      </c>
      <c r="P39" s="319">
        <v>0</v>
      </c>
      <c r="Q39" s="320">
        <v>0</v>
      </c>
      <c r="R39" s="320">
        <v>0</v>
      </c>
      <c r="S39" s="320">
        <v>0</v>
      </c>
      <c r="T39" s="320">
        <v>0</v>
      </c>
      <c r="U39" s="320">
        <v>0</v>
      </c>
      <c r="V39" s="317">
        <v>0</v>
      </c>
      <c r="W39" s="322">
        <v>0</v>
      </c>
      <c r="X39" s="316">
        <v>0</v>
      </c>
      <c r="Y39" s="320">
        <v>0</v>
      </c>
      <c r="Z39" s="317">
        <v>0</v>
      </c>
      <c r="AA39" s="319">
        <v>0</v>
      </c>
      <c r="AB39" s="320">
        <v>0</v>
      </c>
      <c r="AC39" s="320">
        <v>0</v>
      </c>
      <c r="AD39" s="320">
        <v>0</v>
      </c>
      <c r="AE39" s="320">
        <v>0</v>
      </c>
      <c r="AF39" s="320">
        <v>13</v>
      </c>
      <c r="AG39" s="317">
        <v>13</v>
      </c>
      <c r="AH39" s="322">
        <v>13</v>
      </c>
      <c r="AI39" s="316">
        <v>0</v>
      </c>
      <c r="AJ39" s="320">
        <v>0</v>
      </c>
      <c r="AK39" s="317">
        <v>0</v>
      </c>
      <c r="AL39" s="319">
        <v>0</v>
      </c>
      <c r="AM39" s="320">
        <v>0</v>
      </c>
      <c r="AN39" s="320">
        <v>0</v>
      </c>
      <c r="AO39" s="320">
        <v>0</v>
      </c>
      <c r="AP39" s="320">
        <v>0</v>
      </c>
      <c r="AQ39" s="320">
        <v>0</v>
      </c>
      <c r="AR39" s="317">
        <v>0</v>
      </c>
      <c r="AS39" s="322">
        <v>0</v>
      </c>
      <c r="AT39" s="316">
        <v>0</v>
      </c>
      <c r="AU39" s="320">
        <v>0</v>
      </c>
      <c r="AV39" s="317">
        <v>0</v>
      </c>
      <c r="AW39" s="319">
        <v>0</v>
      </c>
      <c r="AX39" s="320">
        <v>0</v>
      </c>
      <c r="AY39" s="320">
        <v>0</v>
      </c>
      <c r="AZ39" s="320">
        <v>0</v>
      </c>
      <c r="BA39" s="320">
        <v>0</v>
      </c>
      <c r="BB39" s="320">
        <v>0</v>
      </c>
      <c r="BC39" s="321">
        <v>0</v>
      </c>
      <c r="BD39" s="322">
        <v>0</v>
      </c>
      <c r="BE39" s="316">
        <v>0</v>
      </c>
      <c r="BF39" s="320">
        <v>0</v>
      </c>
      <c r="BG39" s="317">
        <v>0</v>
      </c>
      <c r="BH39" s="319">
        <v>0</v>
      </c>
      <c r="BI39" s="320">
        <v>0</v>
      </c>
      <c r="BJ39" s="320">
        <v>0</v>
      </c>
      <c r="BK39" s="320">
        <v>0</v>
      </c>
      <c r="BL39" s="320">
        <v>0</v>
      </c>
      <c r="BM39" s="320">
        <v>0</v>
      </c>
      <c r="BN39" s="317">
        <v>0</v>
      </c>
      <c r="BO39" s="322">
        <v>0</v>
      </c>
      <c r="BP39" s="316">
        <v>0</v>
      </c>
      <c r="BQ39" s="320">
        <v>0</v>
      </c>
      <c r="BR39" s="317">
        <v>0</v>
      </c>
      <c r="BS39" s="319">
        <v>0</v>
      </c>
      <c r="BT39" s="320">
        <v>0</v>
      </c>
      <c r="BU39" s="320">
        <v>0</v>
      </c>
      <c r="BV39" s="320">
        <v>0</v>
      </c>
      <c r="BW39" s="320">
        <v>0</v>
      </c>
      <c r="BX39" s="320">
        <v>0</v>
      </c>
      <c r="BY39" s="317">
        <v>0</v>
      </c>
      <c r="BZ39" s="322">
        <v>0</v>
      </c>
      <c r="CA39" s="316">
        <v>0</v>
      </c>
      <c r="CB39" s="320">
        <v>0</v>
      </c>
      <c r="CC39" s="317">
        <v>0</v>
      </c>
      <c r="CD39" s="319">
        <v>0</v>
      </c>
      <c r="CE39" s="320">
        <v>0</v>
      </c>
      <c r="CF39" s="320">
        <v>0</v>
      </c>
      <c r="CG39" s="320">
        <v>0</v>
      </c>
      <c r="CH39" s="320">
        <v>13</v>
      </c>
      <c r="CI39" s="320">
        <v>0</v>
      </c>
      <c r="CJ39" s="317">
        <v>13</v>
      </c>
      <c r="CK39" s="322">
        <v>13</v>
      </c>
      <c r="CL39" s="316">
        <v>0</v>
      </c>
      <c r="CM39" s="320">
        <v>0</v>
      </c>
      <c r="CN39" s="317">
        <v>0</v>
      </c>
      <c r="CO39" s="319">
        <v>0</v>
      </c>
      <c r="CP39" s="320">
        <v>0</v>
      </c>
      <c r="CQ39" s="320">
        <v>0</v>
      </c>
      <c r="CR39" s="320">
        <v>0</v>
      </c>
      <c r="CS39" s="320">
        <v>0</v>
      </c>
      <c r="CT39" s="320">
        <v>0</v>
      </c>
      <c r="CU39" s="317">
        <v>0</v>
      </c>
      <c r="CV39" s="322">
        <v>0</v>
      </c>
      <c r="CW39" s="316">
        <v>0</v>
      </c>
      <c r="CX39" s="320">
        <v>0</v>
      </c>
      <c r="CY39" s="317">
        <v>0</v>
      </c>
      <c r="CZ39" s="319">
        <v>0</v>
      </c>
      <c r="DA39" s="320">
        <v>0</v>
      </c>
      <c r="DB39" s="320">
        <v>0</v>
      </c>
      <c r="DC39" s="320">
        <v>0</v>
      </c>
      <c r="DD39" s="320">
        <v>0</v>
      </c>
      <c r="DE39" s="320">
        <v>0</v>
      </c>
      <c r="DF39" s="317">
        <v>0</v>
      </c>
      <c r="DG39" s="322">
        <v>0</v>
      </c>
    </row>
    <row r="40" spans="1:111" ht="27" customHeight="1" x14ac:dyDescent="0.2">
      <c r="B40" s="288" t="s">
        <v>127</v>
      </c>
    </row>
  </sheetData>
  <mergeCells count="43">
    <mergeCell ref="CW3:DG3"/>
    <mergeCell ref="CW4:CY4"/>
    <mergeCell ref="CZ4:DF4"/>
    <mergeCell ref="DG4:DG5"/>
    <mergeCell ref="CA3:CK3"/>
    <mergeCell ref="CL3:CV3"/>
    <mergeCell ref="CA4:CC4"/>
    <mergeCell ref="CD4:CJ4"/>
    <mergeCell ref="CK4:CK5"/>
    <mergeCell ref="CL4:CN4"/>
    <mergeCell ref="CO4:CU4"/>
    <mergeCell ref="CV4:CV5"/>
    <mergeCell ref="I1:J1"/>
    <mergeCell ref="L1:M1"/>
    <mergeCell ref="A3:A5"/>
    <mergeCell ref="B3:L3"/>
    <mergeCell ref="M3:W3"/>
    <mergeCell ref="X3:AH3"/>
    <mergeCell ref="B4:D4"/>
    <mergeCell ref="E4:K4"/>
    <mergeCell ref="L4:L5"/>
    <mergeCell ref="M4:O4"/>
    <mergeCell ref="P4:V4"/>
    <mergeCell ref="W4:W5"/>
    <mergeCell ref="X4:Z4"/>
    <mergeCell ref="AA4:AG4"/>
    <mergeCell ref="AH4:AH5"/>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8.77734375" style="1" customWidth="1"/>
    <col min="2" max="4" width="7.77734375" style="3" customWidth="1"/>
    <col min="5" max="5" width="9.109375" style="3" customWidth="1"/>
    <col min="6" max="6" width="9.44140625" style="3" customWidth="1"/>
    <col min="7" max="25" width="7.77734375" style="3" customWidth="1"/>
    <col min="26" max="34" width="7.77734375" style="1" customWidth="1"/>
    <col min="35" max="16384" width="9" style="1"/>
  </cols>
  <sheetData>
    <row r="1" spans="1:34" ht="25.5" customHeight="1" x14ac:dyDescent="0.2">
      <c r="A1" s="20" t="s">
        <v>129</v>
      </c>
      <c r="E1" s="22"/>
      <c r="G1" s="457">
        <f>第１表!F2</f>
        <v>3</v>
      </c>
      <c r="H1" s="457"/>
      <c r="I1" s="281">
        <f>第１表!G2</f>
        <v>12</v>
      </c>
      <c r="J1" s="484">
        <f>IF(I1&lt;3,I1-2+12,I1-2)</f>
        <v>10</v>
      </c>
      <c r="K1" s="484"/>
    </row>
    <row r="2" spans="1:34" ht="17.25" customHeight="1" thickBot="1" x14ac:dyDescent="0.25">
      <c r="I2" s="5"/>
      <c r="J2" s="5"/>
      <c r="K2" s="5"/>
      <c r="L2" s="5"/>
      <c r="M2" s="5"/>
      <c r="N2" s="5"/>
      <c r="O2" s="30"/>
      <c r="P2" s="30"/>
      <c r="Q2" s="30"/>
    </row>
    <row r="3" spans="1:34" ht="19.5" customHeight="1" thickBot="1" x14ac:dyDescent="0.25">
      <c r="A3" s="26"/>
      <c r="B3" s="485" t="s">
        <v>53</v>
      </c>
      <c r="C3" s="486"/>
      <c r="D3" s="486"/>
      <c r="E3" s="486"/>
      <c r="F3" s="486"/>
      <c r="G3" s="486"/>
      <c r="H3" s="486"/>
      <c r="I3" s="486"/>
      <c r="J3" s="486"/>
      <c r="K3" s="486"/>
      <c r="L3" s="487"/>
      <c r="M3" s="485" t="s">
        <v>54</v>
      </c>
      <c r="N3" s="486"/>
      <c r="O3" s="486"/>
      <c r="P3" s="486"/>
      <c r="Q3" s="486"/>
      <c r="R3" s="486"/>
      <c r="S3" s="486"/>
      <c r="T3" s="486"/>
      <c r="U3" s="486"/>
      <c r="V3" s="486"/>
      <c r="W3" s="487"/>
      <c r="X3" s="485" t="s">
        <v>55</v>
      </c>
      <c r="Y3" s="486"/>
      <c r="Z3" s="486"/>
      <c r="AA3" s="486"/>
      <c r="AB3" s="486"/>
      <c r="AC3" s="486"/>
      <c r="AD3" s="486"/>
      <c r="AE3" s="486"/>
      <c r="AF3" s="486"/>
      <c r="AG3" s="486"/>
      <c r="AH3" s="487"/>
    </row>
    <row r="4" spans="1:34" ht="30.75" customHeight="1" thickBot="1" x14ac:dyDescent="0.25">
      <c r="A4" s="26" t="s">
        <v>42</v>
      </c>
      <c r="B4" s="27" t="s">
        <v>43</v>
      </c>
      <c r="C4" s="6" t="s">
        <v>44</v>
      </c>
      <c r="D4" s="28" t="s">
        <v>45</v>
      </c>
      <c r="E4" s="29" t="s">
        <v>46</v>
      </c>
      <c r="F4" s="6" t="s">
        <v>47</v>
      </c>
      <c r="G4" s="6" t="s">
        <v>48</v>
      </c>
      <c r="H4" s="6" t="s">
        <v>49</v>
      </c>
      <c r="I4" s="6" t="s">
        <v>50</v>
      </c>
      <c r="J4" s="6" t="s">
        <v>51</v>
      </c>
      <c r="K4" s="28" t="s">
        <v>45</v>
      </c>
      <c r="L4" s="13" t="s">
        <v>52</v>
      </c>
      <c r="M4" s="27" t="s">
        <v>43</v>
      </c>
      <c r="N4" s="6" t="s">
        <v>44</v>
      </c>
      <c r="O4" s="28" t="s">
        <v>45</v>
      </c>
      <c r="P4" s="29" t="s">
        <v>46</v>
      </c>
      <c r="Q4" s="6" t="s">
        <v>47</v>
      </c>
      <c r="R4" s="6" t="s">
        <v>48</v>
      </c>
      <c r="S4" s="6" t="s">
        <v>49</v>
      </c>
      <c r="T4" s="6" t="s">
        <v>50</v>
      </c>
      <c r="U4" s="6" t="s">
        <v>51</v>
      </c>
      <c r="V4" s="28" t="s">
        <v>45</v>
      </c>
      <c r="W4" s="13" t="s">
        <v>52</v>
      </c>
      <c r="X4" s="27" t="s">
        <v>43</v>
      </c>
      <c r="Y4" s="6" t="s">
        <v>44</v>
      </c>
      <c r="Z4" s="28" t="s">
        <v>45</v>
      </c>
      <c r="AA4" s="29" t="s">
        <v>46</v>
      </c>
      <c r="AB4" s="6" t="s">
        <v>47</v>
      </c>
      <c r="AC4" s="6" t="s">
        <v>48</v>
      </c>
      <c r="AD4" s="6" t="s">
        <v>49</v>
      </c>
      <c r="AE4" s="6" t="s">
        <v>50</v>
      </c>
      <c r="AF4" s="6" t="s">
        <v>51</v>
      </c>
      <c r="AG4" s="28" t="s">
        <v>45</v>
      </c>
      <c r="AH4" s="13" t="s">
        <v>52</v>
      </c>
    </row>
    <row r="5" spans="1:34" ht="21" customHeight="1" x14ac:dyDescent="0.2">
      <c r="A5" s="14" t="s">
        <v>4</v>
      </c>
      <c r="B5" s="92">
        <v>201</v>
      </c>
      <c r="C5" s="93">
        <v>337</v>
      </c>
      <c r="D5" s="94">
        <v>538</v>
      </c>
      <c r="E5" s="95">
        <v>0</v>
      </c>
      <c r="F5" s="93">
        <v>18364</v>
      </c>
      <c r="G5" s="93">
        <v>18341</v>
      </c>
      <c r="H5" s="93">
        <v>12275</v>
      </c>
      <c r="I5" s="93">
        <v>7684</v>
      </c>
      <c r="J5" s="93">
        <v>4849</v>
      </c>
      <c r="K5" s="94">
        <v>61513</v>
      </c>
      <c r="L5" s="96">
        <v>62051</v>
      </c>
      <c r="M5" s="97">
        <v>1</v>
      </c>
      <c r="N5" s="93">
        <v>3</v>
      </c>
      <c r="O5" s="94">
        <v>4</v>
      </c>
      <c r="P5" s="95">
        <v>0</v>
      </c>
      <c r="Q5" s="93">
        <v>222</v>
      </c>
      <c r="R5" s="93">
        <v>322</v>
      </c>
      <c r="S5" s="93">
        <v>248</v>
      </c>
      <c r="T5" s="93">
        <v>167</v>
      </c>
      <c r="U5" s="93">
        <v>164</v>
      </c>
      <c r="V5" s="94">
        <v>1123</v>
      </c>
      <c r="W5" s="96">
        <v>1127</v>
      </c>
      <c r="X5" s="97">
        <v>202</v>
      </c>
      <c r="Y5" s="93">
        <v>340</v>
      </c>
      <c r="Z5" s="94">
        <v>542</v>
      </c>
      <c r="AA5" s="95">
        <v>0</v>
      </c>
      <c r="AB5" s="93">
        <v>18586</v>
      </c>
      <c r="AC5" s="93">
        <v>18663</v>
      </c>
      <c r="AD5" s="93">
        <v>12523</v>
      </c>
      <c r="AE5" s="93">
        <v>7851</v>
      </c>
      <c r="AF5" s="93">
        <v>5013</v>
      </c>
      <c r="AG5" s="94">
        <v>62636</v>
      </c>
      <c r="AH5" s="96">
        <v>63178</v>
      </c>
    </row>
    <row r="6" spans="1:34" ht="21" customHeight="1" x14ac:dyDescent="0.2">
      <c r="A6" s="18" t="s">
        <v>5</v>
      </c>
      <c r="B6" s="98">
        <v>74</v>
      </c>
      <c r="C6" s="99">
        <v>134</v>
      </c>
      <c r="D6" s="100">
        <v>208</v>
      </c>
      <c r="E6" s="101">
        <v>0</v>
      </c>
      <c r="F6" s="99">
        <v>6365</v>
      </c>
      <c r="G6" s="99">
        <v>8504</v>
      </c>
      <c r="H6" s="99">
        <v>5406</v>
      </c>
      <c r="I6" s="99">
        <v>3353</v>
      </c>
      <c r="J6" s="99">
        <v>2268</v>
      </c>
      <c r="K6" s="100">
        <v>25896</v>
      </c>
      <c r="L6" s="102">
        <v>26104</v>
      </c>
      <c r="M6" s="103">
        <v>0</v>
      </c>
      <c r="N6" s="99">
        <v>0</v>
      </c>
      <c r="O6" s="100">
        <v>0</v>
      </c>
      <c r="P6" s="101">
        <v>0</v>
      </c>
      <c r="Q6" s="99">
        <v>75</v>
      </c>
      <c r="R6" s="99">
        <v>130</v>
      </c>
      <c r="S6" s="99">
        <v>123</v>
      </c>
      <c r="T6" s="99">
        <v>82</v>
      </c>
      <c r="U6" s="99">
        <v>81</v>
      </c>
      <c r="V6" s="100">
        <v>491</v>
      </c>
      <c r="W6" s="102">
        <v>491</v>
      </c>
      <c r="X6" s="103">
        <v>74</v>
      </c>
      <c r="Y6" s="99">
        <v>134</v>
      </c>
      <c r="Z6" s="100">
        <v>208</v>
      </c>
      <c r="AA6" s="101">
        <v>0</v>
      </c>
      <c r="AB6" s="99">
        <v>6440</v>
      </c>
      <c r="AC6" s="99">
        <v>8634</v>
      </c>
      <c r="AD6" s="99">
        <v>5529</v>
      </c>
      <c r="AE6" s="99">
        <v>3435</v>
      </c>
      <c r="AF6" s="99">
        <v>2349</v>
      </c>
      <c r="AG6" s="100">
        <v>26387</v>
      </c>
      <c r="AH6" s="102">
        <v>26595</v>
      </c>
    </row>
    <row r="7" spans="1:34" ht="21" customHeight="1" x14ac:dyDescent="0.2">
      <c r="A7" s="18" t="s">
        <v>6</v>
      </c>
      <c r="B7" s="98">
        <v>27</v>
      </c>
      <c r="C7" s="99">
        <v>40</v>
      </c>
      <c r="D7" s="100">
        <v>67</v>
      </c>
      <c r="E7" s="101">
        <v>0</v>
      </c>
      <c r="F7" s="99">
        <v>3121</v>
      </c>
      <c r="G7" s="99">
        <v>2476</v>
      </c>
      <c r="H7" s="99">
        <v>1896</v>
      </c>
      <c r="I7" s="99">
        <v>1369</v>
      </c>
      <c r="J7" s="99">
        <v>820</v>
      </c>
      <c r="K7" s="100">
        <v>9682</v>
      </c>
      <c r="L7" s="102">
        <v>9749</v>
      </c>
      <c r="M7" s="103">
        <v>0</v>
      </c>
      <c r="N7" s="99">
        <v>0</v>
      </c>
      <c r="O7" s="100">
        <v>0</v>
      </c>
      <c r="P7" s="101">
        <v>0</v>
      </c>
      <c r="Q7" s="99">
        <v>34</v>
      </c>
      <c r="R7" s="99">
        <v>46</v>
      </c>
      <c r="S7" s="99">
        <v>37</v>
      </c>
      <c r="T7" s="99">
        <v>21</v>
      </c>
      <c r="U7" s="99">
        <v>30</v>
      </c>
      <c r="V7" s="100">
        <v>168</v>
      </c>
      <c r="W7" s="102">
        <v>168</v>
      </c>
      <c r="X7" s="103">
        <v>27</v>
      </c>
      <c r="Y7" s="99">
        <v>40</v>
      </c>
      <c r="Z7" s="100">
        <v>67</v>
      </c>
      <c r="AA7" s="101">
        <v>0</v>
      </c>
      <c r="AB7" s="99">
        <v>3155</v>
      </c>
      <c r="AC7" s="99">
        <v>2522</v>
      </c>
      <c r="AD7" s="99">
        <v>1933</v>
      </c>
      <c r="AE7" s="99">
        <v>1390</v>
      </c>
      <c r="AF7" s="99">
        <v>850</v>
      </c>
      <c r="AG7" s="100">
        <v>9850</v>
      </c>
      <c r="AH7" s="102">
        <v>9917</v>
      </c>
    </row>
    <row r="8" spans="1:34" ht="21" customHeight="1" x14ac:dyDescent="0.2">
      <c r="A8" s="18" t="s">
        <v>14</v>
      </c>
      <c r="B8" s="98">
        <v>21</v>
      </c>
      <c r="C8" s="99">
        <v>38</v>
      </c>
      <c r="D8" s="100">
        <v>59</v>
      </c>
      <c r="E8" s="101">
        <v>0</v>
      </c>
      <c r="F8" s="99">
        <v>1457</v>
      </c>
      <c r="G8" s="99">
        <v>1471</v>
      </c>
      <c r="H8" s="99">
        <v>1057</v>
      </c>
      <c r="I8" s="99">
        <v>590</v>
      </c>
      <c r="J8" s="99">
        <v>310</v>
      </c>
      <c r="K8" s="100">
        <v>4885</v>
      </c>
      <c r="L8" s="102">
        <v>4944</v>
      </c>
      <c r="M8" s="103">
        <v>0</v>
      </c>
      <c r="N8" s="99">
        <v>0</v>
      </c>
      <c r="O8" s="100">
        <v>0</v>
      </c>
      <c r="P8" s="101">
        <v>0</v>
      </c>
      <c r="Q8" s="99">
        <v>12</v>
      </c>
      <c r="R8" s="99">
        <v>28</v>
      </c>
      <c r="S8" s="99">
        <v>9</v>
      </c>
      <c r="T8" s="99">
        <v>12</v>
      </c>
      <c r="U8" s="99">
        <v>8</v>
      </c>
      <c r="V8" s="100">
        <v>69</v>
      </c>
      <c r="W8" s="102">
        <v>69</v>
      </c>
      <c r="X8" s="103">
        <v>21</v>
      </c>
      <c r="Y8" s="99">
        <v>38</v>
      </c>
      <c r="Z8" s="100">
        <v>59</v>
      </c>
      <c r="AA8" s="101">
        <v>0</v>
      </c>
      <c r="AB8" s="99">
        <v>1469</v>
      </c>
      <c r="AC8" s="99">
        <v>1499</v>
      </c>
      <c r="AD8" s="99">
        <v>1066</v>
      </c>
      <c r="AE8" s="99">
        <v>602</v>
      </c>
      <c r="AF8" s="99">
        <v>318</v>
      </c>
      <c r="AG8" s="100">
        <v>4954</v>
      </c>
      <c r="AH8" s="102">
        <v>5013</v>
      </c>
    </row>
    <row r="9" spans="1:34" ht="21" customHeight="1" x14ac:dyDescent="0.2">
      <c r="A9" s="18" t="s">
        <v>7</v>
      </c>
      <c r="B9" s="98">
        <v>8</v>
      </c>
      <c r="C9" s="99">
        <v>13</v>
      </c>
      <c r="D9" s="100">
        <v>21</v>
      </c>
      <c r="E9" s="101">
        <v>0</v>
      </c>
      <c r="F9" s="99">
        <v>1256</v>
      </c>
      <c r="G9" s="99">
        <v>898</v>
      </c>
      <c r="H9" s="99">
        <v>630</v>
      </c>
      <c r="I9" s="99">
        <v>335</v>
      </c>
      <c r="J9" s="99">
        <v>179</v>
      </c>
      <c r="K9" s="100">
        <v>3298</v>
      </c>
      <c r="L9" s="102">
        <v>3319</v>
      </c>
      <c r="M9" s="103">
        <v>1</v>
      </c>
      <c r="N9" s="99">
        <v>0</v>
      </c>
      <c r="O9" s="100">
        <v>1</v>
      </c>
      <c r="P9" s="101">
        <v>0</v>
      </c>
      <c r="Q9" s="99">
        <v>11</v>
      </c>
      <c r="R9" s="99">
        <v>12</v>
      </c>
      <c r="S9" s="99">
        <v>9</v>
      </c>
      <c r="T9" s="99">
        <v>5</v>
      </c>
      <c r="U9" s="99">
        <v>10</v>
      </c>
      <c r="V9" s="100">
        <v>47</v>
      </c>
      <c r="W9" s="102">
        <v>48</v>
      </c>
      <c r="X9" s="103">
        <v>9</v>
      </c>
      <c r="Y9" s="99">
        <v>13</v>
      </c>
      <c r="Z9" s="100">
        <v>22</v>
      </c>
      <c r="AA9" s="101">
        <v>0</v>
      </c>
      <c r="AB9" s="99">
        <v>1267</v>
      </c>
      <c r="AC9" s="99">
        <v>910</v>
      </c>
      <c r="AD9" s="99">
        <v>639</v>
      </c>
      <c r="AE9" s="99">
        <v>340</v>
      </c>
      <c r="AF9" s="99">
        <v>189</v>
      </c>
      <c r="AG9" s="100">
        <v>3345</v>
      </c>
      <c r="AH9" s="102">
        <v>3367</v>
      </c>
    </row>
    <row r="10" spans="1:34" ht="21" customHeight="1" x14ac:dyDescent="0.2">
      <c r="A10" s="18" t="s">
        <v>8</v>
      </c>
      <c r="B10" s="98">
        <v>9</v>
      </c>
      <c r="C10" s="99">
        <v>9</v>
      </c>
      <c r="D10" s="100">
        <v>18</v>
      </c>
      <c r="E10" s="101">
        <v>0</v>
      </c>
      <c r="F10" s="99">
        <v>740</v>
      </c>
      <c r="G10" s="99">
        <v>661</v>
      </c>
      <c r="H10" s="99">
        <v>403</v>
      </c>
      <c r="I10" s="99">
        <v>225</v>
      </c>
      <c r="J10" s="99">
        <v>125</v>
      </c>
      <c r="K10" s="100">
        <v>2154</v>
      </c>
      <c r="L10" s="102">
        <v>2172</v>
      </c>
      <c r="M10" s="103">
        <v>0</v>
      </c>
      <c r="N10" s="99">
        <v>1</v>
      </c>
      <c r="O10" s="100">
        <v>1</v>
      </c>
      <c r="P10" s="101">
        <v>0</v>
      </c>
      <c r="Q10" s="99">
        <v>14</v>
      </c>
      <c r="R10" s="99">
        <v>21</v>
      </c>
      <c r="S10" s="99">
        <v>10</v>
      </c>
      <c r="T10" s="99">
        <v>2</v>
      </c>
      <c r="U10" s="99">
        <v>3</v>
      </c>
      <c r="V10" s="100">
        <v>50</v>
      </c>
      <c r="W10" s="102">
        <v>51</v>
      </c>
      <c r="X10" s="103">
        <v>9</v>
      </c>
      <c r="Y10" s="99">
        <v>10</v>
      </c>
      <c r="Z10" s="100">
        <v>19</v>
      </c>
      <c r="AA10" s="101">
        <v>0</v>
      </c>
      <c r="AB10" s="99">
        <v>754</v>
      </c>
      <c r="AC10" s="99">
        <v>682</v>
      </c>
      <c r="AD10" s="99">
        <v>413</v>
      </c>
      <c r="AE10" s="99">
        <v>227</v>
      </c>
      <c r="AF10" s="99">
        <v>128</v>
      </c>
      <c r="AG10" s="100">
        <v>2204</v>
      </c>
      <c r="AH10" s="102">
        <v>2223</v>
      </c>
    </row>
    <row r="11" spans="1:34" ht="21" customHeight="1" x14ac:dyDescent="0.2">
      <c r="A11" s="18" t="s">
        <v>9</v>
      </c>
      <c r="B11" s="98">
        <v>7</v>
      </c>
      <c r="C11" s="99">
        <v>8</v>
      </c>
      <c r="D11" s="100">
        <v>15</v>
      </c>
      <c r="E11" s="101">
        <v>0</v>
      </c>
      <c r="F11" s="99">
        <v>481</v>
      </c>
      <c r="G11" s="99">
        <v>377</v>
      </c>
      <c r="H11" s="99">
        <v>293</v>
      </c>
      <c r="I11" s="99">
        <v>168</v>
      </c>
      <c r="J11" s="99">
        <v>89</v>
      </c>
      <c r="K11" s="100">
        <v>1408</v>
      </c>
      <c r="L11" s="102">
        <v>1423</v>
      </c>
      <c r="M11" s="103">
        <v>0</v>
      </c>
      <c r="N11" s="99">
        <v>0</v>
      </c>
      <c r="O11" s="100">
        <v>0</v>
      </c>
      <c r="P11" s="101">
        <v>0</v>
      </c>
      <c r="Q11" s="99">
        <v>11</v>
      </c>
      <c r="R11" s="99">
        <v>11</v>
      </c>
      <c r="S11" s="99">
        <v>3</v>
      </c>
      <c r="T11" s="99">
        <v>8</v>
      </c>
      <c r="U11" s="99">
        <v>3</v>
      </c>
      <c r="V11" s="100">
        <v>36</v>
      </c>
      <c r="W11" s="102">
        <v>36</v>
      </c>
      <c r="X11" s="103">
        <v>7</v>
      </c>
      <c r="Y11" s="99">
        <v>8</v>
      </c>
      <c r="Z11" s="100">
        <v>15</v>
      </c>
      <c r="AA11" s="101">
        <v>0</v>
      </c>
      <c r="AB11" s="99">
        <v>492</v>
      </c>
      <c r="AC11" s="99">
        <v>388</v>
      </c>
      <c r="AD11" s="99">
        <v>296</v>
      </c>
      <c r="AE11" s="99">
        <v>176</v>
      </c>
      <c r="AF11" s="99">
        <v>92</v>
      </c>
      <c r="AG11" s="100">
        <v>1444</v>
      </c>
      <c r="AH11" s="102">
        <v>1459</v>
      </c>
    </row>
    <row r="12" spans="1:34" ht="21" customHeight="1" x14ac:dyDescent="0.2">
      <c r="A12" s="18" t="s">
        <v>10</v>
      </c>
      <c r="B12" s="98">
        <v>10</v>
      </c>
      <c r="C12" s="99">
        <v>30</v>
      </c>
      <c r="D12" s="100">
        <v>40</v>
      </c>
      <c r="E12" s="101">
        <v>0</v>
      </c>
      <c r="F12" s="99">
        <v>875</v>
      </c>
      <c r="G12" s="99">
        <v>534</v>
      </c>
      <c r="H12" s="99">
        <v>367</v>
      </c>
      <c r="I12" s="99">
        <v>273</v>
      </c>
      <c r="J12" s="99">
        <v>227</v>
      </c>
      <c r="K12" s="100">
        <v>2276</v>
      </c>
      <c r="L12" s="102">
        <v>2316</v>
      </c>
      <c r="M12" s="103">
        <v>0</v>
      </c>
      <c r="N12" s="99">
        <v>1</v>
      </c>
      <c r="O12" s="100">
        <v>1</v>
      </c>
      <c r="P12" s="101">
        <v>0</v>
      </c>
      <c r="Q12" s="99">
        <v>11</v>
      </c>
      <c r="R12" s="99">
        <v>7</v>
      </c>
      <c r="S12" s="99">
        <v>12</v>
      </c>
      <c r="T12" s="99">
        <v>5</v>
      </c>
      <c r="U12" s="99">
        <v>5</v>
      </c>
      <c r="V12" s="100">
        <v>40</v>
      </c>
      <c r="W12" s="102">
        <v>41</v>
      </c>
      <c r="X12" s="103">
        <v>10</v>
      </c>
      <c r="Y12" s="99">
        <v>31</v>
      </c>
      <c r="Z12" s="100">
        <v>41</v>
      </c>
      <c r="AA12" s="101">
        <v>0</v>
      </c>
      <c r="AB12" s="99">
        <v>886</v>
      </c>
      <c r="AC12" s="99">
        <v>541</v>
      </c>
      <c r="AD12" s="99">
        <v>379</v>
      </c>
      <c r="AE12" s="99">
        <v>278</v>
      </c>
      <c r="AF12" s="99">
        <v>232</v>
      </c>
      <c r="AG12" s="100">
        <v>2316</v>
      </c>
      <c r="AH12" s="102">
        <v>2357</v>
      </c>
    </row>
    <row r="13" spans="1:34" ht="21" customHeight="1" x14ac:dyDescent="0.2">
      <c r="A13" s="18" t="s">
        <v>11</v>
      </c>
      <c r="B13" s="98">
        <v>5</v>
      </c>
      <c r="C13" s="99">
        <v>9</v>
      </c>
      <c r="D13" s="100">
        <v>14</v>
      </c>
      <c r="E13" s="101">
        <v>0</v>
      </c>
      <c r="F13" s="99">
        <v>688</v>
      </c>
      <c r="G13" s="99">
        <v>415</v>
      </c>
      <c r="H13" s="99">
        <v>247</v>
      </c>
      <c r="I13" s="99">
        <v>165</v>
      </c>
      <c r="J13" s="99">
        <v>80</v>
      </c>
      <c r="K13" s="100">
        <v>1595</v>
      </c>
      <c r="L13" s="102">
        <v>1609</v>
      </c>
      <c r="M13" s="103">
        <v>0</v>
      </c>
      <c r="N13" s="99">
        <v>0</v>
      </c>
      <c r="O13" s="100">
        <v>0</v>
      </c>
      <c r="P13" s="101">
        <v>0</v>
      </c>
      <c r="Q13" s="99">
        <v>9</v>
      </c>
      <c r="R13" s="99">
        <v>10</v>
      </c>
      <c r="S13" s="99">
        <v>5</v>
      </c>
      <c r="T13" s="99">
        <v>3</v>
      </c>
      <c r="U13" s="99">
        <v>3</v>
      </c>
      <c r="V13" s="100">
        <v>30</v>
      </c>
      <c r="W13" s="102">
        <v>30</v>
      </c>
      <c r="X13" s="103">
        <v>5</v>
      </c>
      <c r="Y13" s="99">
        <v>9</v>
      </c>
      <c r="Z13" s="100">
        <v>14</v>
      </c>
      <c r="AA13" s="101">
        <v>0</v>
      </c>
      <c r="AB13" s="99">
        <v>697</v>
      </c>
      <c r="AC13" s="99">
        <v>425</v>
      </c>
      <c r="AD13" s="99">
        <v>252</v>
      </c>
      <c r="AE13" s="99">
        <v>168</v>
      </c>
      <c r="AF13" s="99">
        <v>83</v>
      </c>
      <c r="AG13" s="100">
        <v>1625</v>
      </c>
      <c r="AH13" s="102">
        <v>1639</v>
      </c>
    </row>
    <row r="14" spans="1:34" ht="21" customHeight="1" x14ac:dyDescent="0.2">
      <c r="A14" s="18" t="s">
        <v>12</v>
      </c>
      <c r="B14" s="98">
        <v>0</v>
      </c>
      <c r="C14" s="99">
        <v>2</v>
      </c>
      <c r="D14" s="100">
        <v>2</v>
      </c>
      <c r="E14" s="101">
        <v>0</v>
      </c>
      <c r="F14" s="99">
        <v>507</v>
      </c>
      <c r="G14" s="99">
        <v>341</v>
      </c>
      <c r="H14" s="99">
        <v>265</v>
      </c>
      <c r="I14" s="99">
        <v>174</v>
      </c>
      <c r="J14" s="99">
        <v>124</v>
      </c>
      <c r="K14" s="100">
        <v>1411</v>
      </c>
      <c r="L14" s="102">
        <v>1413</v>
      </c>
      <c r="M14" s="103">
        <v>0</v>
      </c>
      <c r="N14" s="99">
        <v>0</v>
      </c>
      <c r="O14" s="100">
        <v>0</v>
      </c>
      <c r="P14" s="101">
        <v>0</v>
      </c>
      <c r="Q14" s="99">
        <v>6</v>
      </c>
      <c r="R14" s="99">
        <v>6</v>
      </c>
      <c r="S14" s="99">
        <v>2</v>
      </c>
      <c r="T14" s="99">
        <v>2</v>
      </c>
      <c r="U14" s="99">
        <v>4</v>
      </c>
      <c r="V14" s="100">
        <v>20</v>
      </c>
      <c r="W14" s="102">
        <v>20</v>
      </c>
      <c r="X14" s="103">
        <v>0</v>
      </c>
      <c r="Y14" s="99">
        <v>2</v>
      </c>
      <c r="Z14" s="100">
        <v>2</v>
      </c>
      <c r="AA14" s="101">
        <v>0</v>
      </c>
      <c r="AB14" s="99">
        <v>513</v>
      </c>
      <c r="AC14" s="99">
        <v>347</v>
      </c>
      <c r="AD14" s="99">
        <v>267</v>
      </c>
      <c r="AE14" s="99">
        <v>176</v>
      </c>
      <c r="AF14" s="99">
        <v>128</v>
      </c>
      <c r="AG14" s="100">
        <v>1431</v>
      </c>
      <c r="AH14" s="102">
        <v>1433</v>
      </c>
    </row>
    <row r="15" spans="1:34" ht="21" customHeight="1" x14ac:dyDescent="0.2">
      <c r="A15" s="18" t="s">
        <v>13</v>
      </c>
      <c r="B15" s="98">
        <v>1</v>
      </c>
      <c r="C15" s="99">
        <v>3</v>
      </c>
      <c r="D15" s="100">
        <v>4</v>
      </c>
      <c r="E15" s="101">
        <v>0</v>
      </c>
      <c r="F15" s="99">
        <v>155</v>
      </c>
      <c r="G15" s="99">
        <v>142</v>
      </c>
      <c r="H15" s="99">
        <v>91</v>
      </c>
      <c r="I15" s="99">
        <v>46</v>
      </c>
      <c r="J15" s="99">
        <v>28</v>
      </c>
      <c r="K15" s="100">
        <v>462</v>
      </c>
      <c r="L15" s="102">
        <v>466</v>
      </c>
      <c r="M15" s="103">
        <v>0</v>
      </c>
      <c r="N15" s="99">
        <v>0</v>
      </c>
      <c r="O15" s="100">
        <v>0</v>
      </c>
      <c r="P15" s="101">
        <v>0</v>
      </c>
      <c r="Q15" s="99">
        <v>3</v>
      </c>
      <c r="R15" s="99">
        <v>3</v>
      </c>
      <c r="S15" s="99">
        <v>1</v>
      </c>
      <c r="T15" s="99">
        <v>1</v>
      </c>
      <c r="U15" s="99">
        <v>0</v>
      </c>
      <c r="V15" s="100">
        <v>8</v>
      </c>
      <c r="W15" s="102">
        <v>8</v>
      </c>
      <c r="X15" s="103">
        <v>1</v>
      </c>
      <c r="Y15" s="99">
        <v>3</v>
      </c>
      <c r="Z15" s="100">
        <v>4</v>
      </c>
      <c r="AA15" s="101">
        <v>0</v>
      </c>
      <c r="AB15" s="99">
        <v>158</v>
      </c>
      <c r="AC15" s="99">
        <v>145</v>
      </c>
      <c r="AD15" s="99">
        <v>92</v>
      </c>
      <c r="AE15" s="99">
        <v>47</v>
      </c>
      <c r="AF15" s="99">
        <v>28</v>
      </c>
      <c r="AG15" s="100">
        <v>470</v>
      </c>
      <c r="AH15" s="102">
        <v>474</v>
      </c>
    </row>
    <row r="16" spans="1:34" ht="21" customHeight="1" x14ac:dyDescent="0.2">
      <c r="A16" s="18" t="s">
        <v>15</v>
      </c>
      <c r="B16" s="98">
        <v>4</v>
      </c>
      <c r="C16" s="99">
        <v>14</v>
      </c>
      <c r="D16" s="100">
        <v>18</v>
      </c>
      <c r="E16" s="101">
        <v>0</v>
      </c>
      <c r="F16" s="99">
        <v>211</v>
      </c>
      <c r="G16" s="99">
        <v>228</v>
      </c>
      <c r="H16" s="99">
        <v>138</v>
      </c>
      <c r="I16" s="99">
        <v>94</v>
      </c>
      <c r="J16" s="99">
        <v>38</v>
      </c>
      <c r="K16" s="100">
        <v>709</v>
      </c>
      <c r="L16" s="102">
        <v>727</v>
      </c>
      <c r="M16" s="103">
        <v>0</v>
      </c>
      <c r="N16" s="99">
        <v>1</v>
      </c>
      <c r="O16" s="100">
        <v>1</v>
      </c>
      <c r="P16" s="101">
        <v>0</v>
      </c>
      <c r="Q16" s="99">
        <v>3</v>
      </c>
      <c r="R16" s="99">
        <v>5</v>
      </c>
      <c r="S16" s="99">
        <v>1</v>
      </c>
      <c r="T16" s="99">
        <v>1</v>
      </c>
      <c r="U16" s="99">
        <v>1</v>
      </c>
      <c r="V16" s="100">
        <v>11</v>
      </c>
      <c r="W16" s="102">
        <v>12</v>
      </c>
      <c r="X16" s="103">
        <v>4</v>
      </c>
      <c r="Y16" s="99">
        <v>15</v>
      </c>
      <c r="Z16" s="100">
        <v>19</v>
      </c>
      <c r="AA16" s="101">
        <v>0</v>
      </c>
      <c r="AB16" s="99">
        <v>214</v>
      </c>
      <c r="AC16" s="99">
        <v>233</v>
      </c>
      <c r="AD16" s="99">
        <v>139</v>
      </c>
      <c r="AE16" s="99">
        <v>95</v>
      </c>
      <c r="AF16" s="99">
        <v>39</v>
      </c>
      <c r="AG16" s="100">
        <v>720</v>
      </c>
      <c r="AH16" s="102">
        <v>739</v>
      </c>
    </row>
    <row r="17" spans="1:34" ht="21" customHeight="1" x14ac:dyDescent="0.2">
      <c r="A17" s="18" t="s">
        <v>16</v>
      </c>
      <c r="B17" s="98">
        <v>1</v>
      </c>
      <c r="C17" s="99">
        <v>1</v>
      </c>
      <c r="D17" s="100">
        <v>2</v>
      </c>
      <c r="E17" s="101">
        <v>0</v>
      </c>
      <c r="F17" s="99">
        <v>212</v>
      </c>
      <c r="G17" s="99">
        <v>288</v>
      </c>
      <c r="H17" s="99">
        <v>180</v>
      </c>
      <c r="I17" s="99">
        <v>123</v>
      </c>
      <c r="J17" s="99">
        <v>77</v>
      </c>
      <c r="K17" s="100">
        <v>880</v>
      </c>
      <c r="L17" s="102">
        <v>882</v>
      </c>
      <c r="M17" s="103">
        <v>0</v>
      </c>
      <c r="N17" s="99">
        <v>0</v>
      </c>
      <c r="O17" s="100">
        <v>0</v>
      </c>
      <c r="P17" s="101">
        <v>0</v>
      </c>
      <c r="Q17" s="99">
        <v>1</v>
      </c>
      <c r="R17" s="99">
        <v>2</v>
      </c>
      <c r="S17" s="99">
        <v>5</v>
      </c>
      <c r="T17" s="99">
        <v>1</v>
      </c>
      <c r="U17" s="99">
        <v>3</v>
      </c>
      <c r="V17" s="100">
        <v>12</v>
      </c>
      <c r="W17" s="102">
        <v>12</v>
      </c>
      <c r="X17" s="103">
        <v>1</v>
      </c>
      <c r="Y17" s="99">
        <v>1</v>
      </c>
      <c r="Z17" s="100">
        <v>2</v>
      </c>
      <c r="AA17" s="101">
        <v>0</v>
      </c>
      <c r="AB17" s="99">
        <v>213</v>
      </c>
      <c r="AC17" s="99">
        <v>290</v>
      </c>
      <c r="AD17" s="99">
        <v>185</v>
      </c>
      <c r="AE17" s="99">
        <v>124</v>
      </c>
      <c r="AF17" s="99">
        <v>80</v>
      </c>
      <c r="AG17" s="100">
        <v>892</v>
      </c>
      <c r="AH17" s="102">
        <v>894</v>
      </c>
    </row>
    <row r="18" spans="1:34" ht="21" customHeight="1" x14ac:dyDescent="0.2">
      <c r="A18" s="18" t="s">
        <v>17</v>
      </c>
      <c r="B18" s="98">
        <v>1</v>
      </c>
      <c r="C18" s="99">
        <v>3</v>
      </c>
      <c r="D18" s="100">
        <v>4</v>
      </c>
      <c r="E18" s="101">
        <v>0</v>
      </c>
      <c r="F18" s="99">
        <v>339</v>
      </c>
      <c r="G18" s="99">
        <v>375</v>
      </c>
      <c r="H18" s="99">
        <v>255</v>
      </c>
      <c r="I18" s="99">
        <v>173</v>
      </c>
      <c r="J18" s="99">
        <v>131</v>
      </c>
      <c r="K18" s="100">
        <v>1273</v>
      </c>
      <c r="L18" s="102">
        <v>1277</v>
      </c>
      <c r="M18" s="103">
        <v>0</v>
      </c>
      <c r="N18" s="99">
        <v>0</v>
      </c>
      <c r="O18" s="100">
        <v>0</v>
      </c>
      <c r="P18" s="101">
        <v>0</v>
      </c>
      <c r="Q18" s="99">
        <v>2</v>
      </c>
      <c r="R18" s="99">
        <v>14</v>
      </c>
      <c r="S18" s="99">
        <v>12</v>
      </c>
      <c r="T18" s="99">
        <v>11</v>
      </c>
      <c r="U18" s="99">
        <v>5</v>
      </c>
      <c r="V18" s="100">
        <v>44</v>
      </c>
      <c r="W18" s="102">
        <v>44</v>
      </c>
      <c r="X18" s="103">
        <v>1</v>
      </c>
      <c r="Y18" s="99">
        <v>3</v>
      </c>
      <c r="Z18" s="100">
        <v>4</v>
      </c>
      <c r="AA18" s="101">
        <v>0</v>
      </c>
      <c r="AB18" s="99">
        <v>341</v>
      </c>
      <c r="AC18" s="99">
        <v>389</v>
      </c>
      <c r="AD18" s="99">
        <v>267</v>
      </c>
      <c r="AE18" s="99">
        <v>184</v>
      </c>
      <c r="AF18" s="99">
        <v>136</v>
      </c>
      <c r="AG18" s="100">
        <v>1317</v>
      </c>
      <c r="AH18" s="102">
        <v>1321</v>
      </c>
    </row>
    <row r="19" spans="1:34" ht="21" customHeight="1" x14ac:dyDescent="0.2">
      <c r="A19" s="18" t="s">
        <v>18</v>
      </c>
      <c r="B19" s="98">
        <v>12</v>
      </c>
      <c r="C19" s="99">
        <v>6</v>
      </c>
      <c r="D19" s="100">
        <v>18</v>
      </c>
      <c r="E19" s="101">
        <v>0</v>
      </c>
      <c r="F19" s="99">
        <v>405</v>
      </c>
      <c r="G19" s="99">
        <v>406</v>
      </c>
      <c r="H19" s="99">
        <v>245</v>
      </c>
      <c r="I19" s="99">
        <v>139</v>
      </c>
      <c r="J19" s="99">
        <v>80</v>
      </c>
      <c r="K19" s="100">
        <v>1275</v>
      </c>
      <c r="L19" s="102">
        <v>1293</v>
      </c>
      <c r="M19" s="103">
        <v>0</v>
      </c>
      <c r="N19" s="99">
        <v>0</v>
      </c>
      <c r="O19" s="100">
        <v>0</v>
      </c>
      <c r="P19" s="101">
        <v>0</v>
      </c>
      <c r="Q19" s="99">
        <v>9</v>
      </c>
      <c r="R19" s="99">
        <v>9</v>
      </c>
      <c r="S19" s="99">
        <v>7</v>
      </c>
      <c r="T19" s="99">
        <v>5</v>
      </c>
      <c r="U19" s="99">
        <v>2</v>
      </c>
      <c r="V19" s="100">
        <v>32</v>
      </c>
      <c r="W19" s="102">
        <v>32</v>
      </c>
      <c r="X19" s="103">
        <v>12</v>
      </c>
      <c r="Y19" s="99">
        <v>6</v>
      </c>
      <c r="Z19" s="100">
        <v>18</v>
      </c>
      <c r="AA19" s="101">
        <v>0</v>
      </c>
      <c r="AB19" s="99">
        <v>414</v>
      </c>
      <c r="AC19" s="99">
        <v>415</v>
      </c>
      <c r="AD19" s="99">
        <v>252</v>
      </c>
      <c r="AE19" s="99">
        <v>144</v>
      </c>
      <c r="AF19" s="99">
        <v>82</v>
      </c>
      <c r="AG19" s="100">
        <v>1307</v>
      </c>
      <c r="AH19" s="102">
        <v>1325</v>
      </c>
    </row>
    <row r="20" spans="1:34" ht="21" customHeight="1" x14ac:dyDescent="0.2">
      <c r="A20" s="18" t="s">
        <v>19</v>
      </c>
      <c r="B20" s="98">
        <v>0</v>
      </c>
      <c r="C20" s="99">
        <v>5</v>
      </c>
      <c r="D20" s="100">
        <v>5</v>
      </c>
      <c r="E20" s="101">
        <v>0</v>
      </c>
      <c r="F20" s="99">
        <v>198</v>
      </c>
      <c r="G20" s="99">
        <v>213</v>
      </c>
      <c r="H20" s="99">
        <v>131</v>
      </c>
      <c r="I20" s="99">
        <v>62</v>
      </c>
      <c r="J20" s="99">
        <v>61</v>
      </c>
      <c r="K20" s="100">
        <v>665</v>
      </c>
      <c r="L20" s="102">
        <v>670</v>
      </c>
      <c r="M20" s="103">
        <v>0</v>
      </c>
      <c r="N20" s="99">
        <v>0</v>
      </c>
      <c r="O20" s="100">
        <v>0</v>
      </c>
      <c r="P20" s="101">
        <v>0</v>
      </c>
      <c r="Q20" s="99">
        <v>1</v>
      </c>
      <c r="R20" s="99">
        <v>3</v>
      </c>
      <c r="S20" s="99">
        <v>1</v>
      </c>
      <c r="T20" s="99">
        <v>0</v>
      </c>
      <c r="U20" s="99">
        <v>2</v>
      </c>
      <c r="V20" s="100">
        <v>7</v>
      </c>
      <c r="W20" s="102">
        <v>7</v>
      </c>
      <c r="X20" s="103">
        <v>0</v>
      </c>
      <c r="Y20" s="99">
        <v>5</v>
      </c>
      <c r="Z20" s="100">
        <v>5</v>
      </c>
      <c r="AA20" s="101">
        <v>0</v>
      </c>
      <c r="AB20" s="99">
        <v>199</v>
      </c>
      <c r="AC20" s="99">
        <v>216</v>
      </c>
      <c r="AD20" s="99">
        <v>132</v>
      </c>
      <c r="AE20" s="99">
        <v>62</v>
      </c>
      <c r="AF20" s="99">
        <v>63</v>
      </c>
      <c r="AG20" s="100">
        <v>672</v>
      </c>
      <c r="AH20" s="102">
        <v>677</v>
      </c>
    </row>
    <row r="21" spans="1:34" ht="21" customHeight="1" x14ac:dyDescent="0.2">
      <c r="A21" s="18" t="s">
        <v>20</v>
      </c>
      <c r="B21" s="98">
        <v>1</v>
      </c>
      <c r="C21" s="99">
        <v>2</v>
      </c>
      <c r="D21" s="100">
        <v>3</v>
      </c>
      <c r="E21" s="101">
        <v>0</v>
      </c>
      <c r="F21" s="99">
        <v>221</v>
      </c>
      <c r="G21" s="99">
        <v>122</v>
      </c>
      <c r="H21" s="99">
        <v>81</v>
      </c>
      <c r="I21" s="99">
        <v>60</v>
      </c>
      <c r="J21" s="99">
        <v>18</v>
      </c>
      <c r="K21" s="100">
        <v>502</v>
      </c>
      <c r="L21" s="102">
        <v>505</v>
      </c>
      <c r="M21" s="103">
        <v>0</v>
      </c>
      <c r="N21" s="99">
        <v>0</v>
      </c>
      <c r="O21" s="100">
        <v>0</v>
      </c>
      <c r="P21" s="101">
        <v>0</v>
      </c>
      <c r="Q21" s="99">
        <v>6</v>
      </c>
      <c r="R21" s="99">
        <v>3</v>
      </c>
      <c r="S21" s="99">
        <v>0</v>
      </c>
      <c r="T21" s="99">
        <v>0</v>
      </c>
      <c r="U21" s="99">
        <v>0</v>
      </c>
      <c r="V21" s="100">
        <v>9</v>
      </c>
      <c r="W21" s="102">
        <v>9</v>
      </c>
      <c r="X21" s="103">
        <v>1</v>
      </c>
      <c r="Y21" s="99">
        <v>2</v>
      </c>
      <c r="Z21" s="100">
        <v>3</v>
      </c>
      <c r="AA21" s="101">
        <v>0</v>
      </c>
      <c r="AB21" s="99">
        <v>227</v>
      </c>
      <c r="AC21" s="99">
        <v>125</v>
      </c>
      <c r="AD21" s="99">
        <v>81</v>
      </c>
      <c r="AE21" s="99">
        <v>60</v>
      </c>
      <c r="AF21" s="99">
        <v>18</v>
      </c>
      <c r="AG21" s="100">
        <v>511</v>
      </c>
      <c r="AH21" s="102">
        <v>514</v>
      </c>
    </row>
    <row r="22" spans="1:34" ht="21" customHeight="1" x14ac:dyDescent="0.2">
      <c r="A22" s="18" t="s">
        <v>21</v>
      </c>
      <c r="B22" s="98">
        <v>1</v>
      </c>
      <c r="C22" s="99">
        <v>1</v>
      </c>
      <c r="D22" s="100">
        <v>2</v>
      </c>
      <c r="E22" s="101">
        <v>0</v>
      </c>
      <c r="F22" s="99">
        <v>223</v>
      </c>
      <c r="G22" s="99">
        <v>230</v>
      </c>
      <c r="H22" s="99">
        <v>122</v>
      </c>
      <c r="I22" s="99">
        <v>53</v>
      </c>
      <c r="J22" s="99">
        <v>33</v>
      </c>
      <c r="K22" s="100">
        <v>661</v>
      </c>
      <c r="L22" s="102">
        <v>663</v>
      </c>
      <c r="M22" s="103">
        <v>0</v>
      </c>
      <c r="N22" s="99">
        <v>0</v>
      </c>
      <c r="O22" s="100">
        <v>0</v>
      </c>
      <c r="P22" s="101">
        <v>0</v>
      </c>
      <c r="Q22" s="99">
        <v>3</v>
      </c>
      <c r="R22" s="99">
        <v>7</v>
      </c>
      <c r="S22" s="99">
        <v>2</v>
      </c>
      <c r="T22" s="99">
        <v>3</v>
      </c>
      <c r="U22" s="99">
        <v>2</v>
      </c>
      <c r="V22" s="100">
        <v>17</v>
      </c>
      <c r="W22" s="102">
        <v>17</v>
      </c>
      <c r="X22" s="103">
        <v>1</v>
      </c>
      <c r="Y22" s="99">
        <v>1</v>
      </c>
      <c r="Z22" s="100">
        <v>2</v>
      </c>
      <c r="AA22" s="101">
        <v>0</v>
      </c>
      <c r="AB22" s="99">
        <v>226</v>
      </c>
      <c r="AC22" s="99">
        <v>237</v>
      </c>
      <c r="AD22" s="99">
        <v>124</v>
      </c>
      <c r="AE22" s="99">
        <v>56</v>
      </c>
      <c r="AF22" s="99">
        <v>35</v>
      </c>
      <c r="AG22" s="100">
        <v>678</v>
      </c>
      <c r="AH22" s="102">
        <v>680</v>
      </c>
    </row>
    <row r="23" spans="1:34" ht="21" customHeight="1" x14ac:dyDescent="0.2">
      <c r="A23" s="18" t="s">
        <v>22</v>
      </c>
      <c r="B23" s="98">
        <v>4</v>
      </c>
      <c r="C23" s="99">
        <v>4</v>
      </c>
      <c r="D23" s="100">
        <v>8</v>
      </c>
      <c r="E23" s="101">
        <v>0</v>
      </c>
      <c r="F23" s="99">
        <v>168</v>
      </c>
      <c r="G23" s="99">
        <v>135</v>
      </c>
      <c r="H23" s="99">
        <v>69</v>
      </c>
      <c r="I23" s="99">
        <v>57</v>
      </c>
      <c r="J23" s="99">
        <v>27</v>
      </c>
      <c r="K23" s="100">
        <v>456</v>
      </c>
      <c r="L23" s="102">
        <v>464</v>
      </c>
      <c r="M23" s="103">
        <v>0</v>
      </c>
      <c r="N23" s="99">
        <v>0</v>
      </c>
      <c r="O23" s="100">
        <v>0</v>
      </c>
      <c r="P23" s="101">
        <v>0</v>
      </c>
      <c r="Q23" s="99">
        <v>6</v>
      </c>
      <c r="R23" s="99">
        <v>0</v>
      </c>
      <c r="S23" s="99">
        <v>2</v>
      </c>
      <c r="T23" s="99">
        <v>1</v>
      </c>
      <c r="U23" s="99">
        <v>1</v>
      </c>
      <c r="V23" s="100">
        <v>10</v>
      </c>
      <c r="W23" s="102">
        <v>10</v>
      </c>
      <c r="X23" s="103">
        <v>4</v>
      </c>
      <c r="Y23" s="99">
        <v>4</v>
      </c>
      <c r="Z23" s="100">
        <v>8</v>
      </c>
      <c r="AA23" s="101">
        <v>0</v>
      </c>
      <c r="AB23" s="99">
        <v>174</v>
      </c>
      <c r="AC23" s="99">
        <v>135</v>
      </c>
      <c r="AD23" s="99">
        <v>71</v>
      </c>
      <c r="AE23" s="99">
        <v>58</v>
      </c>
      <c r="AF23" s="99">
        <v>28</v>
      </c>
      <c r="AG23" s="100">
        <v>466</v>
      </c>
      <c r="AH23" s="102">
        <v>474</v>
      </c>
    </row>
    <row r="24" spans="1:34" ht="21" customHeight="1" x14ac:dyDescent="0.2">
      <c r="A24" s="18" t="s">
        <v>23</v>
      </c>
      <c r="B24" s="98">
        <v>0</v>
      </c>
      <c r="C24" s="99">
        <v>1</v>
      </c>
      <c r="D24" s="100">
        <v>1</v>
      </c>
      <c r="E24" s="101">
        <v>0</v>
      </c>
      <c r="F24" s="99">
        <v>84</v>
      </c>
      <c r="G24" s="99">
        <v>58</v>
      </c>
      <c r="H24" s="99">
        <v>44</v>
      </c>
      <c r="I24" s="99">
        <v>27</v>
      </c>
      <c r="J24" s="99">
        <v>15</v>
      </c>
      <c r="K24" s="100">
        <v>228</v>
      </c>
      <c r="L24" s="102">
        <v>229</v>
      </c>
      <c r="M24" s="103">
        <v>0</v>
      </c>
      <c r="N24" s="99">
        <v>0</v>
      </c>
      <c r="O24" s="100">
        <v>0</v>
      </c>
      <c r="P24" s="101">
        <v>0</v>
      </c>
      <c r="Q24" s="99">
        <v>0</v>
      </c>
      <c r="R24" s="99">
        <v>0</v>
      </c>
      <c r="S24" s="99">
        <v>0</v>
      </c>
      <c r="T24" s="99">
        <v>0</v>
      </c>
      <c r="U24" s="99">
        <v>0</v>
      </c>
      <c r="V24" s="100">
        <v>0</v>
      </c>
      <c r="W24" s="102">
        <v>0</v>
      </c>
      <c r="X24" s="103">
        <v>0</v>
      </c>
      <c r="Y24" s="99">
        <v>1</v>
      </c>
      <c r="Z24" s="100">
        <v>1</v>
      </c>
      <c r="AA24" s="101">
        <v>0</v>
      </c>
      <c r="AB24" s="99">
        <v>84</v>
      </c>
      <c r="AC24" s="99">
        <v>58</v>
      </c>
      <c r="AD24" s="99">
        <v>44</v>
      </c>
      <c r="AE24" s="99">
        <v>27</v>
      </c>
      <c r="AF24" s="99">
        <v>15</v>
      </c>
      <c r="AG24" s="100">
        <v>228</v>
      </c>
      <c r="AH24" s="102">
        <v>229</v>
      </c>
    </row>
    <row r="25" spans="1:34" ht="21" customHeight="1" x14ac:dyDescent="0.2">
      <c r="A25" s="18" t="s">
        <v>24</v>
      </c>
      <c r="B25" s="98">
        <v>7</v>
      </c>
      <c r="C25" s="99">
        <v>6</v>
      </c>
      <c r="D25" s="100">
        <v>13</v>
      </c>
      <c r="E25" s="101">
        <v>0</v>
      </c>
      <c r="F25" s="99">
        <v>84</v>
      </c>
      <c r="G25" s="99">
        <v>34</v>
      </c>
      <c r="H25" s="99">
        <v>43</v>
      </c>
      <c r="I25" s="99">
        <v>16</v>
      </c>
      <c r="J25" s="99">
        <v>11</v>
      </c>
      <c r="K25" s="100">
        <v>188</v>
      </c>
      <c r="L25" s="102">
        <v>201</v>
      </c>
      <c r="M25" s="103">
        <v>0</v>
      </c>
      <c r="N25" s="99">
        <v>0</v>
      </c>
      <c r="O25" s="100">
        <v>0</v>
      </c>
      <c r="P25" s="101">
        <v>0</v>
      </c>
      <c r="Q25" s="99">
        <v>1</v>
      </c>
      <c r="R25" s="99">
        <v>0</v>
      </c>
      <c r="S25" s="99">
        <v>0</v>
      </c>
      <c r="T25" s="99">
        <v>0</v>
      </c>
      <c r="U25" s="99">
        <v>0</v>
      </c>
      <c r="V25" s="100">
        <v>1</v>
      </c>
      <c r="W25" s="102">
        <v>1</v>
      </c>
      <c r="X25" s="103">
        <v>7</v>
      </c>
      <c r="Y25" s="99">
        <v>6</v>
      </c>
      <c r="Z25" s="100">
        <v>13</v>
      </c>
      <c r="AA25" s="101">
        <v>0</v>
      </c>
      <c r="AB25" s="99">
        <v>85</v>
      </c>
      <c r="AC25" s="99">
        <v>34</v>
      </c>
      <c r="AD25" s="99">
        <v>43</v>
      </c>
      <c r="AE25" s="99">
        <v>16</v>
      </c>
      <c r="AF25" s="99">
        <v>11</v>
      </c>
      <c r="AG25" s="100">
        <v>189</v>
      </c>
      <c r="AH25" s="102">
        <v>202</v>
      </c>
    </row>
    <row r="26" spans="1:34" ht="21" customHeight="1" x14ac:dyDescent="0.2">
      <c r="A26" s="18" t="s">
        <v>25</v>
      </c>
      <c r="B26" s="98">
        <v>0</v>
      </c>
      <c r="C26" s="99">
        <v>0</v>
      </c>
      <c r="D26" s="100">
        <v>0</v>
      </c>
      <c r="E26" s="101">
        <v>0</v>
      </c>
      <c r="F26" s="99">
        <v>78</v>
      </c>
      <c r="G26" s="99">
        <v>43</v>
      </c>
      <c r="H26" s="99">
        <v>20</v>
      </c>
      <c r="I26" s="99">
        <v>15</v>
      </c>
      <c r="J26" s="99">
        <v>6</v>
      </c>
      <c r="K26" s="100">
        <v>162</v>
      </c>
      <c r="L26" s="102">
        <v>162</v>
      </c>
      <c r="M26" s="103">
        <v>0</v>
      </c>
      <c r="N26" s="99">
        <v>0</v>
      </c>
      <c r="O26" s="100">
        <v>0</v>
      </c>
      <c r="P26" s="101">
        <v>0</v>
      </c>
      <c r="Q26" s="99">
        <v>1</v>
      </c>
      <c r="R26" s="99">
        <v>1</v>
      </c>
      <c r="S26" s="99">
        <v>1</v>
      </c>
      <c r="T26" s="99">
        <v>0</v>
      </c>
      <c r="U26" s="99">
        <v>0</v>
      </c>
      <c r="V26" s="100">
        <v>3</v>
      </c>
      <c r="W26" s="102">
        <v>3</v>
      </c>
      <c r="X26" s="103">
        <v>0</v>
      </c>
      <c r="Y26" s="99">
        <v>0</v>
      </c>
      <c r="Z26" s="100">
        <v>0</v>
      </c>
      <c r="AA26" s="101">
        <v>0</v>
      </c>
      <c r="AB26" s="99">
        <v>79</v>
      </c>
      <c r="AC26" s="99">
        <v>44</v>
      </c>
      <c r="AD26" s="99">
        <v>21</v>
      </c>
      <c r="AE26" s="99">
        <v>15</v>
      </c>
      <c r="AF26" s="99">
        <v>6</v>
      </c>
      <c r="AG26" s="100">
        <v>165</v>
      </c>
      <c r="AH26" s="102">
        <v>165</v>
      </c>
    </row>
    <row r="27" spans="1:34" ht="21" customHeight="1" x14ac:dyDescent="0.2">
      <c r="A27" s="18" t="s">
        <v>26</v>
      </c>
      <c r="B27" s="98">
        <v>2</v>
      </c>
      <c r="C27" s="99">
        <v>0</v>
      </c>
      <c r="D27" s="100">
        <v>2</v>
      </c>
      <c r="E27" s="101">
        <v>0</v>
      </c>
      <c r="F27" s="99">
        <v>67</v>
      </c>
      <c r="G27" s="99">
        <v>57</v>
      </c>
      <c r="H27" s="99">
        <v>35</v>
      </c>
      <c r="I27" s="99">
        <v>27</v>
      </c>
      <c r="J27" s="99">
        <v>24</v>
      </c>
      <c r="K27" s="100">
        <v>210</v>
      </c>
      <c r="L27" s="102">
        <v>212</v>
      </c>
      <c r="M27" s="103">
        <v>0</v>
      </c>
      <c r="N27" s="99">
        <v>0</v>
      </c>
      <c r="O27" s="100">
        <v>0</v>
      </c>
      <c r="P27" s="101">
        <v>0</v>
      </c>
      <c r="Q27" s="99">
        <v>0</v>
      </c>
      <c r="R27" s="99">
        <v>0</v>
      </c>
      <c r="S27" s="99">
        <v>0</v>
      </c>
      <c r="T27" s="99">
        <v>0</v>
      </c>
      <c r="U27" s="99">
        <v>0</v>
      </c>
      <c r="V27" s="100">
        <v>0</v>
      </c>
      <c r="W27" s="102">
        <v>0</v>
      </c>
      <c r="X27" s="103">
        <v>2</v>
      </c>
      <c r="Y27" s="99">
        <v>0</v>
      </c>
      <c r="Z27" s="100">
        <v>2</v>
      </c>
      <c r="AA27" s="101">
        <v>0</v>
      </c>
      <c r="AB27" s="99">
        <v>67</v>
      </c>
      <c r="AC27" s="99">
        <v>57</v>
      </c>
      <c r="AD27" s="99">
        <v>35</v>
      </c>
      <c r="AE27" s="99">
        <v>27</v>
      </c>
      <c r="AF27" s="99">
        <v>24</v>
      </c>
      <c r="AG27" s="100">
        <v>210</v>
      </c>
      <c r="AH27" s="102">
        <v>212</v>
      </c>
    </row>
    <row r="28" spans="1:34" ht="21" customHeight="1" x14ac:dyDescent="0.2">
      <c r="A28" s="18" t="s">
        <v>27</v>
      </c>
      <c r="B28" s="98">
        <v>0</v>
      </c>
      <c r="C28" s="99">
        <v>0</v>
      </c>
      <c r="D28" s="100">
        <v>0</v>
      </c>
      <c r="E28" s="101">
        <v>0</v>
      </c>
      <c r="F28" s="99">
        <v>56</v>
      </c>
      <c r="G28" s="99">
        <v>32</v>
      </c>
      <c r="H28" s="99">
        <v>35</v>
      </c>
      <c r="I28" s="99">
        <v>11</v>
      </c>
      <c r="J28" s="99">
        <v>10</v>
      </c>
      <c r="K28" s="100">
        <v>144</v>
      </c>
      <c r="L28" s="102">
        <v>144</v>
      </c>
      <c r="M28" s="103">
        <v>0</v>
      </c>
      <c r="N28" s="99">
        <v>0</v>
      </c>
      <c r="O28" s="100">
        <v>0</v>
      </c>
      <c r="P28" s="101">
        <v>0</v>
      </c>
      <c r="Q28" s="99">
        <v>1</v>
      </c>
      <c r="R28" s="99">
        <v>0</v>
      </c>
      <c r="S28" s="99">
        <v>1</v>
      </c>
      <c r="T28" s="99">
        <v>0</v>
      </c>
      <c r="U28" s="99">
        <v>0</v>
      </c>
      <c r="V28" s="100">
        <v>2</v>
      </c>
      <c r="W28" s="102">
        <v>2</v>
      </c>
      <c r="X28" s="103">
        <v>0</v>
      </c>
      <c r="Y28" s="99">
        <v>0</v>
      </c>
      <c r="Z28" s="100">
        <v>0</v>
      </c>
      <c r="AA28" s="101">
        <v>0</v>
      </c>
      <c r="AB28" s="99">
        <v>57</v>
      </c>
      <c r="AC28" s="99">
        <v>32</v>
      </c>
      <c r="AD28" s="99">
        <v>36</v>
      </c>
      <c r="AE28" s="99">
        <v>11</v>
      </c>
      <c r="AF28" s="99">
        <v>10</v>
      </c>
      <c r="AG28" s="100">
        <v>146</v>
      </c>
      <c r="AH28" s="102">
        <v>146</v>
      </c>
    </row>
    <row r="29" spans="1:34" ht="21" customHeight="1" x14ac:dyDescent="0.2">
      <c r="A29" s="18" t="s">
        <v>28</v>
      </c>
      <c r="B29" s="98">
        <v>0</v>
      </c>
      <c r="C29" s="99">
        <v>0</v>
      </c>
      <c r="D29" s="100">
        <v>0</v>
      </c>
      <c r="E29" s="101">
        <v>0</v>
      </c>
      <c r="F29" s="99">
        <v>16</v>
      </c>
      <c r="G29" s="99">
        <v>15</v>
      </c>
      <c r="H29" s="99">
        <v>14</v>
      </c>
      <c r="I29" s="99">
        <v>5</v>
      </c>
      <c r="J29" s="99">
        <v>4</v>
      </c>
      <c r="K29" s="100">
        <v>54</v>
      </c>
      <c r="L29" s="102">
        <v>54</v>
      </c>
      <c r="M29" s="103">
        <v>0</v>
      </c>
      <c r="N29" s="99">
        <v>0</v>
      </c>
      <c r="O29" s="100">
        <v>0</v>
      </c>
      <c r="P29" s="101">
        <v>0</v>
      </c>
      <c r="Q29" s="99">
        <v>0</v>
      </c>
      <c r="R29" s="99">
        <v>0</v>
      </c>
      <c r="S29" s="99">
        <v>0</v>
      </c>
      <c r="T29" s="99">
        <v>0</v>
      </c>
      <c r="U29" s="99">
        <v>0</v>
      </c>
      <c r="V29" s="100">
        <v>0</v>
      </c>
      <c r="W29" s="102">
        <v>0</v>
      </c>
      <c r="X29" s="103">
        <v>0</v>
      </c>
      <c r="Y29" s="99">
        <v>0</v>
      </c>
      <c r="Z29" s="100">
        <v>0</v>
      </c>
      <c r="AA29" s="101">
        <v>0</v>
      </c>
      <c r="AB29" s="99">
        <v>16</v>
      </c>
      <c r="AC29" s="99">
        <v>15</v>
      </c>
      <c r="AD29" s="99">
        <v>14</v>
      </c>
      <c r="AE29" s="99">
        <v>5</v>
      </c>
      <c r="AF29" s="99">
        <v>4</v>
      </c>
      <c r="AG29" s="100">
        <v>54</v>
      </c>
      <c r="AH29" s="102">
        <v>54</v>
      </c>
    </row>
    <row r="30" spans="1:34" ht="21" customHeight="1" x14ac:dyDescent="0.2">
      <c r="A30" s="18" t="s">
        <v>29</v>
      </c>
      <c r="B30" s="98">
        <v>1</v>
      </c>
      <c r="C30" s="99">
        <v>1</v>
      </c>
      <c r="D30" s="100">
        <v>2</v>
      </c>
      <c r="E30" s="101">
        <v>0</v>
      </c>
      <c r="F30" s="99">
        <v>19</v>
      </c>
      <c r="G30" s="99">
        <v>25</v>
      </c>
      <c r="H30" s="99">
        <v>10</v>
      </c>
      <c r="I30" s="99">
        <v>8</v>
      </c>
      <c r="J30" s="99">
        <v>5</v>
      </c>
      <c r="K30" s="100">
        <v>67</v>
      </c>
      <c r="L30" s="102">
        <v>69</v>
      </c>
      <c r="M30" s="103">
        <v>0</v>
      </c>
      <c r="N30" s="99">
        <v>0</v>
      </c>
      <c r="O30" s="100">
        <v>0</v>
      </c>
      <c r="P30" s="101">
        <v>0</v>
      </c>
      <c r="Q30" s="99">
        <v>0</v>
      </c>
      <c r="R30" s="99">
        <v>0</v>
      </c>
      <c r="S30" s="99">
        <v>1</v>
      </c>
      <c r="T30" s="99">
        <v>0</v>
      </c>
      <c r="U30" s="99">
        <v>0</v>
      </c>
      <c r="V30" s="100">
        <v>1</v>
      </c>
      <c r="W30" s="102">
        <v>1</v>
      </c>
      <c r="X30" s="103">
        <v>1</v>
      </c>
      <c r="Y30" s="99">
        <v>1</v>
      </c>
      <c r="Z30" s="100">
        <v>2</v>
      </c>
      <c r="AA30" s="101">
        <v>0</v>
      </c>
      <c r="AB30" s="99">
        <v>19</v>
      </c>
      <c r="AC30" s="99">
        <v>25</v>
      </c>
      <c r="AD30" s="99">
        <v>11</v>
      </c>
      <c r="AE30" s="99">
        <v>8</v>
      </c>
      <c r="AF30" s="99">
        <v>5</v>
      </c>
      <c r="AG30" s="100">
        <v>68</v>
      </c>
      <c r="AH30" s="102">
        <v>70</v>
      </c>
    </row>
    <row r="31" spans="1:34" ht="21" customHeight="1" x14ac:dyDescent="0.2">
      <c r="A31" s="18" t="s">
        <v>30</v>
      </c>
      <c r="B31" s="98">
        <v>1</v>
      </c>
      <c r="C31" s="99">
        <v>0</v>
      </c>
      <c r="D31" s="100">
        <v>1</v>
      </c>
      <c r="E31" s="101">
        <v>0</v>
      </c>
      <c r="F31" s="99">
        <v>33</v>
      </c>
      <c r="G31" s="99">
        <v>19</v>
      </c>
      <c r="H31" s="99">
        <v>19</v>
      </c>
      <c r="I31" s="99">
        <v>8</v>
      </c>
      <c r="J31" s="99">
        <v>1</v>
      </c>
      <c r="K31" s="100">
        <v>80</v>
      </c>
      <c r="L31" s="102">
        <v>81</v>
      </c>
      <c r="M31" s="103">
        <v>0</v>
      </c>
      <c r="N31" s="99">
        <v>0</v>
      </c>
      <c r="O31" s="100">
        <v>0</v>
      </c>
      <c r="P31" s="101">
        <v>0</v>
      </c>
      <c r="Q31" s="99">
        <v>1</v>
      </c>
      <c r="R31" s="99">
        <v>0</v>
      </c>
      <c r="S31" s="99">
        <v>0</v>
      </c>
      <c r="T31" s="99">
        <v>0</v>
      </c>
      <c r="U31" s="99">
        <v>0</v>
      </c>
      <c r="V31" s="100">
        <v>1</v>
      </c>
      <c r="W31" s="102">
        <v>1</v>
      </c>
      <c r="X31" s="103">
        <v>1</v>
      </c>
      <c r="Y31" s="99">
        <v>0</v>
      </c>
      <c r="Z31" s="100">
        <v>1</v>
      </c>
      <c r="AA31" s="101">
        <v>0</v>
      </c>
      <c r="AB31" s="99">
        <v>34</v>
      </c>
      <c r="AC31" s="99">
        <v>19</v>
      </c>
      <c r="AD31" s="99">
        <v>19</v>
      </c>
      <c r="AE31" s="99">
        <v>8</v>
      </c>
      <c r="AF31" s="99">
        <v>1</v>
      </c>
      <c r="AG31" s="100">
        <v>81</v>
      </c>
      <c r="AH31" s="102">
        <v>82</v>
      </c>
    </row>
    <row r="32" spans="1:34" ht="21" customHeight="1" x14ac:dyDescent="0.2">
      <c r="A32" s="18" t="s">
        <v>31</v>
      </c>
      <c r="B32" s="98">
        <v>0</v>
      </c>
      <c r="C32" s="99">
        <v>1</v>
      </c>
      <c r="D32" s="100">
        <v>1</v>
      </c>
      <c r="E32" s="101">
        <v>0</v>
      </c>
      <c r="F32" s="99">
        <v>43</v>
      </c>
      <c r="G32" s="99">
        <v>42</v>
      </c>
      <c r="H32" s="99">
        <v>24</v>
      </c>
      <c r="I32" s="99">
        <v>11</v>
      </c>
      <c r="J32" s="99">
        <v>8</v>
      </c>
      <c r="K32" s="100">
        <v>128</v>
      </c>
      <c r="L32" s="102">
        <v>129</v>
      </c>
      <c r="M32" s="103">
        <v>0</v>
      </c>
      <c r="N32" s="99">
        <v>0</v>
      </c>
      <c r="O32" s="100">
        <v>0</v>
      </c>
      <c r="P32" s="101">
        <v>0</v>
      </c>
      <c r="Q32" s="99">
        <v>0</v>
      </c>
      <c r="R32" s="99">
        <v>0</v>
      </c>
      <c r="S32" s="99">
        <v>1</v>
      </c>
      <c r="T32" s="99">
        <v>1</v>
      </c>
      <c r="U32" s="99">
        <v>0</v>
      </c>
      <c r="V32" s="100">
        <v>2</v>
      </c>
      <c r="W32" s="102">
        <v>2</v>
      </c>
      <c r="X32" s="103">
        <v>0</v>
      </c>
      <c r="Y32" s="99">
        <v>1</v>
      </c>
      <c r="Z32" s="100">
        <v>1</v>
      </c>
      <c r="AA32" s="101">
        <v>0</v>
      </c>
      <c r="AB32" s="99">
        <v>43</v>
      </c>
      <c r="AC32" s="99">
        <v>42</v>
      </c>
      <c r="AD32" s="99">
        <v>25</v>
      </c>
      <c r="AE32" s="99">
        <v>12</v>
      </c>
      <c r="AF32" s="99">
        <v>8</v>
      </c>
      <c r="AG32" s="100">
        <v>130</v>
      </c>
      <c r="AH32" s="102">
        <v>131</v>
      </c>
    </row>
    <row r="33" spans="1:34" ht="21" customHeight="1" x14ac:dyDescent="0.2">
      <c r="A33" s="18" t="s">
        <v>32</v>
      </c>
      <c r="B33" s="98">
        <v>0</v>
      </c>
      <c r="C33" s="99">
        <v>0</v>
      </c>
      <c r="D33" s="100">
        <v>0</v>
      </c>
      <c r="E33" s="101">
        <v>0</v>
      </c>
      <c r="F33" s="99">
        <v>51</v>
      </c>
      <c r="G33" s="99">
        <v>36</v>
      </c>
      <c r="H33" s="99">
        <v>33</v>
      </c>
      <c r="I33" s="99">
        <v>26</v>
      </c>
      <c r="J33" s="99">
        <v>13</v>
      </c>
      <c r="K33" s="100">
        <v>159</v>
      </c>
      <c r="L33" s="102">
        <v>159</v>
      </c>
      <c r="M33" s="103">
        <v>0</v>
      </c>
      <c r="N33" s="99">
        <v>0</v>
      </c>
      <c r="O33" s="100">
        <v>0</v>
      </c>
      <c r="P33" s="101">
        <v>0</v>
      </c>
      <c r="Q33" s="99">
        <v>0</v>
      </c>
      <c r="R33" s="99">
        <v>1</v>
      </c>
      <c r="S33" s="99">
        <v>0</v>
      </c>
      <c r="T33" s="99">
        <v>1</v>
      </c>
      <c r="U33" s="99">
        <v>0</v>
      </c>
      <c r="V33" s="100">
        <v>2</v>
      </c>
      <c r="W33" s="102">
        <v>2</v>
      </c>
      <c r="X33" s="103">
        <v>0</v>
      </c>
      <c r="Y33" s="99">
        <v>0</v>
      </c>
      <c r="Z33" s="100">
        <v>0</v>
      </c>
      <c r="AA33" s="101">
        <v>0</v>
      </c>
      <c r="AB33" s="99">
        <v>51</v>
      </c>
      <c r="AC33" s="99">
        <v>37</v>
      </c>
      <c r="AD33" s="99">
        <v>33</v>
      </c>
      <c r="AE33" s="99">
        <v>27</v>
      </c>
      <c r="AF33" s="99">
        <v>13</v>
      </c>
      <c r="AG33" s="100">
        <v>161</v>
      </c>
      <c r="AH33" s="102">
        <v>161</v>
      </c>
    </row>
    <row r="34" spans="1:34" ht="21" customHeight="1" x14ac:dyDescent="0.2">
      <c r="A34" s="18" t="s">
        <v>33</v>
      </c>
      <c r="B34" s="98">
        <v>0</v>
      </c>
      <c r="C34" s="99">
        <v>1</v>
      </c>
      <c r="D34" s="100">
        <v>1</v>
      </c>
      <c r="E34" s="101">
        <v>0</v>
      </c>
      <c r="F34" s="99">
        <v>41</v>
      </c>
      <c r="G34" s="99">
        <v>24</v>
      </c>
      <c r="H34" s="99">
        <v>23</v>
      </c>
      <c r="I34" s="99">
        <v>7</v>
      </c>
      <c r="J34" s="99">
        <v>4</v>
      </c>
      <c r="K34" s="100">
        <v>99</v>
      </c>
      <c r="L34" s="102">
        <v>100</v>
      </c>
      <c r="M34" s="103">
        <v>0</v>
      </c>
      <c r="N34" s="99">
        <v>0</v>
      </c>
      <c r="O34" s="100">
        <v>0</v>
      </c>
      <c r="P34" s="101">
        <v>0</v>
      </c>
      <c r="Q34" s="99">
        <v>0</v>
      </c>
      <c r="R34" s="99">
        <v>0</v>
      </c>
      <c r="S34" s="99">
        <v>0</v>
      </c>
      <c r="T34" s="99">
        <v>0</v>
      </c>
      <c r="U34" s="99">
        <v>0</v>
      </c>
      <c r="V34" s="100">
        <v>0</v>
      </c>
      <c r="W34" s="102">
        <v>0</v>
      </c>
      <c r="X34" s="103">
        <v>0</v>
      </c>
      <c r="Y34" s="99">
        <v>1</v>
      </c>
      <c r="Z34" s="100">
        <v>1</v>
      </c>
      <c r="AA34" s="101">
        <v>0</v>
      </c>
      <c r="AB34" s="99">
        <v>41</v>
      </c>
      <c r="AC34" s="99">
        <v>24</v>
      </c>
      <c r="AD34" s="99">
        <v>23</v>
      </c>
      <c r="AE34" s="99">
        <v>7</v>
      </c>
      <c r="AF34" s="99">
        <v>4</v>
      </c>
      <c r="AG34" s="100">
        <v>99</v>
      </c>
      <c r="AH34" s="102">
        <v>100</v>
      </c>
    </row>
    <row r="35" spans="1:34" ht="21" customHeight="1" x14ac:dyDescent="0.2">
      <c r="A35" s="18" t="s">
        <v>34</v>
      </c>
      <c r="B35" s="98">
        <v>3</v>
      </c>
      <c r="C35" s="99">
        <v>1</v>
      </c>
      <c r="D35" s="100">
        <v>4</v>
      </c>
      <c r="E35" s="101">
        <v>0</v>
      </c>
      <c r="F35" s="99">
        <v>35</v>
      </c>
      <c r="G35" s="99">
        <v>20</v>
      </c>
      <c r="H35" s="99">
        <v>13</v>
      </c>
      <c r="I35" s="99">
        <v>13</v>
      </c>
      <c r="J35" s="99">
        <v>6</v>
      </c>
      <c r="K35" s="100">
        <v>87</v>
      </c>
      <c r="L35" s="102">
        <v>91</v>
      </c>
      <c r="M35" s="103">
        <v>0</v>
      </c>
      <c r="N35" s="99">
        <v>0</v>
      </c>
      <c r="O35" s="100">
        <v>0</v>
      </c>
      <c r="P35" s="101">
        <v>0</v>
      </c>
      <c r="Q35" s="99">
        <v>1</v>
      </c>
      <c r="R35" s="99">
        <v>1</v>
      </c>
      <c r="S35" s="99">
        <v>1</v>
      </c>
      <c r="T35" s="99">
        <v>1</v>
      </c>
      <c r="U35" s="99">
        <v>0</v>
      </c>
      <c r="V35" s="100">
        <v>4</v>
      </c>
      <c r="W35" s="102">
        <v>4</v>
      </c>
      <c r="X35" s="103">
        <v>3</v>
      </c>
      <c r="Y35" s="99">
        <v>1</v>
      </c>
      <c r="Z35" s="100">
        <v>4</v>
      </c>
      <c r="AA35" s="101">
        <v>0</v>
      </c>
      <c r="AB35" s="99">
        <v>36</v>
      </c>
      <c r="AC35" s="99">
        <v>21</v>
      </c>
      <c r="AD35" s="99">
        <v>14</v>
      </c>
      <c r="AE35" s="99">
        <v>14</v>
      </c>
      <c r="AF35" s="99">
        <v>6</v>
      </c>
      <c r="AG35" s="100">
        <v>91</v>
      </c>
      <c r="AH35" s="102">
        <v>95</v>
      </c>
    </row>
    <row r="36" spans="1:34" ht="21" customHeight="1" x14ac:dyDescent="0.2">
      <c r="A36" s="18" t="s">
        <v>35</v>
      </c>
      <c r="B36" s="98">
        <v>0</v>
      </c>
      <c r="C36" s="99">
        <v>3</v>
      </c>
      <c r="D36" s="100">
        <v>3</v>
      </c>
      <c r="E36" s="101">
        <v>0</v>
      </c>
      <c r="F36" s="99">
        <v>42</v>
      </c>
      <c r="G36" s="99">
        <v>42</v>
      </c>
      <c r="H36" s="99">
        <v>36</v>
      </c>
      <c r="I36" s="99">
        <v>25</v>
      </c>
      <c r="J36" s="99">
        <v>8</v>
      </c>
      <c r="K36" s="100">
        <v>153</v>
      </c>
      <c r="L36" s="102">
        <v>156</v>
      </c>
      <c r="M36" s="103">
        <v>0</v>
      </c>
      <c r="N36" s="99">
        <v>0</v>
      </c>
      <c r="O36" s="100">
        <v>0</v>
      </c>
      <c r="P36" s="101">
        <v>0</v>
      </c>
      <c r="Q36" s="99">
        <v>0</v>
      </c>
      <c r="R36" s="99">
        <v>1</v>
      </c>
      <c r="S36" s="99">
        <v>0</v>
      </c>
      <c r="T36" s="99">
        <v>0</v>
      </c>
      <c r="U36" s="99">
        <v>0</v>
      </c>
      <c r="V36" s="100">
        <v>1</v>
      </c>
      <c r="W36" s="102">
        <v>1</v>
      </c>
      <c r="X36" s="103">
        <v>0</v>
      </c>
      <c r="Y36" s="99">
        <v>3</v>
      </c>
      <c r="Z36" s="100">
        <v>3</v>
      </c>
      <c r="AA36" s="101">
        <v>0</v>
      </c>
      <c r="AB36" s="99">
        <v>42</v>
      </c>
      <c r="AC36" s="99">
        <v>43</v>
      </c>
      <c r="AD36" s="99">
        <v>36</v>
      </c>
      <c r="AE36" s="99">
        <v>25</v>
      </c>
      <c r="AF36" s="99">
        <v>8</v>
      </c>
      <c r="AG36" s="100">
        <v>154</v>
      </c>
      <c r="AH36" s="102">
        <v>157</v>
      </c>
    </row>
    <row r="37" spans="1:34" ht="21" customHeight="1" x14ac:dyDescent="0.2">
      <c r="A37" s="18" t="s">
        <v>36</v>
      </c>
      <c r="B37" s="98">
        <v>1</v>
      </c>
      <c r="C37" s="99">
        <v>1</v>
      </c>
      <c r="D37" s="100">
        <v>2</v>
      </c>
      <c r="E37" s="101">
        <v>0</v>
      </c>
      <c r="F37" s="99">
        <v>78</v>
      </c>
      <c r="G37" s="99">
        <v>65</v>
      </c>
      <c r="H37" s="99">
        <v>44</v>
      </c>
      <c r="I37" s="99">
        <v>25</v>
      </c>
      <c r="J37" s="99">
        <v>16</v>
      </c>
      <c r="K37" s="100">
        <v>228</v>
      </c>
      <c r="L37" s="102">
        <v>230</v>
      </c>
      <c r="M37" s="103">
        <v>0</v>
      </c>
      <c r="N37" s="99">
        <v>0</v>
      </c>
      <c r="O37" s="100">
        <v>0</v>
      </c>
      <c r="P37" s="101">
        <v>0</v>
      </c>
      <c r="Q37" s="99">
        <v>0</v>
      </c>
      <c r="R37" s="99">
        <v>1</v>
      </c>
      <c r="S37" s="99">
        <v>2</v>
      </c>
      <c r="T37" s="99">
        <v>0</v>
      </c>
      <c r="U37" s="99">
        <v>1</v>
      </c>
      <c r="V37" s="100">
        <v>4</v>
      </c>
      <c r="W37" s="102">
        <v>4</v>
      </c>
      <c r="X37" s="103">
        <v>1</v>
      </c>
      <c r="Y37" s="99">
        <v>1</v>
      </c>
      <c r="Z37" s="100">
        <v>2</v>
      </c>
      <c r="AA37" s="101">
        <v>0</v>
      </c>
      <c r="AB37" s="99">
        <v>78</v>
      </c>
      <c r="AC37" s="99">
        <v>66</v>
      </c>
      <c r="AD37" s="99">
        <v>46</v>
      </c>
      <c r="AE37" s="99">
        <v>25</v>
      </c>
      <c r="AF37" s="99">
        <v>17</v>
      </c>
      <c r="AG37" s="100">
        <v>232</v>
      </c>
      <c r="AH37" s="102">
        <v>234</v>
      </c>
    </row>
    <row r="38" spans="1:34" ht="21" customHeight="1" thickBot="1" x14ac:dyDescent="0.25">
      <c r="A38" s="19" t="s">
        <v>37</v>
      </c>
      <c r="B38" s="104">
        <v>0</v>
      </c>
      <c r="C38" s="105">
        <v>0</v>
      </c>
      <c r="D38" s="106">
        <v>0</v>
      </c>
      <c r="E38" s="107">
        <v>0</v>
      </c>
      <c r="F38" s="105">
        <v>15</v>
      </c>
      <c r="G38" s="105">
        <v>13</v>
      </c>
      <c r="H38" s="105">
        <v>6</v>
      </c>
      <c r="I38" s="105">
        <v>1</v>
      </c>
      <c r="J38" s="105">
        <v>3</v>
      </c>
      <c r="K38" s="106">
        <v>38</v>
      </c>
      <c r="L38" s="108">
        <v>38</v>
      </c>
      <c r="M38" s="109">
        <v>0</v>
      </c>
      <c r="N38" s="105">
        <v>0</v>
      </c>
      <c r="O38" s="106">
        <v>0</v>
      </c>
      <c r="P38" s="107">
        <v>0</v>
      </c>
      <c r="Q38" s="105">
        <v>0</v>
      </c>
      <c r="R38" s="105">
        <v>0</v>
      </c>
      <c r="S38" s="105">
        <v>0</v>
      </c>
      <c r="T38" s="105">
        <v>1</v>
      </c>
      <c r="U38" s="105">
        <v>0</v>
      </c>
      <c r="V38" s="106">
        <v>1</v>
      </c>
      <c r="W38" s="108">
        <v>1</v>
      </c>
      <c r="X38" s="109">
        <v>0</v>
      </c>
      <c r="Y38" s="105">
        <v>0</v>
      </c>
      <c r="Z38" s="106">
        <v>0</v>
      </c>
      <c r="AA38" s="107">
        <v>0</v>
      </c>
      <c r="AB38" s="105">
        <v>15</v>
      </c>
      <c r="AC38" s="105">
        <v>13</v>
      </c>
      <c r="AD38" s="105">
        <v>6</v>
      </c>
      <c r="AE38" s="105">
        <v>2</v>
      </c>
      <c r="AF38" s="105">
        <v>3</v>
      </c>
      <c r="AG38" s="106">
        <v>39</v>
      </c>
      <c r="AH38" s="108">
        <v>39</v>
      </c>
    </row>
    <row r="39" spans="1:34" x14ac:dyDescent="0.2">
      <c r="Z39" s="3"/>
      <c r="AA39" s="3"/>
      <c r="AB39" s="3"/>
      <c r="AC39" s="3"/>
      <c r="AD39" s="3"/>
      <c r="AE39" s="3"/>
      <c r="AF39" s="3"/>
      <c r="AG39" s="3"/>
      <c r="AH39" s="3"/>
    </row>
  </sheetData>
  <mergeCells count="5">
    <mergeCell ref="G1:H1"/>
    <mergeCell ref="J1:K1"/>
    <mergeCell ref="B3:L3"/>
    <mergeCell ref="M3:W3"/>
    <mergeCell ref="X3:AH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88"/>
    <col min="4" max="4" width="10.33203125" style="288" customWidth="1"/>
    <col min="5" max="5" width="7.6640625" style="288" customWidth="1"/>
    <col min="6" max="6" width="8.44140625" style="288" customWidth="1"/>
    <col min="7" max="7" width="8.77734375" style="288" customWidth="1"/>
    <col min="8" max="15" width="9" style="288"/>
    <col min="16" max="16" width="7.21875" style="288" customWidth="1"/>
    <col min="17" max="26" width="9" style="288"/>
    <col min="27" max="27" width="7.6640625" style="288" customWidth="1"/>
    <col min="28" max="37" width="9" style="288"/>
    <col min="38" max="38" width="7.6640625" style="288" customWidth="1"/>
    <col min="39" max="48" width="9" style="288"/>
    <col min="49" max="49" width="7.6640625" style="288" customWidth="1"/>
    <col min="50" max="59" width="9" style="288"/>
    <col min="60" max="60" width="7.21875" style="288" customWidth="1"/>
    <col min="61" max="70" width="9" style="288"/>
    <col min="71" max="71" width="7.21875" style="288" customWidth="1"/>
    <col min="72" max="81" width="9" style="288"/>
    <col min="82" max="82" width="7.33203125" style="288" customWidth="1"/>
    <col min="83" max="92" width="9" style="288"/>
    <col min="93" max="93" width="7.44140625" style="288" customWidth="1"/>
    <col min="94" max="16384" width="9" style="288"/>
  </cols>
  <sheetData>
    <row r="1" spans="1:100" ht="22.5" customHeight="1" x14ac:dyDescent="0.2">
      <c r="A1" s="323" t="s">
        <v>124</v>
      </c>
      <c r="H1" s="457">
        <f>第１表!F2</f>
        <v>3</v>
      </c>
      <c r="I1" s="457"/>
      <c r="J1" s="280">
        <f>第１表!G2</f>
        <v>12</v>
      </c>
      <c r="K1" s="458">
        <f>IF(J1&lt;3,J1+12-2,J1-2)</f>
        <v>10</v>
      </c>
      <c r="L1" s="458"/>
    </row>
    <row r="2" spans="1:100" s="324" customFormat="1" ht="21" customHeight="1" thickBot="1" x14ac:dyDescent="0.25">
      <c r="A2" s="323" t="s">
        <v>133</v>
      </c>
    </row>
    <row r="3" spans="1:100" ht="23.25" customHeight="1" thickBot="1" x14ac:dyDescent="0.25">
      <c r="A3" s="466"/>
      <c r="B3" s="469" t="s">
        <v>114</v>
      </c>
      <c r="C3" s="470"/>
      <c r="D3" s="470"/>
      <c r="E3" s="470"/>
      <c r="F3" s="470"/>
      <c r="G3" s="470"/>
      <c r="H3" s="470"/>
      <c r="I3" s="470"/>
      <c r="J3" s="470"/>
      <c r="K3" s="470"/>
      <c r="L3" s="471"/>
      <c r="M3" s="469" t="s">
        <v>115</v>
      </c>
      <c r="N3" s="470"/>
      <c r="O3" s="470"/>
      <c r="P3" s="470"/>
      <c r="Q3" s="470"/>
      <c r="R3" s="470"/>
      <c r="S3" s="470"/>
      <c r="T3" s="470"/>
      <c r="U3" s="470"/>
      <c r="V3" s="470"/>
      <c r="W3" s="471"/>
      <c r="X3" s="469" t="s">
        <v>142</v>
      </c>
      <c r="Y3" s="470"/>
      <c r="Z3" s="470"/>
      <c r="AA3" s="470"/>
      <c r="AB3" s="470"/>
      <c r="AC3" s="470"/>
      <c r="AD3" s="470"/>
      <c r="AE3" s="470"/>
      <c r="AF3" s="470"/>
      <c r="AG3" s="470"/>
      <c r="AH3" s="471"/>
      <c r="AI3" s="469" t="s">
        <v>90</v>
      </c>
      <c r="AJ3" s="470"/>
      <c r="AK3" s="470"/>
      <c r="AL3" s="470"/>
      <c r="AM3" s="470"/>
      <c r="AN3" s="470"/>
      <c r="AO3" s="470"/>
      <c r="AP3" s="470"/>
      <c r="AQ3" s="470"/>
      <c r="AR3" s="470"/>
      <c r="AS3" s="471"/>
      <c r="AT3" s="475" t="s">
        <v>89</v>
      </c>
      <c r="AU3" s="476"/>
      <c r="AV3" s="476"/>
      <c r="AW3" s="476"/>
      <c r="AX3" s="476"/>
      <c r="AY3" s="476"/>
      <c r="AZ3" s="476"/>
      <c r="BA3" s="476"/>
      <c r="BB3" s="476"/>
      <c r="BC3" s="476"/>
      <c r="BD3" s="477"/>
      <c r="BE3" s="475" t="s">
        <v>91</v>
      </c>
      <c r="BF3" s="476"/>
      <c r="BG3" s="476"/>
      <c r="BH3" s="476"/>
      <c r="BI3" s="476"/>
      <c r="BJ3" s="476"/>
      <c r="BK3" s="476"/>
      <c r="BL3" s="476"/>
      <c r="BM3" s="476"/>
      <c r="BN3" s="476"/>
      <c r="BO3" s="477"/>
      <c r="BP3" s="475" t="s">
        <v>92</v>
      </c>
      <c r="BQ3" s="476"/>
      <c r="BR3" s="476"/>
      <c r="BS3" s="476"/>
      <c r="BT3" s="476"/>
      <c r="BU3" s="476"/>
      <c r="BV3" s="476"/>
      <c r="BW3" s="476"/>
      <c r="BX3" s="476"/>
      <c r="BY3" s="476"/>
      <c r="BZ3" s="477"/>
      <c r="CA3" s="475" t="s">
        <v>93</v>
      </c>
      <c r="CB3" s="476"/>
      <c r="CC3" s="476"/>
      <c r="CD3" s="476"/>
      <c r="CE3" s="476"/>
      <c r="CF3" s="476"/>
      <c r="CG3" s="476"/>
      <c r="CH3" s="476"/>
      <c r="CI3" s="476"/>
      <c r="CJ3" s="476"/>
      <c r="CK3" s="477"/>
      <c r="CL3" s="476" t="s">
        <v>141</v>
      </c>
      <c r="CM3" s="476"/>
      <c r="CN3" s="476"/>
      <c r="CO3" s="476"/>
      <c r="CP3" s="476"/>
      <c r="CQ3" s="476"/>
      <c r="CR3" s="476"/>
      <c r="CS3" s="476"/>
      <c r="CT3" s="476"/>
      <c r="CU3" s="476"/>
      <c r="CV3" s="477"/>
    </row>
    <row r="4" spans="1:100" ht="22.5" customHeight="1" x14ac:dyDescent="0.2">
      <c r="A4" s="467"/>
      <c r="B4" s="461" t="s">
        <v>61</v>
      </c>
      <c r="C4" s="462"/>
      <c r="D4" s="463"/>
      <c r="E4" s="464" t="s">
        <v>62</v>
      </c>
      <c r="F4" s="462"/>
      <c r="G4" s="462"/>
      <c r="H4" s="462"/>
      <c r="I4" s="462"/>
      <c r="J4" s="462"/>
      <c r="K4" s="465"/>
      <c r="L4" s="459" t="s">
        <v>52</v>
      </c>
      <c r="M4" s="461" t="s">
        <v>61</v>
      </c>
      <c r="N4" s="462"/>
      <c r="O4" s="463"/>
      <c r="P4" s="464" t="s">
        <v>62</v>
      </c>
      <c r="Q4" s="462"/>
      <c r="R4" s="462"/>
      <c r="S4" s="462"/>
      <c r="T4" s="462"/>
      <c r="U4" s="462"/>
      <c r="V4" s="463"/>
      <c r="W4" s="459" t="s">
        <v>52</v>
      </c>
      <c r="X4" s="461" t="s">
        <v>61</v>
      </c>
      <c r="Y4" s="462"/>
      <c r="Z4" s="463"/>
      <c r="AA4" s="464" t="s">
        <v>62</v>
      </c>
      <c r="AB4" s="462"/>
      <c r="AC4" s="462"/>
      <c r="AD4" s="462"/>
      <c r="AE4" s="462"/>
      <c r="AF4" s="462"/>
      <c r="AG4" s="463"/>
      <c r="AH4" s="459" t="s">
        <v>52</v>
      </c>
      <c r="AI4" s="461" t="s">
        <v>61</v>
      </c>
      <c r="AJ4" s="462"/>
      <c r="AK4" s="463"/>
      <c r="AL4" s="464" t="s">
        <v>62</v>
      </c>
      <c r="AM4" s="462"/>
      <c r="AN4" s="462"/>
      <c r="AO4" s="462"/>
      <c r="AP4" s="462"/>
      <c r="AQ4" s="462"/>
      <c r="AR4" s="463"/>
      <c r="AS4" s="459" t="s">
        <v>52</v>
      </c>
      <c r="AT4" s="491" t="s">
        <v>61</v>
      </c>
      <c r="AU4" s="489"/>
      <c r="AV4" s="490"/>
      <c r="AW4" s="488" t="s">
        <v>62</v>
      </c>
      <c r="AX4" s="489"/>
      <c r="AY4" s="489"/>
      <c r="AZ4" s="489"/>
      <c r="BA4" s="489"/>
      <c r="BB4" s="489"/>
      <c r="BC4" s="490"/>
      <c r="BD4" s="492" t="s">
        <v>52</v>
      </c>
      <c r="BE4" s="491" t="s">
        <v>61</v>
      </c>
      <c r="BF4" s="489"/>
      <c r="BG4" s="490"/>
      <c r="BH4" s="488" t="s">
        <v>62</v>
      </c>
      <c r="BI4" s="489"/>
      <c r="BJ4" s="489"/>
      <c r="BK4" s="489"/>
      <c r="BL4" s="489"/>
      <c r="BM4" s="489"/>
      <c r="BN4" s="490"/>
      <c r="BO4" s="492" t="s">
        <v>52</v>
      </c>
      <c r="BP4" s="491" t="s">
        <v>61</v>
      </c>
      <c r="BQ4" s="489"/>
      <c r="BR4" s="490"/>
      <c r="BS4" s="488" t="s">
        <v>62</v>
      </c>
      <c r="BT4" s="489"/>
      <c r="BU4" s="489"/>
      <c r="BV4" s="489"/>
      <c r="BW4" s="489"/>
      <c r="BX4" s="489"/>
      <c r="BY4" s="490"/>
      <c r="BZ4" s="492" t="s">
        <v>52</v>
      </c>
      <c r="CA4" s="491" t="s">
        <v>61</v>
      </c>
      <c r="CB4" s="489"/>
      <c r="CC4" s="490"/>
      <c r="CD4" s="488" t="s">
        <v>62</v>
      </c>
      <c r="CE4" s="489"/>
      <c r="CF4" s="489"/>
      <c r="CG4" s="489"/>
      <c r="CH4" s="489"/>
      <c r="CI4" s="489"/>
      <c r="CJ4" s="490"/>
      <c r="CK4" s="492" t="s">
        <v>52</v>
      </c>
      <c r="CL4" s="491" t="s">
        <v>61</v>
      </c>
      <c r="CM4" s="489"/>
      <c r="CN4" s="490"/>
      <c r="CO4" s="488" t="s">
        <v>62</v>
      </c>
      <c r="CP4" s="489"/>
      <c r="CQ4" s="489"/>
      <c r="CR4" s="489"/>
      <c r="CS4" s="489"/>
      <c r="CT4" s="489"/>
      <c r="CU4" s="490"/>
      <c r="CV4" s="492" t="s">
        <v>52</v>
      </c>
    </row>
    <row r="5" spans="1:100" ht="34.5" customHeight="1" thickBot="1" x14ac:dyDescent="0.25">
      <c r="A5" s="468"/>
      <c r="B5" s="296" t="s">
        <v>43</v>
      </c>
      <c r="C5" s="298" t="s">
        <v>44</v>
      </c>
      <c r="D5" s="299" t="s">
        <v>45</v>
      </c>
      <c r="E5" s="300" t="s">
        <v>83</v>
      </c>
      <c r="F5" s="292" t="s">
        <v>47</v>
      </c>
      <c r="G5" s="292" t="s">
        <v>48</v>
      </c>
      <c r="H5" s="292" t="s">
        <v>49</v>
      </c>
      <c r="I5" s="292" t="s">
        <v>50</v>
      </c>
      <c r="J5" s="292" t="s">
        <v>51</v>
      </c>
      <c r="K5" s="301" t="s">
        <v>45</v>
      </c>
      <c r="L5" s="460"/>
      <c r="M5" s="296" t="s">
        <v>43</v>
      </c>
      <c r="N5" s="292" t="s">
        <v>44</v>
      </c>
      <c r="O5" s="298" t="s">
        <v>45</v>
      </c>
      <c r="P5" s="300" t="s">
        <v>83</v>
      </c>
      <c r="Q5" s="292" t="s">
        <v>47</v>
      </c>
      <c r="R5" s="292" t="s">
        <v>48</v>
      </c>
      <c r="S5" s="292" t="s">
        <v>49</v>
      </c>
      <c r="T5" s="292" t="s">
        <v>50</v>
      </c>
      <c r="U5" s="292" t="s">
        <v>51</v>
      </c>
      <c r="V5" s="298" t="s">
        <v>45</v>
      </c>
      <c r="W5" s="460"/>
      <c r="X5" s="296" t="s">
        <v>43</v>
      </c>
      <c r="Y5" s="292" t="s">
        <v>44</v>
      </c>
      <c r="Z5" s="298" t="s">
        <v>45</v>
      </c>
      <c r="AA5" s="300" t="s">
        <v>83</v>
      </c>
      <c r="AB5" s="292" t="s">
        <v>47</v>
      </c>
      <c r="AC5" s="292" t="s">
        <v>48</v>
      </c>
      <c r="AD5" s="292" t="s">
        <v>49</v>
      </c>
      <c r="AE5" s="292" t="s">
        <v>50</v>
      </c>
      <c r="AF5" s="292" t="s">
        <v>51</v>
      </c>
      <c r="AG5" s="298" t="s">
        <v>45</v>
      </c>
      <c r="AH5" s="460"/>
      <c r="AI5" s="385" t="s">
        <v>43</v>
      </c>
      <c r="AJ5" s="292" t="s">
        <v>44</v>
      </c>
      <c r="AK5" s="298" t="s">
        <v>45</v>
      </c>
      <c r="AL5" s="300" t="s">
        <v>83</v>
      </c>
      <c r="AM5" s="292" t="s">
        <v>47</v>
      </c>
      <c r="AN5" s="292" t="s">
        <v>48</v>
      </c>
      <c r="AO5" s="292" t="s">
        <v>49</v>
      </c>
      <c r="AP5" s="292" t="s">
        <v>50</v>
      </c>
      <c r="AQ5" s="292" t="s">
        <v>51</v>
      </c>
      <c r="AR5" s="298" t="s">
        <v>45</v>
      </c>
      <c r="AS5" s="460"/>
      <c r="AT5" s="385" t="s">
        <v>43</v>
      </c>
      <c r="AU5" s="292" t="s">
        <v>44</v>
      </c>
      <c r="AV5" s="298" t="s">
        <v>45</v>
      </c>
      <c r="AW5" s="300" t="s">
        <v>83</v>
      </c>
      <c r="AX5" s="292" t="s">
        <v>47</v>
      </c>
      <c r="AY5" s="292" t="s">
        <v>48</v>
      </c>
      <c r="AZ5" s="292" t="s">
        <v>49</v>
      </c>
      <c r="BA5" s="292" t="s">
        <v>50</v>
      </c>
      <c r="BB5" s="292" t="s">
        <v>51</v>
      </c>
      <c r="BC5" s="298" t="s">
        <v>45</v>
      </c>
      <c r="BD5" s="493"/>
      <c r="BE5" s="385" t="s">
        <v>43</v>
      </c>
      <c r="BF5" s="292" t="s">
        <v>44</v>
      </c>
      <c r="BG5" s="298" t="s">
        <v>45</v>
      </c>
      <c r="BH5" s="300" t="s">
        <v>83</v>
      </c>
      <c r="BI5" s="292" t="s">
        <v>47</v>
      </c>
      <c r="BJ5" s="292" t="s">
        <v>48</v>
      </c>
      <c r="BK5" s="292" t="s">
        <v>49</v>
      </c>
      <c r="BL5" s="292" t="s">
        <v>50</v>
      </c>
      <c r="BM5" s="292" t="s">
        <v>51</v>
      </c>
      <c r="BN5" s="298" t="s">
        <v>45</v>
      </c>
      <c r="BO5" s="493"/>
      <c r="BP5" s="385" t="s">
        <v>43</v>
      </c>
      <c r="BQ5" s="292" t="s">
        <v>44</v>
      </c>
      <c r="BR5" s="298" t="s">
        <v>45</v>
      </c>
      <c r="BS5" s="300" t="s">
        <v>83</v>
      </c>
      <c r="BT5" s="292" t="s">
        <v>47</v>
      </c>
      <c r="BU5" s="292" t="s">
        <v>48</v>
      </c>
      <c r="BV5" s="292" t="s">
        <v>49</v>
      </c>
      <c r="BW5" s="292" t="s">
        <v>50</v>
      </c>
      <c r="BX5" s="292" t="s">
        <v>51</v>
      </c>
      <c r="BY5" s="298" t="s">
        <v>45</v>
      </c>
      <c r="BZ5" s="493"/>
      <c r="CA5" s="385" t="s">
        <v>43</v>
      </c>
      <c r="CB5" s="292" t="s">
        <v>44</v>
      </c>
      <c r="CC5" s="298" t="s">
        <v>45</v>
      </c>
      <c r="CD5" s="300" t="s">
        <v>83</v>
      </c>
      <c r="CE5" s="292" t="s">
        <v>47</v>
      </c>
      <c r="CF5" s="292" t="s">
        <v>48</v>
      </c>
      <c r="CG5" s="292" t="s">
        <v>49</v>
      </c>
      <c r="CH5" s="292" t="s">
        <v>50</v>
      </c>
      <c r="CI5" s="292" t="s">
        <v>51</v>
      </c>
      <c r="CJ5" s="298" t="s">
        <v>45</v>
      </c>
      <c r="CK5" s="493"/>
      <c r="CL5" s="385" t="s">
        <v>43</v>
      </c>
      <c r="CM5" s="292" t="s">
        <v>44</v>
      </c>
      <c r="CN5" s="298" t="s">
        <v>45</v>
      </c>
      <c r="CO5" s="300" t="s">
        <v>83</v>
      </c>
      <c r="CP5" s="292" t="s">
        <v>47</v>
      </c>
      <c r="CQ5" s="292" t="s">
        <v>48</v>
      </c>
      <c r="CR5" s="292" t="s">
        <v>49</v>
      </c>
      <c r="CS5" s="292" t="s">
        <v>50</v>
      </c>
      <c r="CT5" s="292" t="s">
        <v>51</v>
      </c>
      <c r="CU5" s="298" t="s">
        <v>45</v>
      </c>
      <c r="CV5" s="493"/>
    </row>
    <row r="6" spans="1:100" ht="21" customHeight="1" x14ac:dyDescent="0.2">
      <c r="A6" s="293" t="s">
        <v>4</v>
      </c>
      <c r="B6" s="302">
        <v>0</v>
      </c>
      <c r="C6" s="303">
        <v>0</v>
      </c>
      <c r="D6" s="304">
        <v>0</v>
      </c>
      <c r="E6" s="305">
        <v>0</v>
      </c>
      <c r="F6" s="306">
        <v>329</v>
      </c>
      <c r="G6" s="306">
        <v>385</v>
      </c>
      <c r="H6" s="306">
        <v>304</v>
      </c>
      <c r="I6" s="306">
        <v>382</v>
      </c>
      <c r="J6" s="306">
        <v>301</v>
      </c>
      <c r="K6" s="307">
        <v>1701</v>
      </c>
      <c r="L6" s="308">
        <v>1701</v>
      </c>
      <c r="M6" s="302">
        <v>0</v>
      </c>
      <c r="N6" s="306">
        <v>0</v>
      </c>
      <c r="O6" s="303">
        <v>0</v>
      </c>
      <c r="P6" s="305">
        <v>0</v>
      </c>
      <c r="Q6" s="306">
        <v>210</v>
      </c>
      <c r="R6" s="306">
        <v>575</v>
      </c>
      <c r="S6" s="306">
        <v>503</v>
      </c>
      <c r="T6" s="306">
        <v>438</v>
      </c>
      <c r="U6" s="306">
        <v>400</v>
      </c>
      <c r="V6" s="303">
        <v>2126</v>
      </c>
      <c r="W6" s="308">
        <v>2126</v>
      </c>
      <c r="X6" s="302">
        <v>1</v>
      </c>
      <c r="Y6" s="306">
        <v>0</v>
      </c>
      <c r="Z6" s="303">
        <v>1</v>
      </c>
      <c r="AA6" s="305">
        <v>0</v>
      </c>
      <c r="AB6" s="306">
        <v>12950</v>
      </c>
      <c r="AC6" s="306">
        <v>11790</v>
      </c>
      <c r="AD6" s="306">
        <v>5673</v>
      </c>
      <c r="AE6" s="306">
        <v>2863</v>
      </c>
      <c r="AF6" s="306">
        <v>1353</v>
      </c>
      <c r="AG6" s="303">
        <v>34629</v>
      </c>
      <c r="AH6" s="308">
        <v>34630</v>
      </c>
      <c r="AI6" s="302">
        <v>6</v>
      </c>
      <c r="AJ6" s="306">
        <v>6</v>
      </c>
      <c r="AK6" s="303">
        <v>12</v>
      </c>
      <c r="AL6" s="305">
        <v>0</v>
      </c>
      <c r="AM6" s="306">
        <v>786</v>
      </c>
      <c r="AN6" s="306">
        <v>961</v>
      </c>
      <c r="AO6" s="306">
        <v>1052</v>
      </c>
      <c r="AP6" s="306">
        <v>561</v>
      </c>
      <c r="AQ6" s="306">
        <v>484</v>
      </c>
      <c r="AR6" s="303">
        <v>3844</v>
      </c>
      <c r="AS6" s="308">
        <v>3856</v>
      </c>
      <c r="AT6" s="302">
        <v>200</v>
      </c>
      <c r="AU6" s="306">
        <v>292</v>
      </c>
      <c r="AV6" s="303">
        <v>492</v>
      </c>
      <c r="AW6" s="305">
        <v>0</v>
      </c>
      <c r="AX6" s="306">
        <v>1508</v>
      </c>
      <c r="AY6" s="306">
        <v>1583</v>
      </c>
      <c r="AZ6" s="306">
        <v>1286</v>
      </c>
      <c r="BA6" s="306">
        <v>918</v>
      </c>
      <c r="BB6" s="306">
        <v>491</v>
      </c>
      <c r="BC6" s="303">
        <v>5786</v>
      </c>
      <c r="BD6" s="308">
        <v>6278</v>
      </c>
      <c r="BE6" s="302">
        <v>0</v>
      </c>
      <c r="BF6" s="306">
        <v>43</v>
      </c>
      <c r="BG6" s="303">
        <v>43</v>
      </c>
      <c r="BH6" s="305">
        <v>0</v>
      </c>
      <c r="BI6" s="306">
        <v>2710</v>
      </c>
      <c r="BJ6" s="306">
        <v>3315</v>
      </c>
      <c r="BK6" s="306">
        <v>3416</v>
      </c>
      <c r="BL6" s="306">
        <v>2225</v>
      </c>
      <c r="BM6" s="306">
        <v>1483</v>
      </c>
      <c r="BN6" s="307">
        <v>13149</v>
      </c>
      <c r="BO6" s="308">
        <v>13192</v>
      </c>
      <c r="BP6" s="302">
        <v>0</v>
      </c>
      <c r="BQ6" s="306">
        <v>0</v>
      </c>
      <c r="BR6" s="303">
        <v>0</v>
      </c>
      <c r="BS6" s="305">
        <v>0</v>
      </c>
      <c r="BT6" s="306">
        <v>44</v>
      </c>
      <c r="BU6" s="306">
        <v>56</v>
      </c>
      <c r="BV6" s="306">
        <v>54</v>
      </c>
      <c r="BW6" s="306">
        <v>68</v>
      </c>
      <c r="BX6" s="306">
        <v>47</v>
      </c>
      <c r="BY6" s="303">
        <v>269</v>
      </c>
      <c r="BZ6" s="308">
        <v>269</v>
      </c>
      <c r="CA6" s="302">
        <v>0</v>
      </c>
      <c r="CB6" s="306">
        <v>0</v>
      </c>
      <c r="CC6" s="303">
        <v>0</v>
      </c>
      <c r="CD6" s="305">
        <v>0</v>
      </c>
      <c r="CE6" s="306">
        <v>12</v>
      </c>
      <c r="CF6" s="306">
        <v>19</v>
      </c>
      <c r="CG6" s="306">
        <v>242</v>
      </c>
      <c r="CH6" s="306">
        <v>285</v>
      </c>
      <c r="CI6" s="306">
        <v>206</v>
      </c>
      <c r="CJ6" s="303">
        <v>764</v>
      </c>
      <c r="CK6" s="308">
        <v>764</v>
      </c>
      <c r="CL6" s="302">
        <v>0</v>
      </c>
      <c r="CM6" s="306">
        <v>1</v>
      </c>
      <c r="CN6" s="303">
        <v>1</v>
      </c>
      <c r="CO6" s="305">
        <v>0</v>
      </c>
      <c r="CP6" s="306">
        <v>178</v>
      </c>
      <c r="CQ6" s="306">
        <v>231</v>
      </c>
      <c r="CR6" s="306">
        <v>280</v>
      </c>
      <c r="CS6" s="306">
        <v>282</v>
      </c>
      <c r="CT6" s="306">
        <v>365</v>
      </c>
      <c r="CU6" s="303">
        <v>1336</v>
      </c>
      <c r="CV6" s="308">
        <v>1337</v>
      </c>
    </row>
    <row r="7" spans="1:100" ht="21" customHeight="1" x14ac:dyDescent="0.2">
      <c r="A7" s="294" t="s">
        <v>5</v>
      </c>
      <c r="B7" s="309">
        <v>0</v>
      </c>
      <c r="C7" s="310">
        <v>0</v>
      </c>
      <c r="D7" s="311">
        <v>0</v>
      </c>
      <c r="E7" s="312">
        <v>0</v>
      </c>
      <c r="F7" s="313">
        <v>128</v>
      </c>
      <c r="G7" s="313">
        <v>199</v>
      </c>
      <c r="H7" s="313">
        <v>153</v>
      </c>
      <c r="I7" s="313">
        <v>201</v>
      </c>
      <c r="J7" s="313">
        <v>157</v>
      </c>
      <c r="K7" s="314">
        <v>838</v>
      </c>
      <c r="L7" s="315">
        <v>838</v>
      </c>
      <c r="M7" s="309">
        <v>0</v>
      </c>
      <c r="N7" s="313">
        <v>0</v>
      </c>
      <c r="O7" s="310">
        <v>0</v>
      </c>
      <c r="P7" s="312">
        <v>0</v>
      </c>
      <c r="Q7" s="313">
        <v>116</v>
      </c>
      <c r="R7" s="313">
        <v>443</v>
      </c>
      <c r="S7" s="313">
        <v>371</v>
      </c>
      <c r="T7" s="313">
        <v>324</v>
      </c>
      <c r="U7" s="313">
        <v>291</v>
      </c>
      <c r="V7" s="310">
        <v>1545</v>
      </c>
      <c r="W7" s="315">
        <v>1545</v>
      </c>
      <c r="X7" s="309">
        <v>0</v>
      </c>
      <c r="Y7" s="313">
        <v>0</v>
      </c>
      <c r="Z7" s="310">
        <v>0</v>
      </c>
      <c r="AA7" s="312">
        <v>0</v>
      </c>
      <c r="AB7" s="313">
        <v>4229</v>
      </c>
      <c r="AC7" s="313">
        <v>5457</v>
      </c>
      <c r="AD7" s="313">
        <v>2534</v>
      </c>
      <c r="AE7" s="313">
        <v>1251</v>
      </c>
      <c r="AF7" s="313">
        <v>603</v>
      </c>
      <c r="AG7" s="310">
        <v>14074</v>
      </c>
      <c r="AH7" s="315">
        <v>14074</v>
      </c>
      <c r="AI7" s="309">
        <v>2</v>
      </c>
      <c r="AJ7" s="313">
        <v>0</v>
      </c>
      <c r="AK7" s="310">
        <v>2</v>
      </c>
      <c r="AL7" s="312">
        <v>0</v>
      </c>
      <c r="AM7" s="313">
        <v>347</v>
      </c>
      <c r="AN7" s="313">
        <v>487</v>
      </c>
      <c r="AO7" s="313">
        <v>525</v>
      </c>
      <c r="AP7" s="313">
        <v>307</v>
      </c>
      <c r="AQ7" s="313">
        <v>274</v>
      </c>
      <c r="AR7" s="310">
        <v>1940</v>
      </c>
      <c r="AS7" s="315">
        <v>1942</v>
      </c>
      <c r="AT7" s="309">
        <v>72</v>
      </c>
      <c r="AU7" s="313">
        <v>122</v>
      </c>
      <c r="AV7" s="310">
        <v>194</v>
      </c>
      <c r="AW7" s="312">
        <v>0</v>
      </c>
      <c r="AX7" s="313">
        <v>548</v>
      </c>
      <c r="AY7" s="313">
        <v>675</v>
      </c>
      <c r="AZ7" s="313">
        <v>557</v>
      </c>
      <c r="BA7" s="313">
        <v>420</v>
      </c>
      <c r="BB7" s="313">
        <v>244</v>
      </c>
      <c r="BC7" s="310">
        <v>2444</v>
      </c>
      <c r="BD7" s="315">
        <v>2638</v>
      </c>
      <c r="BE7" s="309">
        <v>0</v>
      </c>
      <c r="BF7" s="313">
        <v>11</v>
      </c>
      <c r="BG7" s="310">
        <v>11</v>
      </c>
      <c r="BH7" s="312">
        <v>0</v>
      </c>
      <c r="BI7" s="313">
        <v>1122</v>
      </c>
      <c r="BJ7" s="313">
        <v>1481</v>
      </c>
      <c r="BK7" s="313">
        <v>1436</v>
      </c>
      <c r="BL7" s="313">
        <v>925</v>
      </c>
      <c r="BM7" s="313">
        <v>674</v>
      </c>
      <c r="BN7" s="314">
        <v>5638</v>
      </c>
      <c r="BO7" s="315">
        <v>5649</v>
      </c>
      <c r="BP7" s="309">
        <v>0</v>
      </c>
      <c r="BQ7" s="313">
        <v>0</v>
      </c>
      <c r="BR7" s="310">
        <v>0</v>
      </c>
      <c r="BS7" s="312">
        <v>0</v>
      </c>
      <c r="BT7" s="313">
        <v>1</v>
      </c>
      <c r="BU7" s="313">
        <v>1</v>
      </c>
      <c r="BV7" s="313">
        <v>3</v>
      </c>
      <c r="BW7" s="313">
        <v>2</v>
      </c>
      <c r="BX7" s="313">
        <v>5</v>
      </c>
      <c r="BY7" s="310">
        <v>12</v>
      </c>
      <c r="BZ7" s="315">
        <v>12</v>
      </c>
      <c r="CA7" s="309">
        <v>0</v>
      </c>
      <c r="CB7" s="313">
        <v>0</v>
      </c>
      <c r="CC7" s="310">
        <v>0</v>
      </c>
      <c r="CD7" s="312">
        <v>0</v>
      </c>
      <c r="CE7" s="313">
        <v>4</v>
      </c>
      <c r="CF7" s="313">
        <v>3</v>
      </c>
      <c r="CG7" s="313">
        <v>23</v>
      </c>
      <c r="CH7" s="313">
        <v>17</v>
      </c>
      <c r="CI7" s="313">
        <v>13</v>
      </c>
      <c r="CJ7" s="310">
        <v>60</v>
      </c>
      <c r="CK7" s="315">
        <v>60</v>
      </c>
      <c r="CL7" s="309">
        <v>0</v>
      </c>
      <c r="CM7" s="313">
        <v>0</v>
      </c>
      <c r="CN7" s="310">
        <v>0</v>
      </c>
      <c r="CO7" s="312">
        <v>0</v>
      </c>
      <c r="CP7" s="313">
        <v>30</v>
      </c>
      <c r="CQ7" s="313">
        <v>52</v>
      </c>
      <c r="CR7" s="313">
        <v>83</v>
      </c>
      <c r="CS7" s="313">
        <v>88</v>
      </c>
      <c r="CT7" s="313">
        <v>155</v>
      </c>
      <c r="CU7" s="310">
        <v>408</v>
      </c>
      <c r="CV7" s="315">
        <v>408</v>
      </c>
    </row>
    <row r="8" spans="1:100" ht="21" customHeight="1" x14ac:dyDescent="0.2">
      <c r="A8" s="294" t="s">
        <v>6</v>
      </c>
      <c r="B8" s="309">
        <v>0</v>
      </c>
      <c r="C8" s="310">
        <v>0</v>
      </c>
      <c r="D8" s="311">
        <v>0</v>
      </c>
      <c r="E8" s="312">
        <v>0</v>
      </c>
      <c r="F8" s="313">
        <v>84</v>
      </c>
      <c r="G8" s="313">
        <v>82</v>
      </c>
      <c r="H8" s="313">
        <v>59</v>
      </c>
      <c r="I8" s="313">
        <v>93</v>
      </c>
      <c r="J8" s="313">
        <v>77</v>
      </c>
      <c r="K8" s="314">
        <v>395</v>
      </c>
      <c r="L8" s="315">
        <v>395</v>
      </c>
      <c r="M8" s="309">
        <v>0</v>
      </c>
      <c r="N8" s="313">
        <v>0</v>
      </c>
      <c r="O8" s="310">
        <v>0</v>
      </c>
      <c r="P8" s="312">
        <v>0</v>
      </c>
      <c r="Q8" s="313">
        <v>63</v>
      </c>
      <c r="R8" s="313">
        <v>98</v>
      </c>
      <c r="S8" s="313">
        <v>98</v>
      </c>
      <c r="T8" s="313">
        <v>86</v>
      </c>
      <c r="U8" s="313">
        <v>87</v>
      </c>
      <c r="V8" s="310">
        <v>432</v>
      </c>
      <c r="W8" s="315">
        <v>432</v>
      </c>
      <c r="X8" s="309">
        <v>0</v>
      </c>
      <c r="Y8" s="313">
        <v>0</v>
      </c>
      <c r="Z8" s="310">
        <v>0</v>
      </c>
      <c r="AA8" s="312">
        <v>0</v>
      </c>
      <c r="AB8" s="313">
        <v>2006</v>
      </c>
      <c r="AC8" s="313">
        <v>1288</v>
      </c>
      <c r="AD8" s="313">
        <v>734</v>
      </c>
      <c r="AE8" s="313">
        <v>415</v>
      </c>
      <c r="AF8" s="313">
        <v>214</v>
      </c>
      <c r="AG8" s="310">
        <v>4657</v>
      </c>
      <c r="AH8" s="315">
        <v>4657</v>
      </c>
      <c r="AI8" s="309">
        <v>2</v>
      </c>
      <c r="AJ8" s="313">
        <v>1</v>
      </c>
      <c r="AK8" s="310">
        <v>3</v>
      </c>
      <c r="AL8" s="312">
        <v>0</v>
      </c>
      <c r="AM8" s="313">
        <v>193</v>
      </c>
      <c r="AN8" s="313">
        <v>187</v>
      </c>
      <c r="AO8" s="313">
        <v>217</v>
      </c>
      <c r="AP8" s="313">
        <v>139</v>
      </c>
      <c r="AQ8" s="313">
        <v>94</v>
      </c>
      <c r="AR8" s="310">
        <v>830</v>
      </c>
      <c r="AS8" s="315">
        <v>833</v>
      </c>
      <c r="AT8" s="309">
        <v>29</v>
      </c>
      <c r="AU8" s="313">
        <v>36</v>
      </c>
      <c r="AV8" s="310">
        <v>65</v>
      </c>
      <c r="AW8" s="312">
        <v>0</v>
      </c>
      <c r="AX8" s="313">
        <v>240</v>
      </c>
      <c r="AY8" s="313">
        <v>231</v>
      </c>
      <c r="AZ8" s="313">
        <v>181</v>
      </c>
      <c r="BA8" s="313">
        <v>140</v>
      </c>
      <c r="BB8" s="313">
        <v>65</v>
      </c>
      <c r="BC8" s="310">
        <v>857</v>
      </c>
      <c r="BD8" s="315">
        <v>922</v>
      </c>
      <c r="BE8" s="309">
        <v>0</v>
      </c>
      <c r="BF8" s="313">
        <v>7</v>
      </c>
      <c r="BG8" s="310">
        <v>7</v>
      </c>
      <c r="BH8" s="312">
        <v>0</v>
      </c>
      <c r="BI8" s="313">
        <v>502</v>
      </c>
      <c r="BJ8" s="313">
        <v>568</v>
      </c>
      <c r="BK8" s="313">
        <v>551</v>
      </c>
      <c r="BL8" s="313">
        <v>397</v>
      </c>
      <c r="BM8" s="313">
        <v>215</v>
      </c>
      <c r="BN8" s="314">
        <v>2233</v>
      </c>
      <c r="BO8" s="315">
        <v>2240</v>
      </c>
      <c r="BP8" s="309">
        <v>0</v>
      </c>
      <c r="BQ8" s="313">
        <v>0</v>
      </c>
      <c r="BR8" s="310">
        <v>0</v>
      </c>
      <c r="BS8" s="312">
        <v>0</v>
      </c>
      <c r="BT8" s="313">
        <v>0</v>
      </c>
      <c r="BU8" s="313">
        <v>0</v>
      </c>
      <c r="BV8" s="313">
        <v>0</v>
      </c>
      <c r="BW8" s="313">
        <v>0</v>
      </c>
      <c r="BX8" s="313">
        <v>0</v>
      </c>
      <c r="BY8" s="310">
        <v>0</v>
      </c>
      <c r="BZ8" s="315">
        <v>0</v>
      </c>
      <c r="CA8" s="309">
        <v>0</v>
      </c>
      <c r="CB8" s="313">
        <v>0</v>
      </c>
      <c r="CC8" s="310">
        <v>0</v>
      </c>
      <c r="CD8" s="312">
        <v>0</v>
      </c>
      <c r="CE8" s="313">
        <v>4</v>
      </c>
      <c r="CF8" s="313">
        <v>5</v>
      </c>
      <c r="CG8" s="313">
        <v>70</v>
      </c>
      <c r="CH8" s="313">
        <v>99</v>
      </c>
      <c r="CI8" s="313">
        <v>64</v>
      </c>
      <c r="CJ8" s="310">
        <v>242</v>
      </c>
      <c r="CK8" s="315">
        <v>242</v>
      </c>
      <c r="CL8" s="309">
        <v>0</v>
      </c>
      <c r="CM8" s="313">
        <v>0</v>
      </c>
      <c r="CN8" s="310">
        <v>0</v>
      </c>
      <c r="CO8" s="312">
        <v>0</v>
      </c>
      <c r="CP8" s="313">
        <v>58</v>
      </c>
      <c r="CQ8" s="313">
        <v>79</v>
      </c>
      <c r="CR8" s="313">
        <v>75</v>
      </c>
      <c r="CS8" s="313">
        <v>69</v>
      </c>
      <c r="CT8" s="313">
        <v>78</v>
      </c>
      <c r="CU8" s="310">
        <v>359</v>
      </c>
      <c r="CV8" s="315">
        <v>359</v>
      </c>
    </row>
    <row r="9" spans="1:100" ht="21" customHeight="1" x14ac:dyDescent="0.2">
      <c r="A9" s="294" t="s">
        <v>14</v>
      </c>
      <c r="B9" s="309">
        <v>0</v>
      </c>
      <c r="C9" s="310">
        <v>0</v>
      </c>
      <c r="D9" s="311">
        <v>0</v>
      </c>
      <c r="E9" s="312">
        <v>0</v>
      </c>
      <c r="F9" s="313">
        <v>16</v>
      </c>
      <c r="G9" s="313">
        <v>10</v>
      </c>
      <c r="H9" s="313">
        <v>16</v>
      </c>
      <c r="I9" s="313">
        <v>18</v>
      </c>
      <c r="J9" s="313">
        <v>12</v>
      </c>
      <c r="K9" s="314">
        <v>72</v>
      </c>
      <c r="L9" s="315">
        <v>72</v>
      </c>
      <c r="M9" s="309">
        <v>0</v>
      </c>
      <c r="N9" s="313">
        <v>0</v>
      </c>
      <c r="O9" s="310">
        <v>0</v>
      </c>
      <c r="P9" s="312">
        <v>0</v>
      </c>
      <c r="Q9" s="313">
        <v>2</v>
      </c>
      <c r="R9" s="313">
        <v>4</v>
      </c>
      <c r="S9" s="313">
        <v>1</v>
      </c>
      <c r="T9" s="313">
        <v>3</v>
      </c>
      <c r="U9" s="313">
        <v>1</v>
      </c>
      <c r="V9" s="310">
        <v>11</v>
      </c>
      <c r="W9" s="315">
        <v>11</v>
      </c>
      <c r="X9" s="309">
        <v>0</v>
      </c>
      <c r="Y9" s="313">
        <v>0</v>
      </c>
      <c r="Z9" s="310">
        <v>0</v>
      </c>
      <c r="AA9" s="312">
        <v>0</v>
      </c>
      <c r="AB9" s="313">
        <v>1055</v>
      </c>
      <c r="AC9" s="313">
        <v>1039</v>
      </c>
      <c r="AD9" s="313">
        <v>531</v>
      </c>
      <c r="AE9" s="313">
        <v>236</v>
      </c>
      <c r="AF9" s="313">
        <v>106</v>
      </c>
      <c r="AG9" s="310">
        <v>2967</v>
      </c>
      <c r="AH9" s="315">
        <v>2967</v>
      </c>
      <c r="AI9" s="309">
        <v>0</v>
      </c>
      <c r="AJ9" s="313">
        <v>0</v>
      </c>
      <c r="AK9" s="310">
        <v>0</v>
      </c>
      <c r="AL9" s="312">
        <v>0</v>
      </c>
      <c r="AM9" s="313">
        <v>11</v>
      </c>
      <c r="AN9" s="313">
        <v>18</v>
      </c>
      <c r="AO9" s="313">
        <v>39</v>
      </c>
      <c r="AP9" s="313">
        <v>21</v>
      </c>
      <c r="AQ9" s="313">
        <v>20</v>
      </c>
      <c r="AR9" s="310">
        <v>109</v>
      </c>
      <c r="AS9" s="315">
        <v>109</v>
      </c>
      <c r="AT9" s="309">
        <v>21</v>
      </c>
      <c r="AU9" s="313">
        <v>32</v>
      </c>
      <c r="AV9" s="310">
        <v>53</v>
      </c>
      <c r="AW9" s="312">
        <v>0</v>
      </c>
      <c r="AX9" s="313">
        <v>128</v>
      </c>
      <c r="AY9" s="313">
        <v>132</v>
      </c>
      <c r="AZ9" s="313">
        <v>107</v>
      </c>
      <c r="BA9" s="313">
        <v>78</v>
      </c>
      <c r="BB9" s="313">
        <v>26</v>
      </c>
      <c r="BC9" s="310">
        <v>471</v>
      </c>
      <c r="BD9" s="315">
        <v>524</v>
      </c>
      <c r="BE9" s="309">
        <v>0</v>
      </c>
      <c r="BF9" s="313">
        <v>6</v>
      </c>
      <c r="BG9" s="310">
        <v>6</v>
      </c>
      <c r="BH9" s="312">
        <v>0</v>
      </c>
      <c r="BI9" s="313">
        <v>258</v>
      </c>
      <c r="BJ9" s="313">
        <v>291</v>
      </c>
      <c r="BK9" s="313">
        <v>350</v>
      </c>
      <c r="BL9" s="313">
        <v>210</v>
      </c>
      <c r="BM9" s="313">
        <v>133</v>
      </c>
      <c r="BN9" s="314">
        <v>1242</v>
      </c>
      <c r="BO9" s="315">
        <v>1248</v>
      </c>
      <c r="BP9" s="309">
        <v>0</v>
      </c>
      <c r="BQ9" s="313">
        <v>0</v>
      </c>
      <c r="BR9" s="310">
        <v>0</v>
      </c>
      <c r="BS9" s="312">
        <v>0</v>
      </c>
      <c r="BT9" s="313">
        <v>0</v>
      </c>
      <c r="BU9" s="313">
        <v>0</v>
      </c>
      <c r="BV9" s="313">
        <v>0</v>
      </c>
      <c r="BW9" s="313">
        <v>0</v>
      </c>
      <c r="BX9" s="313">
        <v>0</v>
      </c>
      <c r="BY9" s="310">
        <v>0</v>
      </c>
      <c r="BZ9" s="315">
        <v>0</v>
      </c>
      <c r="CA9" s="309">
        <v>0</v>
      </c>
      <c r="CB9" s="313">
        <v>0</v>
      </c>
      <c r="CC9" s="310">
        <v>0</v>
      </c>
      <c r="CD9" s="312">
        <v>0</v>
      </c>
      <c r="CE9" s="313">
        <v>0</v>
      </c>
      <c r="CF9" s="313">
        <v>2</v>
      </c>
      <c r="CG9" s="313">
        <v>22</v>
      </c>
      <c r="CH9" s="313">
        <v>26</v>
      </c>
      <c r="CI9" s="313">
        <v>7</v>
      </c>
      <c r="CJ9" s="310">
        <v>57</v>
      </c>
      <c r="CK9" s="315">
        <v>57</v>
      </c>
      <c r="CL9" s="309">
        <v>0</v>
      </c>
      <c r="CM9" s="313">
        <v>0</v>
      </c>
      <c r="CN9" s="310">
        <v>0</v>
      </c>
      <c r="CO9" s="312">
        <v>0</v>
      </c>
      <c r="CP9" s="313">
        <v>8</v>
      </c>
      <c r="CQ9" s="313">
        <v>11</v>
      </c>
      <c r="CR9" s="313">
        <v>11</v>
      </c>
      <c r="CS9" s="313">
        <v>15</v>
      </c>
      <c r="CT9" s="313">
        <v>17</v>
      </c>
      <c r="CU9" s="310">
        <v>62</v>
      </c>
      <c r="CV9" s="315">
        <v>62</v>
      </c>
    </row>
    <row r="10" spans="1:100" ht="21" customHeight="1" x14ac:dyDescent="0.2">
      <c r="A10" s="294" t="s">
        <v>7</v>
      </c>
      <c r="B10" s="309">
        <v>0</v>
      </c>
      <c r="C10" s="310">
        <v>0</v>
      </c>
      <c r="D10" s="311">
        <v>0</v>
      </c>
      <c r="E10" s="312">
        <v>0</v>
      </c>
      <c r="F10" s="313">
        <v>5</v>
      </c>
      <c r="G10" s="313">
        <v>11</v>
      </c>
      <c r="H10" s="313">
        <v>6</v>
      </c>
      <c r="I10" s="313">
        <v>8</v>
      </c>
      <c r="J10" s="313">
        <v>7</v>
      </c>
      <c r="K10" s="314">
        <v>37</v>
      </c>
      <c r="L10" s="315">
        <v>37</v>
      </c>
      <c r="M10" s="309">
        <v>0</v>
      </c>
      <c r="N10" s="313">
        <v>0</v>
      </c>
      <c r="O10" s="310">
        <v>0</v>
      </c>
      <c r="P10" s="312">
        <v>0</v>
      </c>
      <c r="Q10" s="313">
        <v>0</v>
      </c>
      <c r="R10" s="313">
        <v>0</v>
      </c>
      <c r="S10" s="313">
        <v>0</v>
      </c>
      <c r="T10" s="313">
        <v>0</v>
      </c>
      <c r="U10" s="313">
        <v>0</v>
      </c>
      <c r="V10" s="310">
        <v>0</v>
      </c>
      <c r="W10" s="315">
        <v>0</v>
      </c>
      <c r="X10" s="309">
        <v>0</v>
      </c>
      <c r="Y10" s="313">
        <v>0</v>
      </c>
      <c r="Z10" s="310">
        <v>0</v>
      </c>
      <c r="AA10" s="312">
        <v>0</v>
      </c>
      <c r="AB10" s="313">
        <v>999</v>
      </c>
      <c r="AC10" s="313">
        <v>642</v>
      </c>
      <c r="AD10" s="313">
        <v>308</v>
      </c>
      <c r="AE10" s="313">
        <v>141</v>
      </c>
      <c r="AF10" s="313">
        <v>54</v>
      </c>
      <c r="AG10" s="310">
        <v>2144</v>
      </c>
      <c r="AH10" s="315">
        <v>2144</v>
      </c>
      <c r="AI10" s="309">
        <v>0</v>
      </c>
      <c r="AJ10" s="313">
        <v>0</v>
      </c>
      <c r="AK10" s="310">
        <v>0</v>
      </c>
      <c r="AL10" s="312">
        <v>0</v>
      </c>
      <c r="AM10" s="313">
        <v>86</v>
      </c>
      <c r="AN10" s="313">
        <v>99</v>
      </c>
      <c r="AO10" s="313">
        <v>101</v>
      </c>
      <c r="AP10" s="313">
        <v>33</v>
      </c>
      <c r="AQ10" s="313">
        <v>24</v>
      </c>
      <c r="AR10" s="310">
        <v>343</v>
      </c>
      <c r="AS10" s="315">
        <v>343</v>
      </c>
      <c r="AT10" s="309">
        <v>9</v>
      </c>
      <c r="AU10" s="313">
        <v>12</v>
      </c>
      <c r="AV10" s="310">
        <v>21</v>
      </c>
      <c r="AW10" s="312">
        <v>0</v>
      </c>
      <c r="AX10" s="313">
        <v>63</v>
      </c>
      <c r="AY10" s="313">
        <v>44</v>
      </c>
      <c r="AZ10" s="313">
        <v>29</v>
      </c>
      <c r="BA10" s="313">
        <v>14</v>
      </c>
      <c r="BB10" s="313">
        <v>8</v>
      </c>
      <c r="BC10" s="310">
        <v>158</v>
      </c>
      <c r="BD10" s="315">
        <v>179</v>
      </c>
      <c r="BE10" s="309">
        <v>0</v>
      </c>
      <c r="BF10" s="313">
        <v>1</v>
      </c>
      <c r="BG10" s="310">
        <v>1</v>
      </c>
      <c r="BH10" s="312">
        <v>0</v>
      </c>
      <c r="BI10" s="313">
        <v>120</v>
      </c>
      <c r="BJ10" s="313">
        <v>126</v>
      </c>
      <c r="BK10" s="313">
        <v>199</v>
      </c>
      <c r="BL10" s="313">
        <v>134</v>
      </c>
      <c r="BM10" s="313">
        <v>80</v>
      </c>
      <c r="BN10" s="314">
        <v>659</v>
      </c>
      <c r="BO10" s="315">
        <v>660</v>
      </c>
      <c r="BP10" s="309">
        <v>0</v>
      </c>
      <c r="BQ10" s="313">
        <v>0</v>
      </c>
      <c r="BR10" s="310">
        <v>0</v>
      </c>
      <c r="BS10" s="312">
        <v>0</v>
      </c>
      <c r="BT10" s="313">
        <v>0</v>
      </c>
      <c r="BU10" s="313">
        <v>0</v>
      </c>
      <c r="BV10" s="313">
        <v>0</v>
      </c>
      <c r="BW10" s="313">
        <v>0</v>
      </c>
      <c r="BX10" s="313">
        <v>0</v>
      </c>
      <c r="BY10" s="310">
        <v>0</v>
      </c>
      <c r="BZ10" s="315">
        <v>0</v>
      </c>
      <c r="CA10" s="309">
        <v>0</v>
      </c>
      <c r="CB10" s="313">
        <v>0</v>
      </c>
      <c r="CC10" s="310">
        <v>0</v>
      </c>
      <c r="CD10" s="312">
        <v>0</v>
      </c>
      <c r="CE10" s="313">
        <v>0</v>
      </c>
      <c r="CF10" s="313">
        <v>0</v>
      </c>
      <c r="CG10" s="313">
        <v>0</v>
      </c>
      <c r="CH10" s="313">
        <v>0</v>
      </c>
      <c r="CI10" s="313">
        <v>0</v>
      </c>
      <c r="CJ10" s="310">
        <v>0</v>
      </c>
      <c r="CK10" s="315">
        <v>0</v>
      </c>
      <c r="CL10" s="309">
        <v>0</v>
      </c>
      <c r="CM10" s="313">
        <v>0</v>
      </c>
      <c r="CN10" s="310">
        <v>0</v>
      </c>
      <c r="CO10" s="312">
        <v>0</v>
      </c>
      <c r="CP10" s="313">
        <v>6</v>
      </c>
      <c r="CQ10" s="313">
        <v>10</v>
      </c>
      <c r="CR10" s="313">
        <v>6</v>
      </c>
      <c r="CS10" s="313">
        <v>12</v>
      </c>
      <c r="CT10" s="313">
        <v>19</v>
      </c>
      <c r="CU10" s="310">
        <v>53</v>
      </c>
      <c r="CV10" s="315">
        <v>53</v>
      </c>
    </row>
    <row r="11" spans="1:100" ht="21" customHeight="1" x14ac:dyDescent="0.2">
      <c r="A11" s="294" t="s">
        <v>8</v>
      </c>
      <c r="B11" s="309">
        <v>0</v>
      </c>
      <c r="C11" s="310">
        <v>0</v>
      </c>
      <c r="D11" s="311">
        <v>0</v>
      </c>
      <c r="E11" s="312">
        <v>0</v>
      </c>
      <c r="F11" s="313">
        <v>6</v>
      </c>
      <c r="G11" s="313">
        <v>11</v>
      </c>
      <c r="H11" s="313">
        <v>5</v>
      </c>
      <c r="I11" s="313">
        <v>6</v>
      </c>
      <c r="J11" s="313">
        <v>2</v>
      </c>
      <c r="K11" s="314">
        <v>30</v>
      </c>
      <c r="L11" s="315">
        <v>30</v>
      </c>
      <c r="M11" s="309">
        <v>0</v>
      </c>
      <c r="N11" s="313">
        <v>0</v>
      </c>
      <c r="O11" s="310">
        <v>0</v>
      </c>
      <c r="P11" s="312">
        <v>0</v>
      </c>
      <c r="Q11" s="313">
        <v>2</v>
      </c>
      <c r="R11" s="313">
        <v>2</v>
      </c>
      <c r="S11" s="313">
        <v>3</v>
      </c>
      <c r="T11" s="313">
        <v>3</v>
      </c>
      <c r="U11" s="313">
        <v>3</v>
      </c>
      <c r="V11" s="310">
        <v>13</v>
      </c>
      <c r="W11" s="315">
        <v>13</v>
      </c>
      <c r="X11" s="309">
        <v>0</v>
      </c>
      <c r="Y11" s="313">
        <v>0</v>
      </c>
      <c r="Z11" s="310">
        <v>0</v>
      </c>
      <c r="AA11" s="312">
        <v>0</v>
      </c>
      <c r="AB11" s="313">
        <v>574</v>
      </c>
      <c r="AC11" s="313">
        <v>496</v>
      </c>
      <c r="AD11" s="313">
        <v>229</v>
      </c>
      <c r="AE11" s="313">
        <v>106</v>
      </c>
      <c r="AF11" s="313">
        <v>60</v>
      </c>
      <c r="AG11" s="310">
        <v>1465</v>
      </c>
      <c r="AH11" s="315">
        <v>1465</v>
      </c>
      <c r="AI11" s="309">
        <v>0</v>
      </c>
      <c r="AJ11" s="313">
        <v>0</v>
      </c>
      <c r="AK11" s="310">
        <v>0</v>
      </c>
      <c r="AL11" s="312">
        <v>0</v>
      </c>
      <c r="AM11" s="313">
        <v>9</v>
      </c>
      <c r="AN11" s="313">
        <v>11</v>
      </c>
      <c r="AO11" s="313">
        <v>13</v>
      </c>
      <c r="AP11" s="313">
        <v>5</v>
      </c>
      <c r="AQ11" s="313">
        <v>5</v>
      </c>
      <c r="AR11" s="310">
        <v>43</v>
      </c>
      <c r="AS11" s="315">
        <v>43</v>
      </c>
      <c r="AT11" s="309">
        <v>9</v>
      </c>
      <c r="AU11" s="313">
        <v>10</v>
      </c>
      <c r="AV11" s="310">
        <v>19</v>
      </c>
      <c r="AW11" s="312">
        <v>0</v>
      </c>
      <c r="AX11" s="313">
        <v>81</v>
      </c>
      <c r="AY11" s="313">
        <v>59</v>
      </c>
      <c r="AZ11" s="313">
        <v>50</v>
      </c>
      <c r="BA11" s="313">
        <v>16</v>
      </c>
      <c r="BB11" s="313">
        <v>5</v>
      </c>
      <c r="BC11" s="310">
        <v>211</v>
      </c>
      <c r="BD11" s="315">
        <v>230</v>
      </c>
      <c r="BE11" s="309">
        <v>0</v>
      </c>
      <c r="BF11" s="313">
        <v>0</v>
      </c>
      <c r="BG11" s="310">
        <v>0</v>
      </c>
      <c r="BH11" s="312">
        <v>0</v>
      </c>
      <c r="BI11" s="313">
        <v>69</v>
      </c>
      <c r="BJ11" s="313">
        <v>82</v>
      </c>
      <c r="BK11" s="313">
        <v>81</v>
      </c>
      <c r="BL11" s="313">
        <v>55</v>
      </c>
      <c r="BM11" s="313">
        <v>32</v>
      </c>
      <c r="BN11" s="314">
        <v>319</v>
      </c>
      <c r="BO11" s="315">
        <v>319</v>
      </c>
      <c r="BP11" s="309">
        <v>0</v>
      </c>
      <c r="BQ11" s="313">
        <v>0</v>
      </c>
      <c r="BR11" s="310">
        <v>0</v>
      </c>
      <c r="BS11" s="312">
        <v>0</v>
      </c>
      <c r="BT11" s="313">
        <v>2</v>
      </c>
      <c r="BU11" s="313">
        <v>12</v>
      </c>
      <c r="BV11" s="313">
        <v>7</v>
      </c>
      <c r="BW11" s="313">
        <v>17</v>
      </c>
      <c r="BX11" s="313">
        <v>4</v>
      </c>
      <c r="BY11" s="310">
        <v>42</v>
      </c>
      <c r="BZ11" s="315">
        <v>42</v>
      </c>
      <c r="CA11" s="309">
        <v>0</v>
      </c>
      <c r="CB11" s="313">
        <v>0</v>
      </c>
      <c r="CC11" s="310">
        <v>0</v>
      </c>
      <c r="CD11" s="312">
        <v>0</v>
      </c>
      <c r="CE11" s="313">
        <v>0</v>
      </c>
      <c r="CF11" s="313">
        <v>2</v>
      </c>
      <c r="CG11" s="313">
        <v>20</v>
      </c>
      <c r="CH11" s="313">
        <v>16</v>
      </c>
      <c r="CI11" s="313">
        <v>11</v>
      </c>
      <c r="CJ11" s="310">
        <v>49</v>
      </c>
      <c r="CK11" s="315">
        <v>49</v>
      </c>
      <c r="CL11" s="309">
        <v>0</v>
      </c>
      <c r="CM11" s="313">
        <v>0</v>
      </c>
      <c r="CN11" s="310">
        <v>0</v>
      </c>
      <c r="CO11" s="312">
        <v>0</v>
      </c>
      <c r="CP11" s="313">
        <v>16</v>
      </c>
      <c r="CQ11" s="313">
        <v>12</v>
      </c>
      <c r="CR11" s="313">
        <v>10</v>
      </c>
      <c r="CS11" s="313">
        <v>6</v>
      </c>
      <c r="CT11" s="313">
        <v>7</v>
      </c>
      <c r="CU11" s="310">
        <v>51</v>
      </c>
      <c r="CV11" s="315">
        <v>51</v>
      </c>
    </row>
    <row r="12" spans="1:100" ht="21" customHeight="1" x14ac:dyDescent="0.2">
      <c r="A12" s="294" t="s">
        <v>9</v>
      </c>
      <c r="B12" s="309">
        <v>0</v>
      </c>
      <c r="C12" s="310">
        <v>0</v>
      </c>
      <c r="D12" s="311">
        <v>0</v>
      </c>
      <c r="E12" s="312">
        <v>0</v>
      </c>
      <c r="F12" s="313">
        <v>4</v>
      </c>
      <c r="G12" s="313">
        <v>5</v>
      </c>
      <c r="H12" s="313">
        <v>2</v>
      </c>
      <c r="I12" s="313">
        <v>10</v>
      </c>
      <c r="J12" s="313">
        <v>9</v>
      </c>
      <c r="K12" s="314">
        <v>30</v>
      </c>
      <c r="L12" s="315">
        <v>30</v>
      </c>
      <c r="M12" s="309">
        <v>0</v>
      </c>
      <c r="N12" s="313">
        <v>0</v>
      </c>
      <c r="O12" s="310">
        <v>0</v>
      </c>
      <c r="P12" s="312">
        <v>0</v>
      </c>
      <c r="Q12" s="313">
        <v>0</v>
      </c>
      <c r="R12" s="313">
        <v>0</v>
      </c>
      <c r="S12" s="313">
        <v>0</v>
      </c>
      <c r="T12" s="313">
        <v>0</v>
      </c>
      <c r="U12" s="313">
        <v>0</v>
      </c>
      <c r="V12" s="310">
        <v>0</v>
      </c>
      <c r="W12" s="315">
        <v>0</v>
      </c>
      <c r="X12" s="309">
        <v>0</v>
      </c>
      <c r="Y12" s="313">
        <v>0</v>
      </c>
      <c r="Z12" s="310">
        <v>0</v>
      </c>
      <c r="AA12" s="312">
        <v>0</v>
      </c>
      <c r="AB12" s="313">
        <v>407</v>
      </c>
      <c r="AC12" s="313">
        <v>288</v>
      </c>
      <c r="AD12" s="313">
        <v>163</v>
      </c>
      <c r="AE12" s="313">
        <v>90</v>
      </c>
      <c r="AF12" s="313">
        <v>31</v>
      </c>
      <c r="AG12" s="310">
        <v>979</v>
      </c>
      <c r="AH12" s="315">
        <v>979</v>
      </c>
      <c r="AI12" s="309">
        <v>0</v>
      </c>
      <c r="AJ12" s="313">
        <v>0</v>
      </c>
      <c r="AK12" s="310">
        <v>0</v>
      </c>
      <c r="AL12" s="312">
        <v>0</v>
      </c>
      <c r="AM12" s="313">
        <v>12</v>
      </c>
      <c r="AN12" s="313">
        <v>7</v>
      </c>
      <c r="AO12" s="313">
        <v>7</v>
      </c>
      <c r="AP12" s="313">
        <v>4</v>
      </c>
      <c r="AQ12" s="313">
        <v>3</v>
      </c>
      <c r="AR12" s="310">
        <v>33</v>
      </c>
      <c r="AS12" s="315">
        <v>33</v>
      </c>
      <c r="AT12" s="309">
        <v>7</v>
      </c>
      <c r="AU12" s="313">
        <v>7</v>
      </c>
      <c r="AV12" s="310">
        <v>14</v>
      </c>
      <c r="AW12" s="312">
        <v>0</v>
      </c>
      <c r="AX12" s="313">
        <v>34</v>
      </c>
      <c r="AY12" s="313">
        <v>29</v>
      </c>
      <c r="AZ12" s="313">
        <v>23</v>
      </c>
      <c r="BA12" s="313">
        <v>19</v>
      </c>
      <c r="BB12" s="313">
        <v>5</v>
      </c>
      <c r="BC12" s="310">
        <v>110</v>
      </c>
      <c r="BD12" s="315">
        <v>124</v>
      </c>
      <c r="BE12" s="309">
        <v>0</v>
      </c>
      <c r="BF12" s="313">
        <v>1</v>
      </c>
      <c r="BG12" s="310">
        <v>1</v>
      </c>
      <c r="BH12" s="312">
        <v>0</v>
      </c>
      <c r="BI12" s="313">
        <v>28</v>
      </c>
      <c r="BJ12" s="313">
        <v>53</v>
      </c>
      <c r="BK12" s="313">
        <v>92</v>
      </c>
      <c r="BL12" s="313">
        <v>41</v>
      </c>
      <c r="BM12" s="313">
        <v>26</v>
      </c>
      <c r="BN12" s="314">
        <v>240</v>
      </c>
      <c r="BO12" s="315">
        <v>241</v>
      </c>
      <c r="BP12" s="309">
        <v>0</v>
      </c>
      <c r="BQ12" s="313">
        <v>0</v>
      </c>
      <c r="BR12" s="310">
        <v>0</v>
      </c>
      <c r="BS12" s="312">
        <v>0</v>
      </c>
      <c r="BT12" s="313">
        <v>4</v>
      </c>
      <c r="BU12" s="313">
        <v>4</v>
      </c>
      <c r="BV12" s="313">
        <v>5</v>
      </c>
      <c r="BW12" s="313">
        <v>4</v>
      </c>
      <c r="BX12" s="313">
        <v>6</v>
      </c>
      <c r="BY12" s="310">
        <v>23</v>
      </c>
      <c r="BZ12" s="315">
        <v>23</v>
      </c>
      <c r="CA12" s="309">
        <v>0</v>
      </c>
      <c r="CB12" s="313">
        <v>0</v>
      </c>
      <c r="CC12" s="310">
        <v>0</v>
      </c>
      <c r="CD12" s="312">
        <v>0</v>
      </c>
      <c r="CE12" s="313">
        <v>0</v>
      </c>
      <c r="CF12" s="313">
        <v>0</v>
      </c>
      <c r="CG12" s="313">
        <v>0</v>
      </c>
      <c r="CH12" s="313">
        <v>1</v>
      </c>
      <c r="CI12" s="313">
        <v>0</v>
      </c>
      <c r="CJ12" s="310">
        <v>1</v>
      </c>
      <c r="CK12" s="315">
        <v>1</v>
      </c>
      <c r="CL12" s="309">
        <v>0</v>
      </c>
      <c r="CM12" s="313">
        <v>0</v>
      </c>
      <c r="CN12" s="310">
        <v>0</v>
      </c>
      <c r="CO12" s="312">
        <v>0</v>
      </c>
      <c r="CP12" s="313">
        <v>6</v>
      </c>
      <c r="CQ12" s="313">
        <v>4</v>
      </c>
      <c r="CR12" s="313">
        <v>7</v>
      </c>
      <c r="CS12" s="313">
        <v>10</v>
      </c>
      <c r="CT12" s="313">
        <v>13</v>
      </c>
      <c r="CU12" s="310">
        <v>40</v>
      </c>
      <c r="CV12" s="315">
        <v>40</v>
      </c>
    </row>
    <row r="13" spans="1:100" ht="21" customHeight="1" x14ac:dyDescent="0.2">
      <c r="A13" s="294" t="s">
        <v>10</v>
      </c>
      <c r="B13" s="309">
        <v>0</v>
      </c>
      <c r="C13" s="310">
        <v>0</v>
      </c>
      <c r="D13" s="311">
        <v>0</v>
      </c>
      <c r="E13" s="312">
        <v>0</v>
      </c>
      <c r="F13" s="313">
        <v>24</v>
      </c>
      <c r="G13" s="313">
        <v>11</v>
      </c>
      <c r="H13" s="313">
        <v>17</v>
      </c>
      <c r="I13" s="313">
        <v>10</v>
      </c>
      <c r="J13" s="313">
        <v>12</v>
      </c>
      <c r="K13" s="314">
        <v>74</v>
      </c>
      <c r="L13" s="315">
        <v>74</v>
      </c>
      <c r="M13" s="309">
        <v>0</v>
      </c>
      <c r="N13" s="313">
        <v>0</v>
      </c>
      <c r="O13" s="310">
        <v>0</v>
      </c>
      <c r="P13" s="312">
        <v>0</v>
      </c>
      <c r="Q13" s="313">
        <v>11</v>
      </c>
      <c r="R13" s="313">
        <v>10</v>
      </c>
      <c r="S13" s="313">
        <v>13</v>
      </c>
      <c r="T13" s="313">
        <v>9</v>
      </c>
      <c r="U13" s="313">
        <v>11</v>
      </c>
      <c r="V13" s="310">
        <v>54</v>
      </c>
      <c r="W13" s="315">
        <v>54</v>
      </c>
      <c r="X13" s="309">
        <v>0</v>
      </c>
      <c r="Y13" s="313">
        <v>0</v>
      </c>
      <c r="Z13" s="310">
        <v>0</v>
      </c>
      <c r="AA13" s="312">
        <v>0</v>
      </c>
      <c r="AB13" s="313">
        <v>532</v>
      </c>
      <c r="AC13" s="313">
        <v>230</v>
      </c>
      <c r="AD13" s="313">
        <v>114</v>
      </c>
      <c r="AE13" s="313">
        <v>66</v>
      </c>
      <c r="AF13" s="313">
        <v>27</v>
      </c>
      <c r="AG13" s="310">
        <v>969</v>
      </c>
      <c r="AH13" s="315">
        <v>969</v>
      </c>
      <c r="AI13" s="309">
        <v>0</v>
      </c>
      <c r="AJ13" s="313">
        <v>1</v>
      </c>
      <c r="AK13" s="310">
        <v>1</v>
      </c>
      <c r="AL13" s="312">
        <v>0</v>
      </c>
      <c r="AM13" s="313">
        <v>18</v>
      </c>
      <c r="AN13" s="313">
        <v>20</v>
      </c>
      <c r="AO13" s="313">
        <v>20</v>
      </c>
      <c r="AP13" s="313">
        <v>8</v>
      </c>
      <c r="AQ13" s="313">
        <v>8</v>
      </c>
      <c r="AR13" s="310">
        <v>74</v>
      </c>
      <c r="AS13" s="315">
        <v>75</v>
      </c>
      <c r="AT13" s="309">
        <v>10</v>
      </c>
      <c r="AU13" s="313">
        <v>24</v>
      </c>
      <c r="AV13" s="310">
        <v>34</v>
      </c>
      <c r="AW13" s="312">
        <v>0</v>
      </c>
      <c r="AX13" s="313">
        <v>118</v>
      </c>
      <c r="AY13" s="313">
        <v>90</v>
      </c>
      <c r="AZ13" s="313">
        <v>76</v>
      </c>
      <c r="BA13" s="313">
        <v>49</v>
      </c>
      <c r="BB13" s="313">
        <v>34</v>
      </c>
      <c r="BC13" s="310">
        <v>367</v>
      </c>
      <c r="BD13" s="315">
        <v>401</v>
      </c>
      <c r="BE13" s="309">
        <v>0</v>
      </c>
      <c r="BF13" s="313">
        <v>6</v>
      </c>
      <c r="BG13" s="310">
        <v>6</v>
      </c>
      <c r="BH13" s="312">
        <v>0</v>
      </c>
      <c r="BI13" s="313">
        <v>137</v>
      </c>
      <c r="BJ13" s="313">
        <v>137</v>
      </c>
      <c r="BK13" s="313">
        <v>82</v>
      </c>
      <c r="BL13" s="313">
        <v>77</v>
      </c>
      <c r="BM13" s="313">
        <v>78</v>
      </c>
      <c r="BN13" s="314">
        <v>511</v>
      </c>
      <c r="BO13" s="315">
        <v>517</v>
      </c>
      <c r="BP13" s="309">
        <v>0</v>
      </c>
      <c r="BQ13" s="313">
        <v>0</v>
      </c>
      <c r="BR13" s="310">
        <v>0</v>
      </c>
      <c r="BS13" s="312">
        <v>0</v>
      </c>
      <c r="BT13" s="313">
        <v>34</v>
      </c>
      <c r="BU13" s="313">
        <v>32</v>
      </c>
      <c r="BV13" s="313">
        <v>32</v>
      </c>
      <c r="BW13" s="313">
        <v>24</v>
      </c>
      <c r="BX13" s="313">
        <v>24</v>
      </c>
      <c r="BY13" s="310">
        <v>146</v>
      </c>
      <c r="BZ13" s="315">
        <v>146</v>
      </c>
      <c r="CA13" s="309">
        <v>0</v>
      </c>
      <c r="CB13" s="313">
        <v>0</v>
      </c>
      <c r="CC13" s="310">
        <v>0</v>
      </c>
      <c r="CD13" s="312">
        <v>0</v>
      </c>
      <c r="CE13" s="313">
        <v>1</v>
      </c>
      <c r="CF13" s="313">
        <v>0</v>
      </c>
      <c r="CG13" s="313">
        <v>5</v>
      </c>
      <c r="CH13" s="313">
        <v>17</v>
      </c>
      <c r="CI13" s="313">
        <v>21</v>
      </c>
      <c r="CJ13" s="310">
        <v>44</v>
      </c>
      <c r="CK13" s="315">
        <v>44</v>
      </c>
      <c r="CL13" s="309">
        <v>0</v>
      </c>
      <c r="CM13" s="313">
        <v>0</v>
      </c>
      <c r="CN13" s="310">
        <v>0</v>
      </c>
      <c r="CO13" s="312">
        <v>0</v>
      </c>
      <c r="CP13" s="313">
        <v>14</v>
      </c>
      <c r="CQ13" s="313">
        <v>15</v>
      </c>
      <c r="CR13" s="313">
        <v>26</v>
      </c>
      <c r="CS13" s="313">
        <v>19</v>
      </c>
      <c r="CT13" s="313">
        <v>17</v>
      </c>
      <c r="CU13" s="310">
        <v>91</v>
      </c>
      <c r="CV13" s="315">
        <v>91</v>
      </c>
    </row>
    <row r="14" spans="1:100" ht="21" customHeight="1" x14ac:dyDescent="0.2">
      <c r="A14" s="294" t="s">
        <v>11</v>
      </c>
      <c r="B14" s="309">
        <v>0</v>
      </c>
      <c r="C14" s="310">
        <v>0</v>
      </c>
      <c r="D14" s="311">
        <v>0</v>
      </c>
      <c r="E14" s="312">
        <v>0</v>
      </c>
      <c r="F14" s="313">
        <v>6</v>
      </c>
      <c r="G14" s="313">
        <v>9</v>
      </c>
      <c r="H14" s="313">
        <v>8</v>
      </c>
      <c r="I14" s="313">
        <v>3</v>
      </c>
      <c r="J14" s="313">
        <v>7</v>
      </c>
      <c r="K14" s="314">
        <v>33</v>
      </c>
      <c r="L14" s="315">
        <v>33</v>
      </c>
      <c r="M14" s="309">
        <v>0</v>
      </c>
      <c r="N14" s="313">
        <v>0</v>
      </c>
      <c r="O14" s="310">
        <v>0</v>
      </c>
      <c r="P14" s="312">
        <v>0</v>
      </c>
      <c r="Q14" s="313">
        <v>12</v>
      </c>
      <c r="R14" s="313">
        <v>13</v>
      </c>
      <c r="S14" s="313">
        <v>10</v>
      </c>
      <c r="T14" s="313">
        <v>8</v>
      </c>
      <c r="U14" s="313">
        <v>6</v>
      </c>
      <c r="V14" s="310">
        <v>49</v>
      </c>
      <c r="W14" s="315">
        <v>49</v>
      </c>
      <c r="X14" s="309">
        <v>1</v>
      </c>
      <c r="Y14" s="313">
        <v>0</v>
      </c>
      <c r="Z14" s="310">
        <v>1</v>
      </c>
      <c r="AA14" s="312">
        <v>0</v>
      </c>
      <c r="AB14" s="313">
        <v>558</v>
      </c>
      <c r="AC14" s="313">
        <v>272</v>
      </c>
      <c r="AD14" s="313">
        <v>143</v>
      </c>
      <c r="AE14" s="313">
        <v>79</v>
      </c>
      <c r="AF14" s="313">
        <v>32</v>
      </c>
      <c r="AG14" s="310">
        <v>1084</v>
      </c>
      <c r="AH14" s="315">
        <v>1085</v>
      </c>
      <c r="AI14" s="309">
        <v>0</v>
      </c>
      <c r="AJ14" s="313">
        <v>2</v>
      </c>
      <c r="AK14" s="310">
        <v>2</v>
      </c>
      <c r="AL14" s="312">
        <v>0</v>
      </c>
      <c r="AM14" s="313">
        <v>20</v>
      </c>
      <c r="AN14" s="313">
        <v>13</v>
      </c>
      <c r="AO14" s="313">
        <v>11</v>
      </c>
      <c r="AP14" s="313">
        <v>0</v>
      </c>
      <c r="AQ14" s="313">
        <v>2</v>
      </c>
      <c r="AR14" s="310">
        <v>46</v>
      </c>
      <c r="AS14" s="315">
        <v>48</v>
      </c>
      <c r="AT14" s="309">
        <v>4</v>
      </c>
      <c r="AU14" s="313">
        <v>3</v>
      </c>
      <c r="AV14" s="310">
        <v>7</v>
      </c>
      <c r="AW14" s="312">
        <v>0</v>
      </c>
      <c r="AX14" s="313">
        <v>47</v>
      </c>
      <c r="AY14" s="313">
        <v>39</v>
      </c>
      <c r="AZ14" s="313">
        <v>23</v>
      </c>
      <c r="BA14" s="313">
        <v>18</v>
      </c>
      <c r="BB14" s="313">
        <v>5</v>
      </c>
      <c r="BC14" s="310">
        <v>132</v>
      </c>
      <c r="BD14" s="315">
        <v>139</v>
      </c>
      <c r="BE14" s="309">
        <v>0</v>
      </c>
      <c r="BF14" s="313">
        <v>4</v>
      </c>
      <c r="BG14" s="310">
        <v>4</v>
      </c>
      <c r="BH14" s="312">
        <v>0</v>
      </c>
      <c r="BI14" s="313">
        <v>59</v>
      </c>
      <c r="BJ14" s="313">
        <v>83</v>
      </c>
      <c r="BK14" s="313">
        <v>60</v>
      </c>
      <c r="BL14" s="313">
        <v>55</v>
      </c>
      <c r="BM14" s="313">
        <v>29</v>
      </c>
      <c r="BN14" s="314">
        <v>286</v>
      </c>
      <c r="BO14" s="315">
        <v>290</v>
      </c>
      <c r="BP14" s="309">
        <v>0</v>
      </c>
      <c r="BQ14" s="313">
        <v>0</v>
      </c>
      <c r="BR14" s="310">
        <v>0</v>
      </c>
      <c r="BS14" s="312">
        <v>0</v>
      </c>
      <c r="BT14" s="313">
        <v>0</v>
      </c>
      <c r="BU14" s="313">
        <v>0</v>
      </c>
      <c r="BV14" s="313">
        <v>0</v>
      </c>
      <c r="BW14" s="313">
        <v>0</v>
      </c>
      <c r="BX14" s="313">
        <v>0</v>
      </c>
      <c r="BY14" s="310">
        <v>0</v>
      </c>
      <c r="BZ14" s="315">
        <v>0</v>
      </c>
      <c r="CA14" s="309">
        <v>0</v>
      </c>
      <c r="CB14" s="313">
        <v>0</v>
      </c>
      <c r="CC14" s="310">
        <v>0</v>
      </c>
      <c r="CD14" s="312">
        <v>0</v>
      </c>
      <c r="CE14" s="313">
        <v>0</v>
      </c>
      <c r="CF14" s="313">
        <v>1</v>
      </c>
      <c r="CG14" s="313">
        <v>1</v>
      </c>
      <c r="CH14" s="313">
        <v>0</v>
      </c>
      <c r="CI14" s="313">
        <v>0</v>
      </c>
      <c r="CJ14" s="310">
        <v>2</v>
      </c>
      <c r="CK14" s="315">
        <v>2</v>
      </c>
      <c r="CL14" s="309">
        <v>0</v>
      </c>
      <c r="CM14" s="313">
        <v>0</v>
      </c>
      <c r="CN14" s="310">
        <v>0</v>
      </c>
      <c r="CO14" s="312">
        <v>0</v>
      </c>
      <c r="CP14" s="313">
        <v>3</v>
      </c>
      <c r="CQ14" s="313">
        <v>3</v>
      </c>
      <c r="CR14" s="313">
        <v>4</v>
      </c>
      <c r="CS14" s="313">
        <v>6</v>
      </c>
      <c r="CT14" s="313">
        <v>3</v>
      </c>
      <c r="CU14" s="310">
        <v>19</v>
      </c>
      <c r="CV14" s="315">
        <v>19</v>
      </c>
    </row>
    <row r="15" spans="1:100" ht="21" customHeight="1" x14ac:dyDescent="0.2">
      <c r="A15" s="294" t="s">
        <v>12</v>
      </c>
      <c r="B15" s="309">
        <v>0</v>
      </c>
      <c r="C15" s="310">
        <v>0</v>
      </c>
      <c r="D15" s="311">
        <v>0</v>
      </c>
      <c r="E15" s="312">
        <v>0</v>
      </c>
      <c r="F15" s="313">
        <v>12</v>
      </c>
      <c r="G15" s="313">
        <v>6</v>
      </c>
      <c r="H15" s="313">
        <v>5</v>
      </c>
      <c r="I15" s="313">
        <v>6</v>
      </c>
      <c r="J15" s="313">
        <v>2</v>
      </c>
      <c r="K15" s="314">
        <v>31</v>
      </c>
      <c r="L15" s="315">
        <v>31</v>
      </c>
      <c r="M15" s="309">
        <v>0</v>
      </c>
      <c r="N15" s="313">
        <v>0</v>
      </c>
      <c r="O15" s="310">
        <v>0</v>
      </c>
      <c r="P15" s="312">
        <v>0</v>
      </c>
      <c r="Q15" s="313">
        <v>0</v>
      </c>
      <c r="R15" s="313">
        <v>0</v>
      </c>
      <c r="S15" s="313">
        <v>0</v>
      </c>
      <c r="T15" s="313">
        <v>0</v>
      </c>
      <c r="U15" s="313">
        <v>0</v>
      </c>
      <c r="V15" s="310">
        <v>0</v>
      </c>
      <c r="W15" s="315">
        <v>0</v>
      </c>
      <c r="X15" s="309">
        <v>0</v>
      </c>
      <c r="Y15" s="313">
        <v>0</v>
      </c>
      <c r="Z15" s="310">
        <v>0</v>
      </c>
      <c r="AA15" s="312">
        <v>0</v>
      </c>
      <c r="AB15" s="313">
        <v>418</v>
      </c>
      <c r="AC15" s="313">
        <v>250</v>
      </c>
      <c r="AD15" s="313">
        <v>135</v>
      </c>
      <c r="AE15" s="313">
        <v>62</v>
      </c>
      <c r="AF15" s="313">
        <v>36</v>
      </c>
      <c r="AG15" s="310">
        <v>901</v>
      </c>
      <c r="AH15" s="315">
        <v>901</v>
      </c>
      <c r="AI15" s="309">
        <v>0</v>
      </c>
      <c r="AJ15" s="313">
        <v>0</v>
      </c>
      <c r="AK15" s="310">
        <v>0</v>
      </c>
      <c r="AL15" s="312">
        <v>0</v>
      </c>
      <c r="AM15" s="313">
        <v>5</v>
      </c>
      <c r="AN15" s="313">
        <v>6</v>
      </c>
      <c r="AO15" s="313">
        <v>0</v>
      </c>
      <c r="AP15" s="313">
        <v>0</v>
      </c>
      <c r="AQ15" s="313">
        <v>1</v>
      </c>
      <c r="AR15" s="310">
        <v>12</v>
      </c>
      <c r="AS15" s="315">
        <v>12</v>
      </c>
      <c r="AT15" s="309">
        <v>0</v>
      </c>
      <c r="AU15" s="313">
        <v>0</v>
      </c>
      <c r="AV15" s="310">
        <v>0</v>
      </c>
      <c r="AW15" s="312">
        <v>0</v>
      </c>
      <c r="AX15" s="313">
        <v>19</v>
      </c>
      <c r="AY15" s="313">
        <v>30</v>
      </c>
      <c r="AZ15" s="313">
        <v>48</v>
      </c>
      <c r="BA15" s="313">
        <v>36</v>
      </c>
      <c r="BB15" s="313">
        <v>28</v>
      </c>
      <c r="BC15" s="310">
        <v>161</v>
      </c>
      <c r="BD15" s="315">
        <v>161</v>
      </c>
      <c r="BE15" s="309">
        <v>0</v>
      </c>
      <c r="BF15" s="313">
        <v>1</v>
      </c>
      <c r="BG15" s="310">
        <v>1</v>
      </c>
      <c r="BH15" s="312">
        <v>0</v>
      </c>
      <c r="BI15" s="313">
        <v>50</v>
      </c>
      <c r="BJ15" s="313">
        <v>41</v>
      </c>
      <c r="BK15" s="313">
        <v>50</v>
      </c>
      <c r="BL15" s="313">
        <v>28</v>
      </c>
      <c r="BM15" s="313">
        <v>36</v>
      </c>
      <c r="BN15" s="314">
        <v>205</v>
      </c>
      <c r="BO15" s="315">
        <v>206</v>
      </c>
      <c r="BP15" s="309">
        <v>0</v>
      </c>
      <c r="BQ15" s="313">
        <v>0</v>
      </c>
      <c r="BR15" s="310">
        <v>0</v>
      </c>
      <c r="BS15" s="312">
        <v>0</v>
      </c>
      <c r="BT15" s="313">
        <v>3</v>
      </c>
      <c r="BU15" s="313">
        <v>7</v>
      </c>
      <c r="BV15" s="313">
        <v>3</v>
      </c>
      <c r="BW15" s="313">
        <v>12</v>
      </c>
      <c r="BX15" s="313">
        <v>4</v>
      </c>
      <c r="BY15" s="310">
        <v>29</v>
      </c>
      <c r="BZ15" s="315">
        <v>29</v>
      </c>
      <c r="CA15" s="309">
        <v>0</v>
      </c>
      <c r="CB15" s="313">
        <v>0</v>
      </c>
      <c r="CC15" s="310">
        <v>0</v>
      </c>
      <c r="CD15" s="312">
        <v>0</v>
      </c>
      <c r="CE15" s="313">
        <v>1</v>
      </c>
      <c r="CF15" s="313">
        <v>0</v>
      </c>
      <c r="CG15" s="313">
        <v>15</v>
      </c>
      <c r="CH15" s="313">
        <v>8</v>
      </c>
      <c r="CI15" s="313">
        <v>4</v>
      </c>
      <c r="CJ15" s="310">
        <v>28</v>
      </c>
      <c r="CK15" s="315">
        <v>28</v>
      </c>
      <c r="CL15" s="309">
        <v>0</v>
      </c>
      <c r="CM15" s="313">
        <v>1</v>
      </c>
      <c r="CN15" s="310">
        <v>1</v>
      </c>
      <c r="CO15" s="312">
        <v>0</v>
      </c>
      <c r="CP15" s="313">
        <v>8</v>
      </c>
      <c r="CQ15" s="313">
        <v>13</v>
      </c>
      <c r="CR15" s="313">
        <v>15</v>
      </c>
      <c r="CS15" s="313">
        <v>24</v>
      </c>
      <c r="CT15" s="313">
        <v>17</v>
      </c>
      <c r="CU15" s="310">
        <v>77</v>
      </c>
      <c r="CV15" s="315">
        <v>78</v>
      </c>
    </row>
    <row r="16" spans="1:100" ht="21" customHeight="1" x14ac:dyDescent="0.2">
      <c r="A16" s="294" t="s">
        <v>13</v>
      </c>
      <c r="B16" s="309">
        <v>0</v>
      </c>
      <c r="C16" s="310">
        <v>0</v>
      </c>
      <c r="D16" s="311">
        <v>0</v>
      </c>
      <c r="E16" s="312">
        <v>0</v>
      </c>
      <c r="F16" s="313">
        <v>0</v>
      </c>
      <c r="G16" s="313">
        <v>1</v>
      </c>
      <c r="H16" s="313">
        <v>1</v>
      </c>
      <c r="I16" s="313">
        <v>0</v>
      </c>
      <c r="J16" s="313">
        <v>0</v>
      </c>
      <c r="K16" s="314">
        <v>2</v>
      </c>
      <c r="L16" s="315">
        <v>2</v>
      </c>
      <c r="M16" s="309">
        <v>0</v>
      </c>
      <c r="N16" s="313">
        <v>0</v>
      </c>
      <c r="O16" s="310">
        <v>0</v>
      </c>
      <c r="P16" s="312">
        <v>0</v>
      </c>
      <c r="Q16" s="313">
        <v>0</v>
      </c>
      <c r="R16" s="313">
        <v>0</v>
      </c>
      <c r="S16" s="313">
        <v>0</v>
      </c>
      <c r="T16" s="313">
        <v>0</v>
      </c>
      <c r="U16" s="313">
        <v>0</v>
      </c>
      <c r="V16" s="310">
        <v>0</v>
      </c>
      <c r="W16" s="315">
        <v>0</v>
      </c>
      <c r="X16" s="309">
        <v>0</v>
      </c>
      <c r="Y16" s="313">
        <v>0</v>
      </c>
      <c r="Z16" s="310">
        <v>0</v>
      </c>
      <c r="AA16" s="312">
        <v>0</v>
      </c>
      <c r="AB16" s="313">
        <v>132</v>
      </c>
      <c r="AC16" s="313">
        <v>112</v>
      </c>
      <c r="AD16" s="313">
        <v>55</v>
      </c>
      <c r="AE16" s="313">
        <v>23</v>
      </c>
      <c r="AF16" s="313">
        <v>11</v>
      </c>
      <c r="AG16" s="310">
        <v>333</v>
      </c>
      <c r="AH16" s="315">
        <v>333</v>
      </c>
      <c r="AI16" s="309">
        <v>0</v>
      </c>
      <c r="AJ16" s="313">
        <v>0</v>
      </c>
      <c r="AK16" s="310">
        <v>0</v>
      </c>
      <c r="AL16" s="312">
        <v>0</v>
      </c>
      <c r="AM16" s="313">
        <v>2</v>
      </c>
      <c r="AN16" s="313">
        <v>5</v>
      </c>
      <c r="AO16" s="313">
        <v>12</v>
      </c>
      <c r="AP16" s="313">
        <v>5</v>
      </c>
      <c r="AQ16" s="313">
        <v>7</v>
      </c>
      <c r="AR16" s="310">
        <v>31</v>
      </c>
      <c r="AS16" s="315">
        <v>31</v>
      </c>
      <c r="AT16" s="309">
        <v>1</v>
      </c>
      <c r="AU16" s="313">
        <v>3</v>
      </c>
      <c r="AV16" s="310">
        <v>4</v>
      </c>
      <c r="AW16" s="312">
        <v>0</v>
      </c>
      <c r="AX16" s="313">
        <v>13</v>
      </c>
      <c r="AY16" s="313">
        <v>13</v>
      </c>
      <c r="AZ16" s="313">
        <v>1</v>
      </c>
      <c r="BA16" s="313">
        <v>1</v>
      </c>
      <c r="BB16" s="313">
        <v>0</v>
      </c>
      <c r="BC16" s="310">
        <v>28</v>
      </c>
      <c r="BD16" s="315">
        <v>32</v>
      </c>
      <c r="BE16" s="309">
        <v>0</v>
      </c>
      <c r="BF16" s="313">
        <v>0</v>
      </c>
      <c r="BG16" s="310">
        <v>0</v>
      </c>
      <c r="BH16" s="312">
        <v>0</v>
      </c>
      <c r="BI16" s="313">
        <v>11</v>
      </c>
      <c r="BJ16" s="313">
        <v>14</v>
      </c>
      <c r="BK16" s="313">
        <v>21</v>
      </c>
      <c r="BL16" s="313">
        <v>10</v>
      </c>
      <c r="BM16" s="313">
        <v>6</v>
      </c>
      <c r="BN16" s="314">
        <v>62</v>
      </c>
      <c r="BO16" s="315">
        <v>62</v>
      </c>
      <c r="BP16" s="309">
        <v>0</v>
      </c>
      <c r="BQ16" s="313">
        <v>0</v>
      </c>
      <c r="BR16" s="310">
        <v>0</v>
      </c>
      <c r="BS16" s="312">
        <v>0</v>
      </c>
      <c r="BT16" s="313">
        <v>0</v>
      </c>
      <c r="BU16" s="313">
        <v>0</v>
      </c>
      <c r="BV16" s="313">
        <v>4</v>
      </c>
      <c r="BW16" s="313">
        <v>9</v>
      </c>
      <c r="BX16" s="313">
        <v>4</v>
      </c>
      <c r="BY16" s="310">
        <v>17</v>
      </c>
      <c r="BZ16" s="315">
        <v>17</v>
      </c>
      <c r="CA16" s="309">
        <v>0</v>
      </c>
      <c r="CB16" s="313">
        <v>0</v>
      </c>
      <c r="CC16" s="310">
        <v>0</v>
      </c>
      <c r="CD16" s="312">
        <v>0</v>
      </c>
      <c r="CE16" s="313">
        <v>0</v>
      </c>
      <c r="CF16" s="313">
        <v>0</v>
      </c>
      <c r="CG16" s="313">
        <v>0</v>
      </c>
      <c r="CH16" s="313">
        <v>0</v>
      </c>
      <c r="CI16" s="313">
        <v>0</v>
      </c>
      <c r="CJ16" s="310">
        <v>0</v>
      </c>
      <c r="CK16" s="315">
        <v>0</v>
      </c>
      <c r="CL16" s="309">
        <v>0</v>
      </c>
      <c r="CM16" s="313">
        <v>0</v>
      </c>
      <c r="CN16" s="310">
        <v>0</v>
      </c>
      <c r="CO16" s="312">
        <v>0</v>
      </c>
      <c r="CP16" s="313">
        <v>0</v>
      </c>
      <c r="CQ16" s="313">
        <v>0</v>
      </c>
      <c r="CR16" s="313">
        <v>0</v>
      </c>
      <c r="CS16" s="313">
        <v>0</v>
      </c>
      <c r="CT16" s="313">
        <v>0</v>
      </c>
      <c r="CU16" s="310">
        <v>0</v>
      </c>
      <c r="CV16" s="315">
        <v>0</v>
      </c>
    </row>
    <row r="17" spans="1:100" ht="21" customHeight="1" x14ac:dyDescent="0.2">
      <c r="A17" s="294" t="s">
        <v>15</v>
      </c>
      <c r="B17" s="309">
        <v>0</v>
      </c>
      <c r="C17" s="310">
        <v>0</v>
      </c>
      <c r="D17" s="311">
        <v>0</v>
      </c>
      <c r="E17" s="312">
        <v>0</v>
      </c>
      <c r="F17" s="313">
        <v>3</v>
      </c>
      <c r="G17" s="313">
        <v>2</v>
      </c>
      <c r="H17" s="313">
        <v>4</v>
      </c>
      <c r="I17" s="313">
        <v>3</v>
      </c>
      <c r="J17" s="313">
        <v>2</v>
      </c>
      <c r="K17" s="314">
        <v>14</v>
      </c>
      <c r="L17" s="315">
        <v>14</v>
      </c>
      <c r="M17" s="309">
        <v>0</v>
      </c>
      <c r="N17" s="313">
        <v>0</v>
      </c>
      <c r="O17" s="310">
        <v>0</v>
      </c>
      <c r="P17" s="312">
        <v>0</v>
      </c>
      <c r="Q17" s="313">
        <v>0</v>
      </c>
      <c r="R17" s="313">
        <v>0</v>
      </c>
      <c r="S17" s="313">
        <v>0</v>
      </c>
      <c r="T17" s="313">
        <v>0</v>
      </c>
      <c r="U17" s="313">
        <v>0</v>
      </c>
      <c r="V17" s="310">
        <v>0</v>
      </c>
      <c r="W17" s="315">
        <v>0</v>
      </c>
      <c r="X17" s="309">
        <v>0</v>
      </c>
      <c r="Y17" s="313">
        <v>0</v>
      </c>
      <c r="Z17" s="310">
        <v>0</v>
      </c>
      <c r="AA17" s="312">
        <v>0</v>
      </c>
      <c r="AB17" s="313">
        <v>145</v>
      </c>
      <c r="AC17" s="313">
        <v>169</v>
      </c>
      <c r="AD17" s="313">
        <v>61</v>
      </c>
      <c r="AE17" s="313">
        <v>44</v>
      </c>
      <c r="AF17" s="313">
        <v>9</v>
      </c>
      <c r="AG17" s="310">
        <v>428</v>
      </c>
      <c r="AH17" s="315">
        <v>428</v>
      </c>
      <c r="AI17" s="309">
        <v>0</v>
      </c>
      <c r="AJ17" s="313">
        <v>0</v>
      </c>
      <c r="AK17" s="310">
        <v>0</v>
      </c>
      <c r="AL17" s="312">
        <v>0</v>
      </c>
      <c r="AM17" s="313">
        <v>6</v>
      </c>
      <c r="AN17" s="313">
        <v>7</v>
      </c>
      <c r="AO17" s="313">
        <v>9</v>
      </c>
      <c r="AP17" s="313">
        <v>3</v>
      </c>
      <c r="AQ17" s="313">
        <v>2</v>
      </c>
      <c r="AR17" s="310">
        <v>27</v>
      </c>
      <c r="AS17" s="315">
        <v>27</v>
      </c>
      <c r="AT17" s="309">
        <v>4</v>
      </c>
      <c r="AU17" s="313">
        <v>14</v>
      </c>
      <c r="AV17" s="310">
        <v>18</v>
      </c>
      <c r="AW17" s="312">
        <v>0</v>
      </c>
      <c r="AX17" s="313">
        <v>18</v>
      </c>
      <c r="AY17" s="313">
        <v>26</v>
      </c>
      <c r="AZ17" s="313">
        <v>14</v>
      </c>
      <c r="BA17" s="313">
        <v>9</v>
      </c>
      <c r="BB17" s="313">
        <v>5</v>
      </c>
      <c r="BC17" s="310">
        <v>72</v>
      </c>
      <c r="BD17" s="315">
        <v>90</v>
      </c>
      <c r="BE17" s="309">
        <v>0</v>
      </c>
      <c r="BF17" s="313">
        <v>1</v>
      </c>
      <c r="BG17" s="310">
        <v>1</v>
      </c>
      <c r="BH17" s="312">
        <v>0</v>
      </c>
      <c r="BI17" s="313">
        <v>43</v>
      </c>
      <c r="BJ17" s="313">
        <v>31</v>
      </c>
      <c r="BK17" s="313">
        <v>44</v>
      </c>
      <c r="BL17" s="313">
        <v>25</v>
      </c>
      <c r="BM17" s="313">
        <v>15</v>
      </c>
      <c r="BN17" s="314">
        <v>158</v>
      </c>
      <c r="BO17" s="315">
        <v>159</v>
      </c>
      <c r="BP17" s="309">
        <v>0</v>
      </c>
      <c r="BQ17" s="313">
        <v>0</v>
      </c>
      <c r="BR17" s="310">
        <v>0</v>
      </c>
      <c r="BS17" s="312">
        <v>0</v>
      </c>
      <c r="BT17" s="313">
        <v>0</v>
      </c>
      <c r="BU17" s="313">
        <v>0</v>
      </c>
      <c r="BV17" s="313">
        <v>0</v>
      </c>
      <c r="BW17" s="313">
        <v>0</v>
      </c>
      <c r="BX17" s="313">
        <v>0</v>
      </c>
      <c r="BY17" s="310">
        <v>0</v>
      </c>
      <c r="BZ17" s="315">
        <v>0</v>
      </c>
      <c r="CA17" s="309">
        <v>0</v>
      </c>
      <c r="CB17" s="313">
        <v>0</v>
      </c>
      <c r="CC17" s="310">
        <v>0</v>
      </c>
      <c r="CD17" s="312">
        <v>0</v>
      </c>
      <c r="CE17" s="313">
        <v>0</v>
      </c>
      <c r="CF17" s="313">
        <v>0</v>
      </c>
      <c r="CG17" s="313">
        <v>11</v>
      </c>
      <c r="CH17" s="313">
        <v>12</v>
      </c>
      <c r="CI17" s="313">
        <v>6</v>
      </c>
      <c r="CJ17" s="310">
        <v>29</v>
      </c>
      <c r="CK17" s="315">
        <v>29</v>
      </c>
      <c r="CL17" s="309">
        <v>0</v>
      </c>
      <c r="CM17" s="313">
        <v>0</v>
      </c>
      <c r="CN17" s="310">
        <v>0</v>
      </c>
      <c r="CO17" s="312">
        <v>0</v>
      </c>
      <c r="CP17" s="313">
        <v>0</v>
      </c>
      <c r="CQ17" s="313">
        <v>0</v>
      </c>
      <c r="CR17" s="313">
        <v>0</v>
      </c>
      <c r="CS17" s="313">
        <v>0</v>
      </c>
      <c r="CT17" s="313">
        <v>0</v>
      </c>
      <c r="CU17" s="310">
        <v>0</v>
      </c>
      <c r="CV17" s="315">
        <v>0</v>
      </c>
    </row>
    <row r="18" spans="1:100" ht="21" customHeight="1" x14ac:dyDescent="0.2">
      <c r="A18" s="294" t="s">
        <v>16</v>
      </c>
      <c r="B18" s="309">
        <v>0</v>
      </c>
      <c r="C18" s="310">
        <v>0</v>
      </c>
      <c r="D18" s="311">
        <v>0</v>
      </c>
      <c r="E18" s="312">
        <v>0</v>
      </c>
      <c r="F18" s="313">
        <v>12</v>
      </c>
      <c r="G18" s="313">
        <v>11</v>
      </c>
      <c r="H18" s="313">
        <v>9</v>
      </c>
      <c r="I18" s="313">
        <v>9</v>
      </c>
      <c r="J18" s="313">
        <v>4</v>
      </c>
      <c r="K18" s="314">
        <v>45</v>
      </c>
      <c r="L18" s="315">
        <v>45</v>
      </c>
      <c r="M18" s="309">
        <v>0</v>
      </c>
      <c r="N18" s="313">
        <v>0</v>
      </c>
      <c r="O18" s="310">
        <v>0</v>
      </c>
      <c r="P18" s="312">
        <v>0</v>
      </c>
      <c r="Q18" s="313">
        <v>1</v>
      </c>
      <c r="R18" s="313">
        <v>1</v>
      </c>
      <c r="S18" s="313">
        <v>3</v>
      </c>
      <c r="T18" s="313">
        <v>4</v>
      </c>
      <c r="U18" s="313">
        <v>0</v>
      </c>
      <c r="V18" s="310">
        <v>9</v>
      </c>
      <c r="W18" s="315">
        <v>9</v>
      </c>
      <c r="X18" s="309">
        <v>0</v>
      </c>
      <c r="Y18" s="313">
        <v>0</v>
      </c>
      <c r="Z18" s="310">
        <v>0</v>
      </c>
      <c r="AA18" s="312">
        <v>0</v>
      </c>
      <c r="AB18" s="313">
        <v>167</v>
      </c>
      <c r="AC18" s="313">
        <v>194</v>
      </c>
      <c r="AD18" s="313">
        <v>84</v>
      </c>
      <c r="AE18" s="313">
        <v>51</v>
      </c>
      <c r="AF18" s="313">
        <v>21</v>
      </c>
      <c r="AG18" s="310">
        <v>517</v>
      </c>
      <c r="AH18" s="315">
        <v>517</v>
      </c>
      <c r="AI18" s="309">
        <v>0</v>
      </c>
      <c r="AJ18" s="313">
        <v>0</v>
      </c>
      <c r="AK18" s="310">
        <v>0</v>
      </c>
      <c r="AL18" s="312">
        <v>0</v>
      </c>
      <c r="AM18" s="313">
        <v>4</v>
      </c>
      <c r="AN18" s="313">
        <v>11</v>
      </c>
      <c r="AO18" s="313">
        <v>8</v>
      </c>
      <c r="AP18" s="313">
        <v>3</v>
      </c>
      <c r="AQ18" s="313">
        <v>4</v>
      </c>
      <c r="AR18" s="310">
        <v>30</v>
      </c>
      <c r="AS18" s="315">
        <v>30</v>
      </c>
      <c r="AT18" s="309">
        <v>1</v>
      </c>
      <c r="AU18" s="313">
        <v>1</v>
      </c>
      <c r="AV18" s="310">
        <v>2</v>
      </c>
      <c r="AW18" s="312">
        <v>0</v>
      </c>
      <c r="AX18" s="313">
        <v>8</v>
      </c>
      <c r="AY18" s="313">
        <v>21</v>
      </c>
      <c r="AZ18" s="313">
        <v>14</v>
      </c>
      <c r="BA18" s="313">
        <v>10</v>
      </c>
      <c r="BB18" s="313">
        <v>12</v>
      </c>
      <c r="BC18" s="310">
        <v>65</v>
      </c>
      <c r="BD18" s="315">
        <v>67</v>
      </c>
      <c r="BE18" s="309">
        <v>0</v>
      </c>
      <c r="BF18" s="313">
        <v>0</v>
      </c>
      <c r="BG18" s="310">
        <v>0</v>
      </c>
      <c r="BH18" s="312">
        <v>0</v>
      </c>
      <c r="BI18" s="313">
        <v>23</v>
      </c>
      <c r="BJ18" s="313">
        <v>54</v>
      </c>
      <c r="BK18" s="313">
        <v>57</v>
      </c>
      <c r="BL18" s="313">
        <v>39</v>
      </c>
      <c r="BM18" s="313">
        <v>24</v>
      </c>
      <c r="BN18" s="314">
        <v>197</v>
      </c>
      <c r="BO18" s="315">
        <v>197</v>
      </c>
      <c r="BP18" s="309">
        <v>0</v>
      </c>
      <c r="BQ18" s="313">
        <v>0</v>
      </c>
      <c r="BR18" s="310">
        <v>0</v>
      </c>
      <c r="BS18" s="312">
        <v>0</v>
      </c>
      <c r="BT18" s="313">
        <v>0</v>
      </c>
      <c r="BU18" s="313">
        <v>0</v>
      </c>
      <c r="BV18" s="313">
        <v>0</v>
      </c>
      <c r="BW18" s="313">
        <v>0</v>
      </c>
      <c r="BX18" s="313">
        <v>0</v>
      </c>
      <c r="BY18" s="310">
        <v>0</v>
      </c>
      <c r="BZ18" s="315">
        <v>0</v>
      </c>
      <c r="CA18" s="309">
        <v>0</v>
      </c>
      <c r="CB18" s="313">
        <v>0</v>
      </c>
      <c r="CC18" s="310">
        <v>0</v>
      </c>
      <c r="CD18" s="312">
        <v>0</v>
      </c>
      <c r="CE18" s="313">
        <v>1</v>
      </c>
      <c r="CF18" s="313">
        <v>1</v>
      </c>
      <c r="CG18" s="313">
        <v>9</v>
      </c>
      <c r="CH18" s="313">
        <v>8</v>
      </c>
      <c r="CI18" s="313">
        <v>11</v>
      </c>
      <c r="CJ18" s="310">
        <v>30</v>
      </c>
      <c r="CK18" s="315">
        <v>30</v>
      </c>
      <c r="CL18" s="309">
        <v>0</v>
      </c>
      <c r="CM18" s="313">
        <v>0</v>
      </c>
      <c r="CN18" s="310">
        <v>0</v>
      </c>
      <c r="CO18" s="312">
        <v>0</v>
      </c>
      <c r="CP18" s="313">
        <v>1</v>
      </c>
      <c r="CQ18" s="313">
        <v>5</v>
      </c>
      <c r="CR18" s="313">
        <v>7</v>
      </c>
      <c r="CS18" s="313">
        <v>2</v>
      </c>
      <c r="CT18" s="313">
        <v>5</v>
      </c>
      <c r="CU18" s="310">
        <v>20</v>
      </c>
      <c r="CV18" s="315">
        <v>20</v>
      </c>
    </row>
    <row r="19" spans="1:100" ht="21" customHeight="1" x14ac:dyDescent="0.2">
      <c r="A19" s="294" t="s">
        <v>17</v>
      </c>
      <c r="B19" s="309">
        <v>0</v>
      </c>
      <c r="C19" s="310">
        <v>0</v>
      </c>
      <c r="D19" s="311">
        <v>0</v>
      </c>
      <c r="E19" s="312">
        <v>0</v>
      </c>
      <c r="F19" s="313">
        <v>3</v>
      </c>
      <c r="G19" s="313">
        <v>2</v>
      </c>
      <c r="H19" s="313">
        <v>1</v>
      </c>
      <c r="I19" s="313">
        <v>3</v>
      </c>
      <c r="J19" s="313">
        <v>0</v>
      </c>
      <c r="K19" s="314">
        <v>9</v>
      </c>
      <c r="L19" s="315">
        <v>9</v>
      </c>
      <c r="M19" s="309">
        <v>0</v>
      </c>
      <c r="N19" s="313">
        <v>0</v>
      </c>
      <c r="O19" s="310">
        <v>0</v>
      </c>
      <c r="P19" s="312">
        <v>0</v>
      </c>
      <c r="Q19" s="313">
        <v>0</v>
      </c>
      <c r="R19" s="313">
        <v>0</v>
      </c>
      <c r="S19" s="313">
        <v>0</v>
      </c>
      <c r="T19" s="313">
        <v>0</v>
      </c>
      <c r="U19" s="313">
        <v>0</v>
      </c>
      <c r="V19" s="310">
        <v>0</v>
      </c>
      <c r="W19" s="315">
        <v>0</v>
      </c>
      <c r="X19" s="309">
        <v>0</v>
      </c>
      <c r="Y19" s="313">
        <v>0</v>
      </c>
      <c r="Z19" s="310">
        <v>0</v>
      </c>
      <c r="AA19" s="312">
        <v>0</v>
      </c>
      <c r="AB19" s="313">
        <v>250</v>
      </c>
      <c r="AC19" s="313">
        <v>259</v>
      </c>
      <c r="AD19" s="313">
        <v>127</v>
      </c>
      <c r="AE19" s="313">
        <v>78</v>
      </c>
      <c r="AF19" s="313">
        <v>49</v>
      </c>
      <c r="AG19" s="310">
        <v>763</v>
      </c>
      <c r="AH19" s="315">
        <v>763</v>
      </c>
      <c r="AI19" s="309">
        <v>0</v>
      </c>
      <c r="AJ19" s="313">
        <v>2</v>
      </c>
      <c r="AK19" s="310">
        <v>2</v>
      </c>
      <c r="AL19" s="312">
        <v>0</v>
      </c>
      <c r="AM19" s="313">
        <v>23</v>
      </c>
      <c r="AN19" s="313">
        <v>28</v>
      </c>
      <c r="AO19" s="313">
        <v>23</v>
      </c>
      <c r="AP19" s="313">
        <v>10</v>
      </c>
      <c r="AQ19" s="313">
        <v>4</v>
      </c>
      <c r="AR19" s="310">
        <v>88</v>
      </c>
      <c r="AS19" s="315">
        <v>90</v>
      </c>
      <c r="AT19" s="309">
        <v>1</v>
      </c>
      <c r="AU19" s="313">
        <v>1</v>
      </c>
      <c r="AV19" s="310">
        <v>2</v>
      </c>
      <c r="AW19" s="312">
        <v>0</v>
      </c>
      <c r="AX19" s="313">
        <v>12</v>
      </c>
      <c r="AY19" s="313">
        <v>32</v>
      </c>
      <c r="AZ19" s="313">
        <v>26</v>
      </c>
      <c r="BA19" s="313">
        <v>32</v>
      </c>
      <c r="BB19" s="313">
        <v>13</v>
      </c>
      <c r="BC19" s="310">
        <v>115</v>
      </c>
      <c r="BD19" s="315">
        <v>117</v>
      </c>
      <c r="BE19" s="309">
        <v>0</v>
      </c>
      <c r="BF19" s="313">
        <v>0</v>
      </c>
      <c r="BG19" s="310">
        <v>0</v>
      </c>
      <c r="BH19" s="312">
        <v>0</v>
      </c>
      <c r="BI19" s="313">
        <v>51</v>
      </c>
      <c r="BJ19" s="313">
        <v>67</v>
      </c>
      <c r="BK19" s="313">
        <v>60</v>
      </c>
      <c r="BL19" s="313">
        <v>34</v>
      </c>
      <c r="BM19" s="313">
        <v>20</v>
      </c>
      <c r="BN19" s="314">
        <v>232</v>
      </c>
      <c r="BO19" s="315">
        <v>232</v>
      </c>
      <c r="BP19" s="309">
        <v>0</v>
      </c>
      <c r="BQ19" s="313">
        <v>0</v>
      </c>
      <c r="BR19" s="310">
        <v>0</v>
      </c>
      <c r="BS19" s="312">
        <v>0</v>
      </c>
      <c r="BT19" s="313">
        <v>0</v>
      </c>
      <c r="BU19" s="313">
        <v>0</v>
      </c>
      <c r="BV19" s="313">
        <v>0</v>
      </c>
      <c r="BW19" s="313">
        <v>0</v>
      </c>
      <c r="BX19" s="313">
        <v>0</v>
      </c>
      <c r="BY19" s="310">
        <v>0</v>
      </c>
      <c r="BZ19" s="315">
        <v>0</v>
      </c>
      <c r="CA19" s="309">
        <v>0</v>
      </c>
      <c r="CB19" s="313">
        <v>0</v>
      </c>
      <c r="CC19" s="310">
        <v>0</v>
      </c>
      <c r="CD19" s="312">
        <v>0</v>
      </c>
      <c r="CE19" s="313">
        <v>1</v>
      </c>
      <c r="CF19" s="313">
        <v>2</v>
      </c>
      <c r="CG19" s="313">
        <v>30</v>
      </c>
      <c r="CH19" s="313">
        <v>26</v>
      </c>
      <c r="CI19" s="313">
        <v>43</v>
      </c>
      <c r="CJ19" s="310">
        <v>102</v>
      </c>
      <c r="CK19" s="315">
        <v>102</v>
      </c>
      <c r="CL19" s="309">
        <v>0</v>
      </c>
      <c r="CM19" s="313">
        <v>0</v>
      </c>
      <c r="CN19" s="310">
        <v>0</v>
      </c>
      <c r="CO19" s="312">
        <v>0</v>
      </c>
      <c r="CP19" s="313">
        <v>4</v>
      </c>
      <c r="CQ19" s="313">
        <v>0</v>
      </c>
      <c r="CR19" s="313">
        <v>2</v>
      </c>
      <c r="CS19" s="313">
        <v>3</v>
      </c>
      <c r="CT19" s="313">
        <v>7</v>
      </c>
      <c r="CU19" s="310">
        <v>16</v>
      </c>
      <c r="CV19" s="315">
        <v>16</v>
      </c>
    </row>
    <row r="20" spans="1:100" ht="21" customHeight="1" x14ac:dyDescent="0.2">
      <c r="A20" s="294" t="s">
        <v>18</v>
      </c>
      <c r="B20" s="309">
        <v>0</v>
      </c>
      <c r="C20" s="310">
        <v>0</v>
      </c>
      <c r="D20" s="311">
        <v>0</v>
      </c>
      <c r="E20" s="312">
        <v>0</v>
      </c>
      <c r="F20" s="313">
        <v>2</v>
      </c>
      <c r="G20" s="313">
        <v>1</v>
      </c>
      <c r="H20" s="313">
        <v>3</v>
      </c>
      <c r="I20" s="313">
        <v>1</v>
      </c>
      <c r="J20" s="313">
        <v>3</v>
      </c>
      <c r="K20" s="314">
        <v>10</v>
      </c>
      <c r="L20" s="315">
        <v>10</v>
      </c>
      <c r="M20" s="309">
        <v>0</v>
      </c>
      <c r="N20" s="313">
        <v>0</v>
      </c>
      <c r="O20" s="310">
        <v>0</v>
      </c>
      <c r="P20" s="312">
        <v>0</v>
      </c>
      <c r="Q20" s="313">
        <v>0</v>
      </c>
      <c r="R20" s="313">
        <v>0</v>
      </c>
      <c r="S20" s="313">
        <v>0</v>
      </c>
      <c r="T20" s="313">
        <v>0</v>
      </c>
      <c r="U20" s="313">
        <v>0</v>
      </c>
      <c r="V20" s="310">
        <v>0</v>
      </c>
      <c r="W20" s="315">
        <v>0</v>
      </c>
      <c r="X20" s="309">
        <v>0</v>
      </c>
      <c r="Y20" s="313">
        <v>0</v>
      </c>
      <c r="Z20" s="310">
        <v>0</v>
      </c>
      <c r="AA20" s="312">
        <v>0</v>
      </c>
      <c r="AB20" s="313">
        <v>306</v>
      </c>
      <c r="AC20" s="313">
        <v>246</v>
      </c>
      <c r="AD20" s="313">
        <v>92</v>
      </c>
      <c r="AE20" s="313">
        <v>41</v>
      </c>
      <c r="AF20" s="313">
        <v>13</v>
      </c>
      <c r="AG20" s="310">
        <v>698</v>
      </c>
      <c r="AH20" s="315">
        <v>698</v>
      </c>
      <c r="AI20" s="309">
        <v>0</v>
      </c>
      <c r="AJ20" s="313">
        <v>0</v>
      </c>
      <c r="AK20" s="310">
        <v>0</v>
      </c>
      <c r="AL20" s="312">
        <v>0</v>
      </c>
      <c r="AM20" s="313">
        <v>5</v>
      </c>
      <c r="AN20" s="313">
        <v>6</v>
      </c>
      <c r="AO20" s="313">
        <v>17</v>
      </c>
      <c r="AP20" s="313">
        <v>11</v>
      </c>
      <c r="AQ20" s="313">
        <v>20</v>
      </c>
      <c r="AR20" s="310">
        <v>59</v>
      </c>
      <c r="AS20" s="315">
        <v>59</v>
      </c>
      <c r="AT20" s="309">
        <v>12</v>
      </c>
      <c r="AU20" s="313">
        <v>5</v>
      </c>
      <c r="AV20" s="310">
        <v>17</v>
      </c>
      <c r="AW20" s="312">
        <v>0</v>
      </c>
      <c r="AX20" s="313">
        <v>43</v>
      </c>
      <c r="AY20" s="313">
        <v>54</v>
      </c>
      <c r="AZ20" s="313">
        <v>32</v>
      </c>
      <c r="BA20" s="313">
        <v>16</v>
      </c>
      <c r="BB20" s="313">
        <v>6</v>
      </c>
      <c r="BC20" s="310">
        <v>151</v>
      </c>
      <c r="BD20" s="315">
        <v>168</v>
      </c>
      <c r="BE20" s="309">
        <v>0</v>
      </c>
      <c r="BF20" s="313">
        <v>1</v>
      </c>
      <c r="BG20" s="310">
        <v>1</v>
      </c>
      <c r="BH20" s="312">
        <v>0</v>
      </c>
      <c r="BI20" s="313">
        <v>52</v>
      </c>
      <c r="BJ20" s="313">
        <v>101</v>
      </c>
      <c r="BK20" s="313">
        <v>87</v>
      </c>
      <c r="BL20" s="313">
        <v>47</v>
      </c>
      <c r="BM20" s="313">
        <v>23</v>
      </c>
      <c r="BN20" s="314">
        <v>310</v>
      </c>
      <c r="BO20" s="315">
        <v>311</v>
      </c>
      <c r="BP20" s="309">
        <v>0</v>
      </c>
      <c r="BQ20" s="313">
        <v>0</v>
      </c>
      <c r="BR20" s="310">
        <v>0</v>
      </c>
      <c r="BS20" s="312">
        <v>0</v>
      </c>
      <c r="BT20" s="313">
        <v>0</v>
      </c>
      <c r="BU20" s="313">
        <v>0</v>
      </c>
      <c r="BV20" s="313">
        <v>0</v>
      </c>
      <c r="BW20" s="313">
        <v>0</v>
      </c>
      <c r="BX20" s="313">
        <v>0</v>
      </c>
      <c r="BY20" s="310">
        <v>0</v>
      </c>
      <c r="BZ20" s="315">
        <v>0</v>
      </c>
      <c r="CA20" s="309">
        <v>0</v>
      </c>
      <c r="CB20" s="313">
        <v>0</v>
      </c>
      <c r="CC20" s="310">
        <v>0</v>
      </c>
      <c r="CD20" s="312">
        <v>0</v>
      </c>
      <c r="CE20" s="313">
        <v>0</v>
      </c>
      <c r="CF20" s="313">
        <v>2</v>
      </c>
      <c r="CG20" s="313">
        <v>9</v>
      </c>
      <c r="CH20" s="313">
        <v>14</v>
      </c>
      <c r="CI20" s="313">
        <v>4</v>
      </c>
      <c r="CJ20" s="310">
        <v>29</v>
      </c>
      <c r="CK20" s="315">
        <v>29</v>
      </c>
      <c r="CL20" s="309">
        <v>0</v>
      </c>
      <c r="CM20" s="313">
        <v>0</v>
      </c>
      <c r="CN20" s="310">
        <v>0</v>
      </c>
      <c r="CO20" s="312">
        <v>0</v>
      </c>
      <c r="CP20" s="313">
        <v>7</v>
      </c>
      <c r="CQ20" s="313">
        <v>8</v>
      </c>
      <c r="CR20" s="313">
        <v>14</v>
      </c>
      <c r="CS20" s="313">
        <v>15</v>
      </c>
      <c r="CT20" s="313">
        <v>13</v>
      </c>
      <c r="CU20" s="310">
        <v>57</v>
      </c>
      <c r="CV20" s="315">
        <v>57</v>
      </c>
    </row>
    <row r="21" spans="1:100" ht="21" customHeight="1" x14ac:dyDescent="0.2">
      <c r="A21" s="294" t="s">
        <v>19</v>
      </c>
      <c r="B21" s="309">
        <v>0</v>
      </c>
      <c r="C21" s="310">
        <v>0</v>
      </c>
      <c r="D21" s="311">
        <v>0</v>
      </c>
      <c r="E21" s="312">
        <v>0</v>
      </c>
      <c r="F21" s="313">
        <v>11</v>
      </c>
      <c r="G21" s="313">
        <v>10</v>
      </c>
      <c r="H21" s="313">
        <v>3</v>
      </c>
      <c r="I21" s="313">
        <v>5</v>
      </c>
      <c r="J21" s="313">
        <v>3</v>
      </c>
      <c r="K21" s="314">
        <v>32</v>
      </c>
      <c r="L21" s="315">
        <v>32</v>
      </c>
      <c r="M21" s="309">
        <v>0</v>
      </c>
      <c r="N21" s="313">
        <v>0</v>
      </c>
      <c r="O21" s="310">
        <v>0</v>
      </c>
      <c r="P21" s="312">
        <v>0</v>
      </c>
      <c r="Q21" s="313">
        <v>3</v>
      </c>
      <c r="R21" s="313">
        <v>4</v>
      </c>
      <c r="S21" s="313">
        <v>4</v>
      </c>
      <c r="T21" s="313">
        <v>1</v>
      </c>
      <c r="U21" s="313">
        <v>1</v>
      </c>
      <c r="V21" s="310">
        <v>13</v>
      </c>
      <c r="W21" s="315">
        <v>13</v>
      </c>
      <c r="X21" s="309">
        <v>0</v>
      </c>
      <c r="Y21" s="313">
        <v>0</v>
      </c>
      <c r="Z21" s="310">
        <v>0</v>
      </c>
      <c r="AA21" s="312">
        <v>0</v>
      </c>
      <c r="AB21" s="313">
        <v>139</v>
      </c>
      <c r="AC21" s="313">
        <v>129</v>
      </c>
      <c r="AD21" s="313">
        <v>58</v>
      </c>
      <c r="AE21" s="313">
        <v>21</v>
      </c>
      <c r="AF21" s="313">
        <v>14</v>
      </c>
      <c r="AG21" s="310">
        <v>361</v>
      </c>
      <c r="AH21" s="315">
        <v>361</v>
      </c>
      <c r="AI21" s="309">
        <v>0</v>
      </c>
      <c r="AJ21" s="313">
        <v>0</v>
      </c>
      <c r="AK21" s="310">
        <v>0</v>
      </c>
      <c r="AL21" s="312">
        <v>0</v>
      </c>
      <c r="AM21" s="313">
        <v>10</v>
      </c>
      <c r="AN21" s="313">
        <v>25</v>
      </c>
      <c r="AO21" s="313">
        <v>17</v>
      </c>
      <c r="AP21" s="313">
        <v>0</v>
      </c>
      <c r="AQ21" s="313">
        <v>4</v>
      </c>
      <c r="AR21" s="310">
        <v>56</v>
      </c>
      <c r="AS21" s="315">
        <v>56</v>
      </c>
      <c r="AT21" s="309">
        <v>0</v>
      </c>
      <c r="AU21" s="313">
        <v>4</v>
      </c>
      <c r="AV21" s="310">
        <v>4</v>
      </c>
      <c r="AW21" s="312">
        <v>0</v>
      </c>
      <c r="AX21" s="313">
        <v>23</v>
      </c>
      <c r="AY21" s="313">
        <v>29</v>
      </c>
      <c r="AZ21" s="313">
        <v>26</v>
      </c>
      <c r="BA21" s="313">
        <v>15</v>
      </c>
      <c r="BB21" s="313">
        <v>17</v>
      </c>
      <c r="BC21" s="310">
        <v>110</v>
      </c>
      <c r="BD21" s="315">
        <v>114</v>
      </c>
      <c r="BE21" s="309">
        <v>0</v>
      </c>
      <c r="BF21" s="313">
        <v>1</v>
      </c>
      <c r="BG21" s="310">
        <v>1</v>
      </c>
      <c r="BH21" s="312">
        <v>0</v>
      </c>
      <c r="BI21" s="313">
        <v>13</v>
      </c>
      <c r="BJ21" s="313">
        <v>20</v>
      </c>
      <c r="BK21" s="313">
        <v>24</v>
      </c>
      <c r="BL21" s="313">
        <v>15</v>
      </c>
      <c r="BM21" s="313">
        <v>8</v>
      </c>
      <c r="BN21" s="314">
        <v>80</v>
      </c>
      <c r="BO21" s="315">
        <v>81</v>
      </c>
      <c r="BP21" s="309">
        <v>0</v>
      </c>
      <c r="BQ21" s="313">
        <v>0</v>
      </c>
      <c r="BR21" s="310">
        <v>0</v>
      </c>
      <c r="BS21" s="312">
        <v>0</v>
      </c>
      <c r="BT21" s="313">
        <v>0</v>
      </c>
      <c r="BU21" s="313">
        <v>0</v>
      </c>
      <c r="BV21" s="313">
        <v>0</v>
      </c>
      <c r="BW21" s="313">
        <v>0</v>
      </c>
      <c r="BX21" s="313">
        <v>0</v>
      </c>
      <c r="BY21" s="310">
        <v>0</v>
      </c>
      <c r="BZ21" s="315">
        <v>0</v>
      </c>
      <c r="CA21" s="309">
        <v>0</v>
      </c>
      <c r="CB21" s="313">
        <v>0</v>
      </c>
      <c r="CC21" s="310">
        <v>0</v>
      </c>
      <c r="CD21" s="312">
        <v>0</v>
      </c>
      <c r="CE21" s="313">
        <v>0</v>
      </c>
      <c r="CF21" s="313">
        <v>0</v>
      </c>
      <c r="CG21" s="313">
        <v>0</v>
      </c>
      <c r="CH21" s="313">
        <v>0</v>
      </c>
      <c r="CI21" s="313">
        <v>0</v>
      </c>
      <c r="CJ21" s="310">
        <v>0</v>
      </c>
      <c r="CK21" s="315">
        <v>0</v>
      </c>
      <c r="CL21" s="309">
        <v>0</v>
      </c>
      <c r="CM21" s="313">
        <v>0</v>
      </c>
      <c r="CN21" s="310">
        <v>0</v>
      </c>
      <c r="CO21" s="312">
        <v>0</v>
      </c>
      <c r="CP21" s="313">
        <v>3</v>
      </c>
      <c r="CQ21" s="313">
        <v>1</v>
      </c>
      <c r="CR21" s="313">
        <v>1</v>
      </c>
      <c r="CS21" s="313">
        <v>4</v>
      </c>
      <c r="CT21" s="313">
        <v>8</v>
      </c>
      <c r="CU21" s="310">
        <v>17</v>
      </c>
      <c r="CV21" s="315">
        <v>17</v>
      </c>
    </row>
    <row r="22" spans="1:100" ht="21" customHeight="1" x14ac:dyDescent="0.2">
      <c r="A22" s="294" t="s">
        <v>20</v>
      </c>
      <c r="B22" s="309">
        <v>0</v>
      </c>
      <c r="C22" s="310">
        <v>0</v>
      </c>
      <c r="D22" s="311">
        <v>0</v>
      </c>
      <c r="E22" s="312">
        <v>0</v>
      </c>
      <c r="F22" s="313">
        <v>1</v>
      </c>
      <c r="G22" s="313">
        <v>0</v>
      </c>
      <c r="H22" s="313">
        <v>0</v>
      </c>
      <c r="I22" s="313">
        <v>0</v>
      </c>
      <c r="J22" s="313">
        <v>0</v>
      </c>
      <c r="K22" s="314">
        <v>1</v>
      </c>
      <c r="L22" s="315">
        <v>1</v>
      </c>
      <c r="M22" s="309">
        <v>0</v>
      </c>
      <c r="N22" s="313">
        <v>0</v>
      </c>
      <c r="O22" s="310">
        <v>0</v>
      </c>
      <c r="P22" s="312">
        <v>0</v>
      </c>
      <c r="Q22" s="313">
        <v>0</v>
      </c>
      <c r="R22" s="313">
        <v>0</v>
      </c>
      <c r="S22" s="313">
        <v>0</v>
      </c>
      <c r="T22" s="313">
        <v>0</v>
      </c>
      <c r="U22" s="313">
        <v>0</v>
      </c>
      <c r="V22" s="310">
        <v>0</v>
      </c>
      <c r="W22" s="315">
        <v>0</v>
      </c>
      <c r="X22" s="309">
        <v>0</v>
      </c>
      <c r="Y22" s="313">
        <v>0</v>
      </c>
      <c r="Z22" s="310">
        <v>0</v>
      </c>
      <c r="AA22" s="312">
        <v>0</v>
      </c>
      <c r="AB22" s="313">
        <v>187</v>
      </c>
      <c r="AC22" s="313">
        <v>88</v>
      </c>
      <c r="AD22" s="313">
        <v>38</v>
      </c>
      <c r="AE22" s="313">
        <v>22</v>
      </c>
      <c r="AF22" s="313">
        <v>8</v>
      </c>
      <c r="AG22" s="310">
        <v>343</v>
      </c>
      <c r="AH22" s="315">
        <v>343</v>
      </c>
      <c r="AI22" s="309">
        <v>0</v>
      </c>
      <c r="AJ22" s="313">
        <v>0</v>
      </c>
      <c r="AK22" s="310">
        <v>0</v>
      </c>
      <c r="AL22" s="312">
        <v>0</v>
      </c>
      <c r="AM22" s="313">
        <v>2</v>
      </c>
      <c r="AN22" s="313">
        <v>4</v>
      </c>
      <c r="AO22" s="313">
        <v>2</v>
      </c>
      <c r="AP22" s="313">
        <v>3</v>
      </c>
      <c r="AQ22" s="313">
        <v>2</v>
      </c>
      <c r="AR22" s="310">
        <v>13</v>
      </c>
      <c r="AS22" s="315">
        <v>13</v>
      </c>
      <c r="AT22" s="309">
        <v>1</v>
      </c>
      <c r="AU22" s="313">
        <v>2</v>
      </c>
      <c r="AV22" s="310">
        <v>3</v>
      </c>
      <c r="AW22" s="312">
        <v>0</v>
      </c>
      <c r="AX22" s="313">
        <v>9</v>
      </c>
      <c r="AY22" s="313">
        <v>11</v>
      </c>
      <c r="AZ22" s="313">
        <v>6</v>
      </c>
      <c r="BA22" s="313">
        <v>6</v>
      </c>
      <c r="BB22" s="313">
        <v>1</v>
      </c>
      <c r="BC22" s="310">
        <v>33</v>
      </c>
      <c r="BD22" s="315">
        <v>36</v>
      </c>
      <c r="BE22" s="309">
        <v>0</v>
      </c>
      <c r="BF22" s="313">
        <v>0</v>
      </c>
      <c r="BG22" s="310">
        <v>0</v>
      </c>
      <c r="BH22" s="312">
        <v>0</v>
      </c>
      <c r="BI22" s="313">
        <v>29</v>
      </c>
      <c r="BJ22" s="313">
        <v>22</v>
      </c>
      <c r="BK22" s="313">
        <v>36</v>
      </c>
      <c r="BL22" s="313">
        <v>28</v>
      </c>
      <c r="BM22" s="313">
        <v>9</v>
      </c>
      <c r="BN22" s="314">
        <v>124</v>
      </c>
      <c r="BO22" s="315">
        <v>124</v>
      </c>
      <c r="BP22" s="309">
        <v>0</v>
      </c>
      <c r="BQ22" s="313">
        <v>0</v>
      </c>
      <c r="BR22" s="310">
        <v>0</v>
      </c>
      <c r="BS22" s="312">
        <v>0</v>
      </c>
      <c r="BT22" s="313">
        <v>0</v>
      </c>
      <c r="BU22" s="313">
        <v>0</v>
      </c>
      <c r="BV22" s="313">
        <v>0</v>
      </c>
      <c r="BW22" s="313">
        <v>0</v>
      </c>
      <c r="BX22" s="313">
        <v>0</v>
      </c>
      <c r="BY22" s="310">
        <v>0</v>
      </c>
      <c r="BZ22" s="315">
        <v>0</v>
      </c>
      <c r="CA22" s="309">
        <v>0</v>
      </c>
      <c r="CB22" s="313">
        <v>0</v>
      </c>
      <c r="CC22" s="310">
        <v>0</v>
      </c>
      <c r="CD22" s="312">
        <v>0</v>
      </c>
      <c r="CE22" s="313">
        <v>0</v>
      </c>
      <c r="CF22" s="313">
        <v>0</v>
      </c>
      <c r="CG22" s="313">
        <v>0</v>
      </c>
      <c r="CH22" s="313">
        <v>1</v>
      </c>
      <c r="CI22" s="313">
        <v>0</v>
      </c>
      <c r="CJ22" s="310">
        <v>1</v>
      </c>
      <c r="CK22" s="315">
        <v>1</v>
      </c>
      <c r="CL22" s="309">
        <v>0</v>
      </c>
      <c r="CM22" s="313">
        <v>0</v>
      </c>
      <c r="CN22" s="310">
        <v>0</v>
      </c>
      <c r="CO22" s="312">
        <v>0</v>
      </c>
      <c r="CP22" s="313">
        <v>0</v>
      </c>
      <c r="CQ22" s="313">
        <v>0</v>
      </c>
      <c r="CR22" s="313">
        <v>0</v>
      </c>
      <c r="CS22" s="313">
        <v>0</v>
      </c>
      <c r="CT22" s="313">
        <v>0</v>
      </c>
      <c r="CU22" s="310">
        <v>0</v>
      </c>
      <c r="CV22" s="315">
        <v>0</v>
      </c>
    </row>
    <row r="23" spans="1:100" ht="21" customHeight="1" x14ac:dyDescent="0.2">
      <c r="A23" s="294" t="s">
        <v>21</v>
      </c>
      <c r="B23" s="309">
        <v>0</v>
      </c>
      <c r="C23" s="310">
        <v>0</v>
      </c>
      <c r="D23" s="311">
        <v>0</v>
      </c>
      <c r="E23" s="312">
        <v>0</v>
      </c>
      <c r="F23" s="313">
        <v>1</v>
      </c>
      <c r="G23" s="313">
        <v>4</v>
      </c>
      <c r="H23" s="313">
        <v>1</v>
      </c>
      <c r="I23" s="313">
        <v>2</v>
      </c>
      <c r="J23" s="313">
        <v>1</v>
      </c>
      <c r="K23" s="314">
        <v>9</v>
      </c>
      <c r="L23" s="315">
        <v>9</v>
      </c>
      <c r="M23" s="309">
        <v>0</v>
      </c>
      <c r="N23" s="313">
        <v>0</v>
      </c>
      <c r="O23" s="310">
        <v>0</v>
      </c>
      <c r="P23" s="312">
        <v>0</v>
      </c>
      <c r="Q23" s="313">
        <v>0</v>
      </c>
      <c r="R23" s="313">
        <v>0</v>
      </c>
      <c r="S23" s="313">
        <v>0</v>
      </c>
      <c r="T23" s="313">
        <v>0</v>
      </c>
      <c r="U23" s="313">
        <v>0</v>
      </c>
      <c r="V23" s="310">
        <v>0</v>
      </c>
      <c r="W23" s="315">
        <v>0</v>
      </c>
      <c r="X23" s="309">
        <v>0</v>
      </c>
      <c r="Y23" s="313">
        <v>0</v>
      </c>
      <c r="Z23" s="310">
        <v>0</v>
      </c>
      <c r="AA23" s="312">
        <v>0</v>
      </c>
      <c r="AB23" s="313">
        <v>192</v>
      </c>
      <c r="AC23" s="313">
        <v>191</v>
      </c>
      <c r="AD23" s="313">
        <v>74</v>
      </c>
      <c r="AE23" s="313">
        <v>29</v>
      </c>
      <c r="AF23" s="313">
        <v>16</v>
      </c>
      <c r="AG23" s="310">
        <v>502</v>
      </c>
      <c r="AH23" s="315">
        <v>502</v>
      </c>
      <c r="AI23" s="309">
        <v>0</v>
      </c>
      <c r="AJ23" s="313">
        <v>0</v>
      </c>
      <c r="AK23" s="310">
        <v>0</v>
      </c>
      <c r="AL23" s="312">
        <v>0</v>
      </c>
      <c r="AM23" s="313">
        <v>0</v>
      </c>
      <c r="AN23" s="313">
        <v>0</v>
      </c>
      <c r="AO23" s="313">
        <v>0</v>
      </c>
      <c r="AP23" s="313">
        <v>0</v>
      </c>
      <c r="AQ23" s="313">
        <v>0</v>
      </c>
      <c r="AR23" s="310">
        <v>0</v>
      </c>
      <c r="AS23" s="315">
        <v>0</v>
      </c>
      <c r="AT23" s="309">
        <v>1</v>
      </c>
      <c r="AU23" s="313">
        <v>1</v>
      </c>
      <c r="AV23" s="310">
        <v>2</v>
      </c>
      <c r="AW23" s="312">
        <v>0</v>
      </c>
      <c r="AX23" s="313">
        <v>10</v>
      </c>
      <c r="AY23" s="313">
        <v>9</v>
      </c>
      <c r="AZ23" s="313">
        <v>15</v>
      </c>
      <c r="BA23" s="313">
        <v>11</v>
      </c>
      <c r="BB23" s="313">
        <v>5</v>
      </c>
      <c r="BC23" s="310">
        <v>50</v>
      </c>
      <c r="BD23" s="315">
        <v>52</v>
      </c>
      <c r="BE23" s="309">
        <v>0</v>
      </c>
      <c r="BF23" s="313">
        <v>0</v>
      </c>
      <c r="BG23" s="310">
        <v>0</v>
      </c>
      <c r="BH23" s="312">
        <v>0</v>
      </c>
      <c r="BI23" s="313">
        <v>20</v>
      </c>
      <c r="BJ23" s="313">
        <v>30</v>
      </c>
      <c r="BK23" s="313">
        <v>30</v>
      </c>
      <c r="BL23" s="313">
        <v>11</v>
      </c>
      <c r="BM23" s="313">
        <v>9</v>
      </c>
      <c r="BN23" s="314">
        <v>100</v>
      </c>
      <c r="BO23" s="315">
        <v>100</v>
      </c>
      <c r="BP23" s="309">
        <v>0</v>
      </c>
      <c r="BQ23" s="313">
        <v>0</v>
      </c>
      <c r="BR23" s="310">
        <v>0</v>
      </c>
      <c r="BS23" s="312">
        <v>0</v>
      </c>
      <c r="BT23" s="313">
        <v>0</v>
      </c>
      <c r="BU23" s="313">
        <v>0</v>
      </c>
      <c r="BV23" s="313">
        <v>0</v>
      </c>
      <c r="BW23" s="313">
        <v>0</v>
      </c>
      <c r="BX23" s="313">
        <v>0</v>
      </c>
      <c r="BY23" s="310">
        <v>0</v>
      </c>
      <c r="BZ23" s="315">
        <v>0</v>
      </c>
      <c r="CA23" s="309">
        <v>0</v>
      </c>
      <c r="CB23" s="313">
        <v>0</v>
      </c>
      <c r="CC23" s="310">
        <v>0</v>
      </c>
      <c r="CD23" s="312">
        <v>0</v>
      </c>
      <c r="CE23" s="313">
        <v>0</v>
      </c>
      <c r="CF23" s="313">
        <v>0</v>
      </c>
      <c r="CG23" s="313">
        <v>0</v>
      </c>
      <c r="CH23" s="313">
        <v>0</v>
      </c>
      <c r="CI23" s="313">
        <v>0</v>
      </c>
      <c r="CJ23" s="310">
        <v>0</v>
      </c>
      <c r="CK23" s="315">
        <v>0</v>
      </c>
      <c r="CL23" s="309">
        <v>0</v>
      </c>
      <c r="CM23" s="313">
        <v>0</v>
      </c>
      <c r="CN23" s="310">
        <v>0</v>
      </c>
      <c r="CO23" s="312">
        <v>0</v>
      </c>
      <c r="CP23" s="313">
        <v>3</v>
      </c>
      <c r="CQ23" s="313">
        <v>3</v>
      </c>
      <c r="CR23" s="313">
        <v>4</v>
      </c>
      <c r="CS23" s="313">
        <v>2</v>
      </c>
      <c r="CT23" s="313">
        <v>4</v>
      </c>
      <c r="CU23" s="310">
        <v>16</v>
      </c>
      <c r="CV23" s="315">
        <v>16</v>
      </c>
    </row>
    <row r="24" spans="1:100" ht="21" customHeight="1" x14ac:dyDescent="0.2">
      <c r="A24" s="294" t="s">
        <v>22</v>
      </c>
      <c r="B24" s="309">
        <v>0</v>
      </c>
      <c r="C24" s="310">
        <v>0</v>
      </c>
      <c r="D24" s="311">
        <v>0</v>
      </c>
      <c r="E24" s="312">
        <v>0</v>
      </c>
      <c r="F24" s="313">
        <v>4</v>
      </c>
      <c r="G24" s="313">
        <v>5</v>
      </c>
      <c r="H24" s="313">
        <v>3</v>
      </c>
      <c r="I24" s="313">
        <v>1</v>
      </c>
      <c r="J24" s="313">
        <v>0</v>
      </c>
      <c r="K24" s="314">
        <v>13</v>
      </c>
      <c r="L24" s="315">
        <v>13</v>
      </c>
      <c r="M24" s="309">
        <v>0</v>
      </c>
      <c r="N24" s="313">
        <v>0</v>
      </c>
      <c r="O24" s="310">
        <v>0</v>
      </c>
      <c r="P24" s="312">
        <v>0</v>
      </c>
      <c r="Q24" s="313">
        <v>0</v>
      </c>
      <c r="R24" s="313">
        <v>0</v>
      </c>
      <c r="S24" s="313">
        <v>0</v>
      </c>
      <c r="T24" s="313">
        <v>0</v>
      </c>
      <c r="U24" s="313">
        <v>0</v>
      </c>
      <c r="V24" s="310">
        <v>0</v>
      </c>
      <c r="W24" s="315">
        <v>0</v>
      </c>
      <c r="X24" s="309">
        <v>0</v>
      </c>
      <c r="Y24" s="313">
        <v>0</v>
      </c>
      <c r="Z24" s="310">
        <v>0</v>
      </c>
      <c r="AA24" s="312">
        <v>0</v>
      </c>
      <c r="AB24" s="313">
        <v>129</v>
      </c>
      <c r="AC24" s="313">
        <v>95</v>
      </c>
      <c r="AD24" s="313">
        <v>36</v>
      </c>
      <c r="AE24" s="313">
        <v>19</v>
      </c>
      <c r="AF24" s="313">
        <v>7</v>
      </c>
      <c r="AG24" s="310">
        <v>286</v>
      </c>
      <c r="AH24" s="315">
        <v>286</v>
      </c>
      <c r="AI24" s="309">
        <v>1</v>
      </c>
      <c r="AJ24" s="313">
        <v>0</v>
      </c>
      <c r="AK24" s="310">
        <v>1</v>
      </c>
      <c r="AL24" s="312">
        <v>0</v>
      </c>
      <c r="AM24" s="313">
        <v>8</v>
      </c>
      <c r="AN24" s="313">
        <v>9</v>
      </c>
      <c r="AO24" s="313">
        <v>4</v>
      </c>
      <c r="AP24" s="313">
        <v>2</v>
      </c>
      <c r="AQ24" s="313">
        <v>1</v>
      </c>
      <c r="AR24" s="310">
        <v>24</v>
      </c>
      <c r="AS24" s="315">
        <v>25</v>
      </c>
      <c r="AT24" s="309">
        <v>3</v>
      </c>
      <c r="AU24" s="313">
        <v>4</v>
      </c>
      <c r="AV24" s="310">
        <v>7</v>
      </c>
      <c r="AW24" s="312">
        <v>0</v>
      </c>
      <c r="AX24" s="313">
        <v>24</v>
      </c>
      <c r="AY24" s="313">
        <v>14</v>
      </c>
      <c r="AZ24" s="313">
        <v>14</v>
      </c>
      <c r="BA24" s="313">
        <v>7</v>
      </c>
      <c r="BB24" s="313">
        <v>4</v>
      </c>
      <c r="BC24" s="310">
        <v>63</v>
      </c>
      <c r="BD24" s="315">
        <v>70</v>
      </c>
      <c r="BE24" s="309">
        <v>0</v>
      </c>
      <c r="BF24" s="313">
        <v>0</v>
      </c>
      <c r="BG24" s="310">
        <v>0</v>
      </c>
      <c r="BH24" s="312">
        <v>0</v>
      </c>
      <c r="BI24" s="313">
        <v>11</v>
      </c>
      <c r="BJ24" s="313">
        <v>13</v>
      </c>
      <c r="BK24" s="313">
        <v>12</v>
      </c>
      <c r="BL24" s="313">
        <v>10</v>
      </c>
      <c r="BM24" s="313">
        <v>7</v>
      </c>
      <c r="BN24" s="314">
        <v>53</v>
      </c>
      <c r="BO24" s="315">
        <v>53</v>
      </c>
      <c r="BP24" s="309">
        <v>0</v>
      </c>
      <c r="BQ24" s="313">
        <v>0</v>
      </c>
      <c r="BR24" s="310">
        <v>0</v>
      </c>
      <c r="BS24" s="312">
        <v>0</v>
      </c>
      <c r="BT24" s="313">
        <v>0</v>
      </c>
      <c r="BU24" s="313">
        <v>0</v>
      </c>
      <c r="BV24" s="313">
        <v>0</v>
      </c>
      <c r="BW24" s="313">
        <v>0</v>
      </c>
      <c r="BX24" s="313">
        <v>0</v>
      </c>
      <c r="BY24" s="310">
        <v>0</v>
      </c>
      <c r="BZ24" s="315">
        <v>0</v>
      </c>
      <c r="CA24" s="309">
        <v>0</v>
      </c>
      <c r="CB24" s="313">
        <v>0</v>
      </c>
      <c r="CC24" s="310">
        <v>0</v>
      </c>
      <c r="CD24" s="312">
        <v>0</v>
      </c>
      <c r="CE24" s="313">
        <v>0</v>
      </c>
      <c r="CF24" s="313">
        <v>0</v>
      </c>
      <c r="CG24" s="313">
        <v>2</v>
      </c>
      <c r="CH24" s="313">
        <v>20</v>
      </c>
      <c r="CI24" s="313">
        <v>9</v>
      </c>
      <c r="CJ24" s="310">
        <v>31</v>
      </c>
      <c r="CK24" s="315">
        <v>31</v>
      </c>
      <c r="CL24" s="309">
        <v>0</v>
      </c>
      <c r="CM24" s="313">
        <v>0</v>
      </c>
      <c r="CN24" s="310">
        <v>0</v>
      </c>
      <c r="CO24" s="312">
        <v>0</v>
      </c>
      <c r="CP24" s="313">
        <v>0</v>
      </c>
      <c r="CQ24" s="313">
        <v>0</v>
      </c>
      <c r="CR24" s="313">
        <v>0</v>
      </c>
      <c r="CS24" s="313">
        <v>0</v>
      </c>
      <c r="CT24" s="313">
        <v>0</v>
      </c>
      <c r="CU24" s="310">
        <v>0</v>
      </c>
      <c r="CV24" s="315">
        <v>0</v>
      </c>
    </row>
    <row r="25" spans="1:100" ht="21" customHeight="1" x14ac:dyDescent="0.2">
      <c r="A25" s="294" t="s">
        <v>23</v>
      </c>
      <c r="B25" s="309">
        <v>0</v>
      </c>
      <c r="C25" s="310">
        <v>0</v>
      </c>
      <c r="D25" s="311">
        <v>0</v>
      </c>
      <c r="E25" s="312">
        <v>0</v>
      </c>
      <c r="F25" s="313">
        <v>1</v>
      </c>
      <c r="G25" s="313">
        <v>1</v>
      </c>
      <c r="H25" s="313">
        <v>0</v>
      </c>
      <c r="I25" s="313">
        <v>0</v>
      </c>
      <c r="J25" s="313">
        <v>1</v>
      </c>
      <c r="K25" s="314">
        <v>3</v>
      </c>
      <c r="L25" s="315">
        <v>3</v>
      </c>
      <c r="M25" s="309">
        <v>0</v>
      </c>
      <c r="N25" s="313">
        <v>0</v>
      </c>
      <c r="O25" s="310">
        <v>0</v>
      </c>
      <c r="P25" s="312">
        <v>0</v>
      </c>
      <c r="Q25" s="313">
        <v>0</v>
      </c>
      <c r="R25" s="313">
        <v>0</v>
      </c>
      <c r="S25" s="313">
        <v>0</v>
      </c>
      <c r="T25" s="313">
        <v>0</v>
      </c>
      <c r="U25" s="313">
        <v>0</v>
      </c>
      <c r="V25" s="310">
        <v>0</v>
      </c>
      <c r="W25" s="315">
        <v>0</v>
      </c>
      <c r="X25" s="309">
        <v>0</v>
      </c>
      <c r="Y25" s="313">
        <v>0</v>
      </c>
      <c r="Z25" s="310">
        <v>0</v>
      </c>
      <c r="AA25" s="312">
        <v>0</v>
      </c>
      <c r="AB25" s="313">
        <v>52</v>
      </c>
      <c r="AC25" s="313">
        <v>40</v>
      </c>
      <c r="AD25" s="313">
        <v>16</v>
      </c>
      <c r="AE25" s="313">
        <v>12</v>
      </c>
      <c r="AF25" s="313">
        <v>4</v>
      </c>
      <c r="AG25" s="310">
        <v>124</v>
      </c>
      <c r="AH25" s="315">
        <v>124</v>
      </c>
      <c r="AI25" s="309">
        <v>0</v>
      </c>
      <c r="AJ25" s="313">
        <v>0</v>
      </c>
      <c r="AK25" s="310">
        <v>0</v>
      </c>
      <c r="AL25" s="312">
        <v>0</v>
      </c>
      <c r="AM25" s="313">
        <v>0</v>
      </c>
      <c r="AN25" s="313">
        <v>0</v>
      </c>
      <c r="AO25" s="313">
        <v>1</v>
      </c>
      <c r="AP25" s="313">
        <v>1</v>
      </c>
      <c r="AQ25" s="313">
        <v>0</v>
      </c>
      <c r="AR25" s="310">
        <v>2</v>
      </c>
      <c r="AS25" s="315">
        <v>2</v>
      </c>
      <c r="AT25" s="309">
        <v>0</v>
      </c>
      <c r="AU25" s="313">
        <v>0</v>
      </c>
      <c r="AV25" s="310">
        <v>0</v>
      </c>
      <c r="AW25" s="312">
        <v>0</v>
      </c>
      <c r="AX25" s="313">
        <v>5</v>
      </c>
      <c r="AY25" s="313">
        <v>0</v>
      </c>
      <c r="AZ25" s="313">
        <v>5</v>
      </c>
      <c r="BA25" s="313">
        <v>1</v>
      </c>
      <c r="BB25" s="313">
        <v>0</v>
      </c>
      <c r="BC25" s="310">
        <v>11</v>
      </c>
      <c r="BD25" s="315">
        <v>11</v>
      </c>
      <c r="BE25" s="309">
        <v>0</v>
      </c>
      <c r="BF25" s="313">
        <v>1</v>
      </c>
      <c r="BG25" s="310">
        <v>1</v>
      </c>
      <c r="BH25" s="312">
        <v>0</v>
      </c>
      <c r="BI25" s="313">
        <v>26</v>
      </c>
      <c r="BJ25" s="313">
        <v>17</v>
      </c>
      <c r="BK25" s="313">
        <v>21</v>
      </c>
      <c r="BL25" s="313">
        <v>13</v>
      </c>
      <c r="BM25" s="313">
        <v>10</v>
      </c>
      <c r="BN25" s="314">
        <v>87</v>
      </c>
      <c r="BO25" s="315">
        <v>88</v>
      </c>
      <c r="BP25" s="309">
        <v>0</v>
      </c>
      <c r="BQ25" s="313">
        <v>0</v>
      </c>
      <c r="BR25" s="310">
        <v>0</v>
      </c>
      <c r="BS25" s="312">
        <v>0</v>
      </c>
      <c r="BT25" s="313">
        <v>0</v>
      </c>
      <c r="BU25" s="313">
        <v>0</v>
      </c>
      <c r="BV25" s="313">
        <v>0</v>
      </c>
      <c r="BW25" s="313">
        <v>0</v>
      </c>
      <c r="BX25" s="313">
        <v>0</v>
      </c>
      <c r="BY25" s="310">
        <v>0</v>
      </c>
      <c r="BZ25" s="315">
        <v>0</v>
      </c>
      <c r="CA25" s="309">
        <v>0</v>
      </c>
      <c r="CB25" s="313">
        <v>0</v>
      </c>
      <c r="CC25" s="310">
        <v>0</v>
      </c>
      <c r="CD25" s="312">
        <v>0</v>
      </c>
      <c r="CE25" s="313">
        <v>0</v>
      </c>
      <c r="CF25" s="313">
        <v>0</v>
      </c>
      <c r="CG25" s="313">
        <v>0</v>
      </c>
      <c r="CH25" s="313">
        <v>0</v>
      </c>
      <c r="CI25" s="313">
        <v>0</v>
      </c>
      <c r="CJ25" s="310">
        <v>0</v>
      </c>
      <c r="CK25" s="315">
        <v>0</v>
      </c>
      <c r="CL25" s="309">
        <v>0</v>
      </c>
      <c r="CM25" s="313">
        <v>0</v>
      </c>
      <c r="CN25" s="310">
        <v>0</v>
      </c>
      <c r="CO25" s="312">
        <v>0</v>
      </c>
      <c r="CP25" s="313">
        <v>0</v>
      </c>
      <c r="CQ25" s="313">
        <v>0</v>
      </c>
      <c r="CR25" s="313">
        <v>1</v>
      </c>
      <c r="CS25" s="313">
        <v>0</v>
      </c>
      <c r="CT25" s="313">
        <v>0</v>
      </c>
      <c r="CU25" s="310">
        <v>1</v>
      </c>
      <c r="CV25" s="315">
        <v>1</v>
      </c>
    </row>
    <row r="26" spans="1:100" ht="21" customHeight="1" x14ac:dyDescent="0.2">
      <c r="A26" s="294" t="s">
        <v>24</v>
      </c>
      <c r="B26" s="309">
        <v>0</v>
      </c>
      <c r="C26" s="310">
        <v>0</v>
      </c>
      <c r="D26" s="311">
        <v>0</v>
      </c>
      <c r="E26" s="312">
        <v>0</v>
      </c>
      <c r="F26" s="313">
        <v>3</v>
      </c>
      <c r="G26" s="313">
        <v>0</v>
      </c>
      <c r="H26" s="313">
        <v>3</v>
      </c>
      <c r="I26" s="313">
        <v>0</v>
      </c>
      <c r="J26" s="313">
        <v>1</v>
      </c>
      <c r="K26" s="314">
        <v>7</v>
      </c>
      <c r="L26" s="315">
        <v>7</v>
      </c>
      <c r="M26" s="309">
        <v>0</v>
      </c>
      <c r="N26" s="313">
        <v>0</v>
      </c>
      <c r="O26" s="310">
        <v>0</v>
      </c>
      <c r="P26" s="312">
        <v>0</v>
      </c>
      <c r="Q26" s="313">
        <v>0</v>
      </c>
      <c r="R26" s="313">
        <v>0</v>
      </c>
      <c r="S26" s="313">
        <v>0</v>
      </c>
      <c r="T26" s="313">
        <v>0</v>
      </c>
      <c r="U26" s="313">
        <v>0</v>
      </c>
      <c r="V26" s="310">
        <v>0</v>
      </c>
      <c r="W26" s="315">
        <v>0</v>
      </c>
      <c r="X26" s="309">
        <v>0</v>
      </c>
      <c r="Y26" s="313">
        <v>0</v>
      </c>
      <c r="Z26" s="310">
        <v>0</v>
      </c>
      <c r="AA26" s="312">
        <v>0</v>
      </c>
      <c r="AB26" s="313">
        <v>55</v>
      </c>
      <c r="AC26" s="313">
        <v>14</v>
      </c>
      <c r="AD26" s="313">
        <v>19</v>
      </c>
      <c r="AE26" s="313">
        <v>7</v>
      </c>
      <c r="AF26" s="313">
        <v>5</v>
      </c>
      <c r="AG26" s="310">
        <v>100</v>
      </c>
      <c r="AH26" s="315">
        <v>100</v>
      </c>
      <c r="AI26" s="309">
        <v>0</v>
      </c>
      <c r="AJ26" s="313">
        <v>0</v>
      </c>
      <c r="AK26" s="310">
        <v>0</v>
      </c>
      <c r="AL26" s="312">
        <v>0</v>
      </c>
      <c r="AM26" s="313">
        <v>12</v>
      </c>
      <c r="AN26" s="313">
        <v>6</v>
      </c>
      <c r="AO26" s="313">
        <v>6</v>
      </c>
      <c r="AP26" s="313">
        <v>1</v>
      </c>
      <c r="AQ26" s="313">
        <v>2</v>
      </c>
      <c r="AR26" s="310">
        <v>27</v>
      </c>
      <c r="AS26" s="315">
        <v>27</v>
      </c>
      <c r="AT26" s="309">
        <v>7</v>
      </c>
      <c r="AU26" s="313">
        <v>5</v>
      </c>
      <c r="AV26" s="310">
        <v>12</v>
      </c>
      <c r="AW26" s="312">
        <v>0</v>
      </c>
      <c r="AX26" s="313">
        <v>18</v>
      </c>
      <c r="AY26" s="313">
        <v>11</v>
      </c>
      <c r="AZ26" s="313">
        <v>7</v>
      </c>
      <c r="BA26" s="313">
        <v>3</v>
      </c>
      <c r="BB26" s="313">
        <v>1</v>
      </c>
      <c r="BC26" s="310">
        <v>40</v>
      </c>
      <c r="BD26" s="315">
        <v>52</v>
      </c>
      <c r="BE26" s="309">
        <v>0</v>
      </c>
      <c r="BF26" s="313">
        <v>0</v>
      </c>
      <c r="BG26" s="310">
        <v>0</v>
      </c>
      <c r="BH26" s="312">
        <v>0</v>
      </c>
      <c r="BI26" s="313">
        <v>1</v>
      </c>
      <c r="BJ26" s="313">
        <v>3</v>
      </c>
      <c r="BK26" s="313">
        <v>14</v>
      </c>
      <c r="BL26" s="313">
        <v>6</v>
      </c>
      <c r="BM26" s="313">
        <v>3</v>
      </c>
      <c r="BN26" s="314">
        <v>27</v>
      </c>
      <c r="BO26" s="315">
        <v>27</v>
      </c>
      <c r="BP26" s="309">
        <v>0</v>
      </c>
      <c r="BQ26" s="313">
        <v>0</v>
      </c>
      <c r="BR26" s="310">
        <v>0</v>
      </c>
      <c r="BS26" s="312">
        <v>0</v>
      </c>
      <c r="BT26" s="313">
        <v>0</v>
      </c>
      <c r="BU26" s="313">
        <v>0</v>
      </c>
      <c r="BV26" s="313">
        <v>0</v>
      </c>
      <c r="BW26" s="313">
        <v>0</v>
      </c>
      <c r="BX26" s="313">
        <v>0</v>
      </c>
      <c r="BY26" s="310">
        <v>0</v>
      </c>
      <c r="BZ26" s="315">
        <v>0</v>
      </c>
      <c r="CA26" s="309">
        <v>0</v>
      </c>
      <c r="CB26" s="313">
        <v>0</v>
      </c>
      <c r="CC26" s="310">
        <v>0</v>
      </c>
      <c r="CD26" s="312">
        <v>0</v>
      </c>
      <c r="CE26" s="313">
        <v>0</v>
      </c>
      <c r="CF26" s="313">
        <v>0</v>
      </c>
      <c r="CG26" s="313">
        <v>0</v>
      </c>
      <c r="CH26" s="313">
        <v>0</v>
      </c>
      <c r="CI26" s="313">
        <v>0</v>
      </c>
      <c r="CJ26" s="310">
        <v>0</v>
      </c>
      <c r="CK26" s="315">
        <v>0</v>
      </c>
      <c r="CL26" s="309">
        <v>0</v>
      </c>
      <c r="CM26" s="313">
        <v>0</v>
      </c>
      <c r="CN26" s="310">
        <v>0</v>
      </c>
      <c r="CO26" s="312">
        <v>0</v>
      </c>
      <c r="CP26" s="313">
        <v>0</v>
      </c>
      <c r="CQ26" s="313">
        <v>0</v>
      </c>
      <c r="CR26" s="313">
        <v>0</v>
      </c>
      <c r="CS26" s="313">
        <v>0</v>
      </c>
      <c r="CT26" s="313">
        <v>0</v>
      </c>
      <c r="CU26" s="310">
        <v>0</v>
      </c>
      <c r="CV26" s="315">
        <v>0</v>
      </c>
    </row>
    <row r="27" spans="1:100" ht="21" customHeight="1" x14ac:dyDescent="0.2">
      <c r="A27" s="294" t="s">
        <v>25</v>
      </c>
      <c r="B27" s="309">
        <v>0</v>
      </c>
      <c r="C27" s="310">
        <v>0</v>
      </c>
      <c r="D27" s="311">
        <v>0</v>
      </c>
      <c r="E27" s="312">
        <v>0</v>
      </c>
      <c r="F27" s="313">
        <v>0</v>
      </c>
      <c r="G27" s="313">
        <v>0</v>
      </c>
      <c r="H27" s="313">
        <v>0</v>
      </c>
      <c r="I27" s="313">
        <v>0</v>
      </c>
      <c r="J27" s="313">
        <v>0</v>
      </c>
      <c r="K27" s="314">
        <v>0</v>
      </c>
      <c r="L27" s="315">
        <v>0</v>
      </c>
      <c r="M27" s="309">
        <v>0</v>
      </c>
      <c r="N27" s="313">
        <v>0</v>
      </c>
      <c r="O27" s="310">
        <v>0</v>
      </c>
      <c r="P27" s="312">
        <v>0</v>
      </c>
      <c r="Q27" s="313">
        <v>0</v>
      </c>
      <c r="R27" s="313">
        <v>0</v>
      </c>
      <c r="S27" s="313">
        <v>0</v>
      </c>
      <c r="T27" s="313">
        <v>0</v>
      </c>
      <c r="U27" s="313">
        <v>0</v>
      </c>
      <c r="V27" s="310">
        <v>0</v>
      </c>
      <c r="W27" s="315">
        <v>0</v>
      </c>
      <c r="X27" s="309">
        <v>0</v>
      </c>
      <c r="Y27" s="313">
        <v>0</v>
      </c>
      <c r="Z27" s="310">
        <v>0</v>
      </c>
      <c r="AA27" s="312">
        <v>0</v>
      </c>
      <c r="AB27" s="313">
        <v>66</v>
      </c>
      <c r="AC27" s="313">
        <v>30</v>
      </c>
      <c r="AD27" s="313">
        <v>12</v>
      </c>
      <c r="AE27" s="313">
        <v>11</v>
      </c>
      <c r="AF27" s="313">
        <v>2</v>
      </c>
      <c r="AG27" s="310">
        <v>121</v>
      </c>
      <c r="AH27" s="315">
        <v>121</v>
      </c>
      <c r="AI27" s="309">
        <v>0</v>
      </c>
      <c r="AJ27" s="313">
        <v>0</v>
      </c>
      <c r="AK27" s="310">
        <v>0</v>
      </c>
      <c r="AL27" s="312">
        <v>0</v>
      </c>
      <c r="AM27" s="313">
        <v>4</v>
      </c>
      <c r="AN27" s="313">
        <v>3</v>
      </c>
      <c r="AO27" s="313">
        <v>1</v>
      </c>
      <c r="AP27" s="313">
        <v>0</v>
      </c>
      <c r="AQ27" s="313">
        <v>1</v>
      </c>
      <c r="AR27" s="310">
        <v>9</v>
      </c>
      <c r="AS27" s="315">
        <v>9</v>
      </c>
      <c r="AT27" s="309">
        <v>0</v>
      </c>
      <c r="AU27" s="313">
        <v>0</v>
      </c>
      <c r="AV27" s="310">
        <v>0</v>
      </c>
      <c r="AW27" s="312">
        <v>0</v>
      </c>
      <c r="AX27" s="313">
        <v>2</v>
      </c>
      <c r="AY27" s="313">
        <v>1</v>
      </c>
      <c r="AZ27" s="313">
        <v>3</v>
      </c>
      <c r="BA27" s="313">
        <v>0</v>
      </c>
      <c r="BB27" s="313">
        <v>1</v>
      </c>
      <c r="BC27" s="310">
        <v>7</v>
      </c>
      <c r="BD27" s="315">
        <v>7</v>
      </c>
      <c r="BE27" s="309">
        <v>0</v>
      </c>
      <c r="BF27" s="313">
        <v>0</v>
      </c>
      <c r="BG27" s="310">
        <v>0</v>
      </c>
      <c r="BH27" s="312">
        <v>0</v>
      </c>
      <c r="BI27" s="313">
        <v>8</v>
      </c>
      <c r="BJ27" s="313">
        <v>10</v>
      </c>
      <c r="BK27" s="313">
        <v>5</v>
      </c>
      <c r="BL27" s="313">
        <v>4</v>
      </c>
      <c r="BM27" s="313">
        <v>2</v>
      </c>
      <c r="BN27" s="314">
        <v>29</v>
      </c>
      <c r="BO27" s="315">
        <v>29</v>
      </c>
      <c r="BP27" s="309">
        <v>0</v>
      </c>
      <c r="BQ27" s="313">
        <v>0</v>
      </c>
      <c r="BR27" s="310">
        <v>0</v>
      </c>
      <c r="BS27" s="312">
        <v>0</v>
      </c>
      <c r="BT27" s="313">
        <v>0</v>
      </c>
      <c r="BU27" s="313">
        <v>0</v>
      </c>
      <c r="BV27" s="313">
        <v>0</v>
      </c>
      <c r="BW27" s="313">
        <v>0</v>
      </c>
      <c r="BX27" s="313">
        <v>0</v>
      </c>
      <c r="BY27" s="310">
        <v>0</v>
      </c>
      <c r="BZ27" s="315">
        <v>0</v>
      </c>
      <c r="CA27" s="309">
        <v>0</v>
      </c>
      <c r="CB27" s="313">
        <v>0</v>
      </c>
      <c r="CC27" s="310">
        <v>0</v>
      </c>
      <c r="CD27" s="312">
        <v>0</v>
      </c>
      <c r="CE27" s="313">
        <v>0</v>
      </c>
      <c r="CF27" s="313">
        <v>0</v>
      </c>
      <c r="CG27" s="313">
        <v>0</v>
      </c>
      <c r="CH27" s="313">
        <v>0</v>
      </c>
      <c r="CI27" s="313">
        <v>0</v>
      </c>
      <c r="CJ27" s="310">
        <v>0</v>
      </c>
      <c r="CK27" s="315">
        <v>0</v>
      </c>
      <c r="CL27" s="309">
        <v>0</v>
      </c>
      <c r="CM27" s="313">
        <v>0</v>
      </c>
      <c r="CN27" s="310">
        <v>0</v>
      </c>
      <c r="CO27" s="312">
        <v>0</v>
      </c>
      <c r="CP27" s="313">
        <v>0</v>
      </c>
      <c r="CQ27" s="313">
        <v>0</v>
      </c>
      <c r="CR27" s="313">
        <v>0</v>
      </c>
      <c r="CS27" s="313">
        <v>0</v>
      </c>
      <c r="CT27" s="313">
        <v>0</v>
      </c>
      <c r="CU27" s="310">
        <v>0</v>
      </c>
      <c r="CV27" s="315">
        <v>0</v>
      </c>
    </row>
    <row r="28" spans="1:100" ht="21" customHeight="1" x14ac:dyDescent="0.2">
      <c r="A28" s="294" t="s">
        <v>26</v>
      </c>
      <c r="B28" s="309">
        <v>0</v>
      </c>
      <c r="C28" s="310">
        <v>0</v>
      </c>
      <c r="D28" s="311">
        <v>0</v>
      </c>
      <c r="E28" s="312">
        <v>0</v>
      </c>
      <c r="F28" s="313">
        <v>0</v>
      </c>
      <c r="G28" s="313">
        <v>0</v>
      </c>
      <c r="H28" s="313">
        <v>0</v>
      </c>
      <c r="I28" s="313">
        <v>0</v>
      </c>
      <c r="J28" s="313">
        <v>0</v>
      </c>
      <c r="K28" s="314">
        <v>0</v>
      </c>
      <c r="L28" s="315">
        <v>0</v>
      </c>
      <c r="M28" s="309">
        <v>0</v>
      </c>
      <c r="N28" s="313">
        <v>0</v>
      </c>
      <c r="O28" s="310">
        <v>0</v>
      </c>
      <c r="P28" s="312">
        <v>0</v>
      </c>
      <c r="Q28" s="313">
        <v>0</v>
      </c>
      <c r="R28" s="313">
        <v>0</v>
      </c>
      <c r="S28" s="313">
        <v>0</v>
      </c>
      <c r="T28" s="313">
        <v>0</v>
      </c>
      <c r="U28" s="313">
        <v>0</v>
      </c>
      <c r="V28" s="310">
        <v>0</v>
      </c>
      <c r="W28" s="315">
        <v>0</v>
      </c>
      <c r="X28" s="309">
        <v>0</v>
      </c>
      <c r="Y28" s="313">
        <v>0</v>
      </c>
      <c r="Z28" s="310">
        <v>0</v>
      </c>
      <c r="AA28" s="312">
        <v>0</v>
      </c>
      <c r="AB28" s="313">
        <v>46</v>
      </c>
      <c r="AC28" s="313">
        <v>37</v>
      </c>
      <c r="AD28" s="313">
        <v>13</v>
      </c>
      <c r="AE28" s="313">
        <v>13</v>
      </c>
      <c r="AF28" s="313">
        <v>11</v>
      </c>
      <c r="AG28" s="310">
        <v>120</v>
      </c>
      <c r="AH28" s="315">
        <v>120</v>
      </c>
      <c r="AI28" s="309">
        <v>0</v>
      </c>
      <c r="AJ28" s="313">
        <v>0</v>
      </c>
      <c r="AK28" s="310">
        <v>0</v>
      </c>
      <c r="AL28" s="312">
        <v>0</v>
      </c>
      <c r="AM28" s="313">
        <v>1</v>
      </c>
      <c r="AN28" s="313">
        <v>3</v>
      </c>
      <c r="AO28" s="313">
        <v>6</v>
      </c>
      <c r="AP28" s="313">
        <v>1</v>
      </c>
      <c r="AQ28" s="313">
        <v>3</v>
      </c>
      <c r="AR28" s="310">
        <v>14</v>
      </c>
      <c r="AS28" s="315">
        <v>14</v>
      </c>
      <c r="AT28" s="309">
        <v>2</v>
      </c>
      <c r="AU28" s="313">
        <v>0</v>
      </c>
      <c r="AV28" s="310">
        <v>2</v>
      </c>
      <c r="AW28" s="312">
        <v>0</v>
      </c>
      <c r="AX28" s="313">
        <v>10</v>
      </c>
      <c r="AY28" s="313">
        <v>5</v>
      </c>
      <c r="AZ28" s="313">
        <v>2</v>
      </c>
      <c r="BA28" s="313">
        <v>3</v>
      </c>
      <c r="BB28" s="313">
        <v>2</v>
      </c>
      <c r="BC28" s="310">
        <v>22</v>
      </c>
      <c r="BD28" s="315">
        <v>24</v>
      </c>
      <c r="BE28" s="309">
        <v>0</v>
      </c>
      <c r="BF28" s="313">
        <v>0</v>
      </c>
      <c r="BG28" s="310">
        <v>0</v>
      </c>
      <c r="BH28" s="312">
        <v>0</v>
      </c>
      <c r="BI28" s="313">
        <v>10</v>
      </c>
      <c r="BJ28" s="313">
        <v>12</v>
      </c>
      <c r="BK28" s="313">
        <v>14</v>
      </c>
      <c r="BL28" s="313">
        <v>10</v>
      </c>
      <c r="BM28" s="313">
        <v>8</v>
      </c>
      <c r="BN28" s="314">
        <v>54</v>
      </c>
      <c r="BO28" s="315">
        <v>54</v>
      </c>
      <c r="BP28" s="309">
        <v>0</v>
      </c>
      <c r="BQ28" s="313">
        <v>0</v>
      </c>
      <c r="BR28" s="310">
        <v>0</v>
      </c>
      <c r="BS28" s="312">
        <v>0</v>
      </c>
      <c r="BT28" s="313">
        <v>0</v>
      </c>
      <c r="BU28" s="313">
        <v>0</v>
      </c>
      <c r="BV28" s="313">
        <v>0</v>
      </c>
      <c r="BW28" s="313">
        <v>0</v>
      </c>
      <c r="BX28" s="313">
        <v>0</v>
      </c>
      <c r="BY28" s="310">
        <v>0</v>
      </c>
      <c r="BZ28" s="315">
        <v>0</v>
      </c>
      <c r="CA28" s="309">
        <v>0</v>
      </c>
      <c r="CB28" s="313">
        <v>0</v>
      </c>
      <c r="CC28" s="310">
        <v>0</v>
      </c>
      <c r="CD28" s="312">
        <v>0</v>
      </c>
      <c r="CE28" s="313">
        <v>0</v>
      </c>
      <c r="CF28" s="313">
        <v>0</v>
      </c>
      <c r="CG28" s="313">
        <v>0</v>
      </c>
      <c r="CH28" s="313">
        <v>0</v>
      </c>
      <c r="CI28" s="313">
        <v>0</v>
      </c>
      <c r="CJ28" s="310">
        <v>0</v>
      </c>
      <c r="CK28" s="315">
        <v>0</v>
      </c>
      <c r="CL28" s="309">
        <v>0</v>
      </c>
      <c r="CM28" s="313">
        <v>0</v>
      </c>
      <c r="CN28" s="310">
        <v>0</v>
      </c>
      <c r="CO28" s="312">
        <v>0</v>
      </c>
      <c r="CP28" s="313">
        <v>0</v>
      </c>
      <c r="CQ28" s="313">
        <v>0</v>
      </c>
      <c r="CR28" s="313">
        <v>0</v>
      </c>
      <c r="CS28" s="313">
        <v>0</v>
      </c>
      <c r="CT28" s="313">
        <v>0</v>
      </c>
      <c r="CU28" s="310">
        <v>0</v>
      </c>
      <c r="CV28" s="315">
        <v>0</v>
      </c>
    </row>
    <row r="29" spans="1:100" ht="21" customHeight="1" x14ac:dyDescent="0.2">
      <c r="A29" s="294" t="s">
        <v>27</v>
      </c>
      <c r="B29" s="309">
        <v>0</v>
      </c>
      <c r="C29" s="310">
        <v>0</v>
      </c>
      <c r="D29" s="311">
        <v>0</v>
      </c>
      <c r="E29" s="312">
        <v>0</v>
      </c>
      <c r="F29" s="313">
        <v>0</v>
      </c>
      <c r="G29" s="313">
        <v>1</v>
      </c>
      <c r="H29" s="313">
        <v>1</v>
      </c>
      <c r="I29" s="313">
        <v>0</v>
      </c>
      <c r="J29" s="313">
        <v>0</v>
      </c>
      <c r="K29" s="314">
        <v>2</v>
      </c>
      <c r="L29" s="315">
        <v>2</v>
      </c>
      <c r="M29" s="309">
        <v>0</v>
      </c>
      <c r="N29" s="313">
        <v>0</v>
      </c>
      <c r="O29" s="310">
        <v>0</v>
      </c>
      <c r="P29" s="312">
        <v>0</v>
      </c>
      <c r="Q29" s="313">
        <v>0</v>
      </c>
      <c r="R29" s="313">
        <v>0</v>
      </c>
      <c r="S29" s="313">
        <v>0</v>
      </c>
      <c r="T29" s="313">
        <v>0</v>
      </c>
      <c r="U29" s="313">
        <v>0</v>
      </c>
      <c r="V29" s="310">
        <v>0</v>
      </c>
      <c r="W29" s="315">
        <v>0</v>
      </c>
      <c r="X29" s="309">
        <v>0</v>
      </c>
      <c r="Y29" s="313">
        <v>0</v>
      </c>
      <c r="Z29" s="310">
        <v>0</v>
      </c>
      <c r="AA29" s="312">
        <v>0</v>
      </c>
      <c r="AB29" s="313">
        <v>29</v>
      </c>
      <c r="AC29" s="313">
        <v>24</v>
      </c>
      <c r="AD29" s="313">
        <v>16</v>
      </c>
      <c r="AE29" s="313">
        <v>3</v>
      </c>
      <c r="AF29" s="313">
        <v>0</v>
      </c>
      <c r="AG29" s="310">
        <v>72</v>
      </c>
      <c r="AH29" s="315">
        <v>72</v>
      </c>
      <c r="AI29" s="309">
        <v>0</v>
      </c>
      <c r="AJ29" s="313">
        <v>0</v>
      </c>
      <c r="AK29" s="310">
        <v>0</v>
      </c>
      <c r="AL29" s="312">
        <v>0</v>
      </c>
      <c r="AM29" s="313">
        <v>4</v>
      </c>
      <c r="AN29" s="313">
        <v>1</v>
      </c>
      <c r="AO29" s="313">
        <v>1</v>
      </c>
      <c r="AP29" s="313">
        <v>1</v>
      </c>
      <c r="AQ29" s="313">
        <v>1</v>
      </c>
      <c r="AR29" s="310">
        <v>8</v>
      </c>
      <c r="AS29" s="315">
        <v>8</v>
      </c>
      <c r="AT29" s="309">
        <v>0</v>
      </c>
      <c r="AU29" s="313">
        <v>0</v>
      </c>
      <c r="AV29" s="310">
        <v>0</v>
      </c>
      <c r="AW29" s="312">
        <v>0</v>
      </c>
      <c r="AX29" s="313">
        <v>1</v>
      </c>
      <c r="AY29" s="313">
        <v>1</v>
      </c>
      <c r="AZ29" s="313">
        <v>0</v>
      </c>
      <c r="BA29" s="313">
        <v>0</v>
      </c>
      <c r="BB29" s="313">
        <v>0</v>
      </c>
      <c r="BC29" s="310">
        <v>2</v>
      </c>
      <c r="BD29" s="315">
        <v>2</v>
      </c>
      <c r="BE29" s="309">
        <v>0</v>
      </c>
      <c r="BF29" s="313">
        <v>0</v>
      </c>
      <c r="BG29" s="310">
        <v>0</v>
      </c>
      <c r="BH29" s="312">
        <v>0</v>
      </c>
      <c r="BI29" s="313">
        <v>23</v>
      </c>
      <c r="BJ29" s="313">
        <v>5</v>
      </c>
      <c r="BK29" s="313">
        <v>5</v>
      </c>
      <c r="BL29" s="313">
        <v>4</v>
      </c>
      <c r="BM29" s="313">
        <v>3</v>
      </c>
      <c r="BN29" s="314">
        <v>40</v>
      </c>
      <c r="BO29" s="315">
        <v>40</v>
      </c>
      <c r="BP29" s="309">
        <v>0</v>
      </c>
      <c r="BQ29" s="313">
        <v>0</v>
      </c>
      <c r="BR29" s="310">
        <v>0</v>
      </c>
      <c r="BS29" s="312">
        <v>0</v>
      </c>
      <c r="BT29" s="313">
        <v>0</v>
      </c>
      <c r="BU29" s="313">
        <v>0</v>
      </c>
      <c r="BV29" s="313">
        <v>0</v>
      </c>
      <c r="BW29" s="313">
        <v>0</v>
      </c>
      <c r="BX29" s="313">
        <v>0</v>
      </c>
      <c r="BY29" s="310">
        <v>0</v>
      </c>
      <c r="BZ29" s="315">
        <v>0</v>
      </c>
      <c r="CA29" s="309">
        <v>0</v>
      </c>
      <c r="CB29" s="313">
        <v>0</v>
      </c>
      <c r="CC29" s="310">
        <v>0</v>
      </c>
      <c r="CD29" s="312">
        <v>0</v>
      </c>
      <c r="CE29" s="313">
        <v>0</v>
      </c>
      <c r="CF29" s="313">
        <v>0</v>
      </c>
      <c r="CG29" s="313">
        <v>12</v>
      </c>
      <c r="CH29" s="313">
        <v>4</v>
      </c>
      <c r="CI29" s="313">
        <v>6</v>
      </c>
      <c r="CJ29" s="310">
        <v>22</v>
      </c>
      <c r="CK29" s="315">
        <v>22</v>
      </c>
      <c r="CL29" s="309">
        <v>0</v>
      </c>
      <c r="CM29" s="313">
        <v>0</v>
      </c>
      <c r="CN29" s="310">
        <v>0</v>
      </c>
      <c r="CO29" s="312">
        <v>0</v>
      </c>
      <c r="CP29" s="313">
        <v>0</v>
      </c>
      <c r="CQ29" s="313">
        <v>0</v>
      </c>
      <c r="CR29" s="313">
        <v>1</v>
      </c>
      <c r="CS29" s="313">
        <v>0</v>
      </c>
      <c r="CT29" s="313">
        <v>0</v>
      </c>
      <c r="CU29" s="310">
        <v>1</v>
      </c>
      <c r="CV29" s="315">
        <v>1</v>
      </c>
    </row>
    <row r="30" spans="1:100" ht="21" customHeight="1" x14ac:dyDescent="0.2">
      <c r="A30" s="294" t="s">
        <v>28</v>
      </c>
      <c r="B30" s="309">
        <v>0</v>
      </c>
      <c r="C30" s="310">
        <v>0</v>
      </c>
      <c r="D30" s="311">
        <v>0</v>
      </c>
      <c r="E30" s="312">
        <v>0</v>
      </c>
      <c r="F30" s="313">
        <v>0</v>
      </c>
      <c r="G30" s="313">
        <v>0</v>
      </c>
      <c r="H30" s="313">
        <v>0</v>
      </c>
      <c r="I30" s="313">
        <v>0</v>
      </c>
      <c r="J30" s="313">
        <v>0</v>
      </c>
      <c r="K30" s="314">
        <v>0</v>
      </c>
      <c r="L30" s="315">
        <v>0</v>
      </c>
      <c r="M30" s="309">
        <v>0</v>
      </c>
      <c r="N30" s="313">
        <v>0</v>
      </c>
      <c r="O30" s="310">
        <v>0</v>
      </c>
      <c r="P30" s="312">
        <v>0</v>
      </c>
      <c r="Q30" s="313">
        <v>0</v>
      </c>
      <c r="R30" s="313">
        <v>0</v>
      </c>
      <c r="S30" s="313">
        <v>0</v>
      </c>
      <c r="T30" s="313">
        <v>0</v>
      </c>
      <c r="U30" s="313">
        <v>0</v>
      </c>
      <c r="V30" s="310">
        <v>0</v>
      </c>
      <c r="W30" s="315">
        <v>0</v>
      </c>
      <c r="X30" s="309">
        <v>0</v>
      </c>
      <c r="Y30" s="313">
        <v>0</v>
      </c>
      <c r="Z30" s="310">
        <v>0</v>
      </c>
      <c r="AA30" s="312">
        <v>0</v>
      </c>
      <c r="AB30" s="313">
        <v>16</v>
      </c>
      <c r="AC30" s="313">
        <v>13</v>
      </c>
      <c r="AD30" s="313">
        <v>3</v>
      </c>
      <c r="AE30" s="313">
        <v>3</v>
      </c>
      <c r="AF30" s="313">
        <v>1</v>
      </c>
      <c r="AG30" s="310">
        <v>36</v>
      </c>
      <c r="AH30" s="315">
        <v>36</v>
      </c>
      <c r="AI30" s="309">
        <v>0</v>
      </c>
      <c r="AJ30" s="313">
        <v>0</v>
      </c>
      <c r="AK30" s="310">
        <v>0</v>
      </c>
      <c r="AL30" s="312">
        <v>0</v>
      </c>
      <c r="AM30" s="313">
        <v>0</v>
      </c>
      <c r="AN30" s="313">
        <v>0</v>
      </c>
      <c r="AO30" s="313">
        <v>6</v>
      </c>
      <c r="AP30" s="313">
        <v>0</v>
      </c>
      <c r="AQ30" s="313">
        <v>0</v>
      </c>
      <c r="AR30" s="310">
        <v>6</v>
      </c>
      <c r="AS30" s="315">
        <v>6</v>
      </c>
      <c r="AT30" s="309">
        <v>0</v>
      </c>
      <c r="AU30" s="313">
        <v>0</v>
      </c>
      <c r="AV30" s="310">
        <v>0</v>
      </c>
      <c r="AW30" s="312">
        <v>0</v>
      </c>
      <c r="AX30" s="313">
        <v>0</v>
      </c>
      <c r="AY30" s="313">
        <v>0</v>
      </c>
      <c r="AZ30" s="313">
        <v>0</v>
      </c>
      <c r="BA30" s="313">
        <v>0</v>
      </c>
      <c r="BB30" s="313">
        <v>0</v>
      </c>
      <c r="BC30" s="310">
        <v>0</v>
      </c>
      <c r="BD30" s="315">
        <v>0</v>
      </c>
      <c r="BE30" s="309">
        <v>0</v>
      </c>
      <c r="BF30" s="313">
        <v>0</v>
      </c>
      <c r="BG30" s="310">
        <v>0</v>
      </c>
      <c r="BH30" s="312">
        <v>0</v>
      </c>
      <c r="BI30" s="313">
        <v>0</v>
      </c>
      <c r="BJ30" s="313">
        <v>3</v>
      </c>
      <c r="BK30" s="313">
        <v>8</v>
      </c>
      <c r="BL30" s="313">
        <v>2</v>
      </c>
      <c r="BM30" s="313">
        <v>3</v>
      </c>
      <c r="BN30" s="314">
        <v>16</v>
      </c>
      <c r="BO30" s="315">
        <v>16</v>
      </c>
      <c r="BP30" s="309">
        <v>0</v>
      </c>
      <c r="BQ30" s="313">
        <v>0</v>
      </c>
      <c r="BR30" s="310">
        <v>0</v>
      </c>
      <c r="BS30" s="312">
        <v>0</v>
      </c>
      <c r="BT30" s="313">
        <v>0</v>
      </c>
      <c r="BU30" s="313">
        <v>0</v>
      </c>
      <c r="BV30" s="313">
        <v>0</v>
      </c>
      <c r="BW30" s="313">
        <v>0</v>
      </c>
      <c r="BX30" s="313">
        <v>0</v>
      </c>
      <c r="BY30" s="310">
        <v>0</v>
      </c>
      <c r="BZ30" s="315">
        <v>0</v>
      </c>
      <c r="CA30" s="309">
        <v>0</v>
      </c>
      <c r="CB30" s="313">
        <v>0</v>
      </c>
      <c r="CC30" s="310">
        <v>0</v>
      </c>
      <c r="CD30" s="312">
        <v>0</v>
      </c>
      <c r="CE30" s="313">
        <v>0</v>
      </c>
      <c r="CF30" s="313">
        <v>0</v>
      </c>
      <c r="CG30" s="313">
        <v>1</v>
      </c>
      <c r="CH30" s="313">
        <v>0</v>
      </c>
      <c r="CI30" s="313">
        <v>0</v>
      </c>
      <c r="CJ30" s="310">
        <v>1</v>
      </c>
      <c r="CK30" s="315">
        <v>1</v>
      </c>
      <c r="CL30" s="309">
        <v>0</v>
      </c>
      <c r="CM30" s="313">
        <v>0</v>
      </c>
      <c r="CN30" s="310">
        <v>0</v>
      </c>
      <c r="CO30" s="312">
        <v>0</v>
      </c>
      <c r="CP30" s="313">
        <v>0</v>
      </c>
      <c r="CQ30" s="313">
        <v>0</v>
      </c>
      <c r="CR30" s="313">
        <v>0</v>
      </c>
      <c r="CS30" s="313">
        <v>0</v>
      </c>
      <c r="CT30" s="313">
        <v>0</v>
      </c>
      <c r="CU30" s="310">
        <v>0</v>
      </c>
      <c r="CV30" s="315">
        <v>0</v>
      </c>
    </row>
    <row r="31" spans="1:100" ht="21" customHeight="1" x14ac:dyDescent="0.2">
      <c r="A31" s="294" t="s">
        <v>29</v>
      </c>
      <c r="B31" s="309">
        <v>0</v>
      </c>
      <c r="C31" s="310">
        <v>0</v>
      </c>
      <c r="D31" s="311">
        <v>0</v>
      </c>
      <c r="E31" s="312">
        <v>0</v>
      </c>
      <c r="F31" s="313">
        <v>0</v>
      </c>
      <c r="G31" s="313">
        <v>0</v>
      </c>
      <c r="H31" s="313">
        <v>0</v>
      </c>
      <c r="I31" s="313">
        <v>0</v>
      </c>
      <c r="J31" s="313">
        <v>0</v>
      </c>
      <c r="K31" s="314">
        <v>0</v>
      </c>
      <c r="L31" s="315">
        <v>0</v>
      </c>
      <c r="M31" s="309">
        <v>0</v>
      </c>
      <c r="N31" s="313">
        <v>0</v>
      </c>
      <c r="O31" s="310">
        <v>0</v>
      </c>
      <c r="P31" s="312">
        <v>0</v>
      </c>
      <c r="Q31" s="313">
        <v>0</v>
      </c>
      <c r="R31" s="313">
        <v>0</v>
      </c>
      <c r="S31" s="313">
        <v>0</v>
      </c>
      <c r="T31" s="313">
        <v>0</v>
      </c>
      <c r="U31" s="313">
        <v>0</v>
      </c>
      <c r="V31" s="310">
        <v>0</v>
      </c>
      <c r="W31" s="315">
        <v>0</v>
      </c>
      <c r="X31" s="309">
        <v>0</v>
      </c>
      <c r="Y31" s="313">
        <v>0</v>
      </c>
      <c r="Z31" s="310">
        <v>0</v>
      </c>
      <c r="AA31" s="312">
        <v>0</v>
      </c>
      <c r="AB31" s="313">
        <v>14</v>
      </c>
      <c r="AC31" s="313">
        <v>20</v>
      </c>
      <c r="AD31" s="313">
        <v>3</v>
      </c>
      <c r="AE31" s="313">
        <v>1</v>
      </c>
      <c r="AF31" s="313">
        <v>0</v>
      </c>
      <c r="AG31" s="310">
        <v>38</v>
      </c>
      <c r="AH31" s="315">
        <v>38</v>
      </c>
      <c r="AI31" s="309">
        <v>0</v>
      </c>
      <c r="AJ31" s="313">
        <v>0</v>
      </c>
      <c r="AK31" s="310">
        <v>0</v>
      </c>
      <c r="AL31" s="312">
        <v>0</v>
      </c>
      <c r="AM31" s="313">
        <v>0</v>
      </c>
      <c r="AN31" s="313">
        <v>2</v>
      </c>
      <c r="AO31" s="313">
        <v>2</v>
      </c>
      <c r="AP31" s="313">
        <v>1</v>
      </c>
      <c r="AQ31" s="313">
        <v>0</v>
      </c>
      <c r="AR31" s="310">
        <v>5</v>
      </c>
      <c r="AS31" s="315">
        <v>5</v>
      </c>
      <c r="AT31" s="309">
        <v>1</v>
      </c>
      <c r="AU31" s="313">
        <v>1</v>
      </c>
      <c r="AV31" s="310">
        <v>2</v>
      </c>
      <c r="AW31" s="312">
        <v>0</v>
      </c>
      <c r="AX31" s="313">
        <v>2</v>
      </c>
      <c r="AY31" s="313">
        <v>1</v>
      </c>
      <c r="AZ31" s="313">
        <v>2</v>
      </c>
      <c r="BA31" s="313">
        <v>2</v>
      </c>
      <c r="BB31" s="313">
        <v>0</v>
      </c>
      <c r="BC31" s="310">
        <v>7</v>
      </c>
      <c r="BD31" s="315">
        <v>9</v>
      </c>
      <c r="BE31" s="309">
        <v>0</v>
      </c>
      <c r="BF31" s="313">
        <v>0</v>
      </c>
      <c r="BG31" s="310">
        <v>0</v>
      </c>
      <c r="BH31" s="312">
        <v>0</v>
      </c>
      <c r="BI31" s="313">
        <v>3</v>
      </c>
      <c r="BJ31" s="313">
        <v>3</v>
      </c>
      <c r="BK31" s="313">
        <v>1</v>
      </c>
      <c r="BL31" s="313">
        <v>1</v>
      </c>
      <c r="BM31" s="313">
        <v>2</v>
      </c>
      <c r="BN31" s="314">
        <v>10</v>
      </c>
      <c r="BO31" s="315">
        <v>10</v>
      </c>
      <c r="BP31" s="309">
        <v>0</v>
      </c>
      <c r="BQ31" s="313">
        <v>0</v>
      </c>
      <c r="BR31" s="310">
        <v>0</v>
      </c>
      <c r="BS31" s="312">
        <v>0</v>
      </c>
      <c r="BT31" s="313">
        <v>0</v>
      </c>
      <c r="BU31" s="313">
        <v>0</v>
      </c>
      <c r="BV31" s="313">
        <v>0</v>
      </c>
      <c r="BW31" s="313">
        <v>0</v>
      </c>
      <c r="BX31" s="313">
        <v>0</v>
      </c>
      <c r="BY31" s="310">
        <v>0</v>
      </c>
      <c r="BZ31" s="315">
        <v>0</v>
      </c>
      <c r="CA31" s="309">
        <v>0</v>
      </c>
      <c r="CB31" s="313">
        <v>0</v>
      </c>
      <c r="CC31" s="310">
        <v>0</v>
      </c>
      <c r="CD31" s="312">
        <v>0</v>
      </c>
      <c r="CE31" s="313">
        <v>0</v>
      </c>
      <c r="CF31" s="313">
        <v>0</v>
      </c>
      <c r="CG31" s="313">
        <v>3</v>
      </c>
      <c r="CH31" s="313">
        <v>3</v>
      </c>
      <c r="CI31" s="313">
        <v>3</v>
      </c>
      <c r="CJ31" s="310">
        <v>9</v>
      </c>
      <c r="CK31" s="315">
        <v>9</v>
      </c>
      <c r="CL31" s="309">
        <v>0</v>
      </c>
      <c r="CM31" s="313">
        <v>0</v>
      </c>
      <c r="CN31" s="310">
        <v>0</v>
      </c>
      <c r="CO31" s="312">
        <v>0</v>
      </c>
      <c r="CP31" s="313">
        <v>0</v>
      </c>
      <c r="CQ31" s="313">
        <v>0</v>
      </c>
      <c r="CR31" s="313">
        <v>0</v>
      </c>
      <c r="CS31" s="313">
        <v>0</v>
      </c>
      <c r="CT31" s="313">
        <v>0</v>
      </c>
      <c r="CU31" s="310">
        <v>0</v>
      </c>
      <c r="CV31" s="315">
        <v>0</v>
      </c>
    </row>
    <row r="32" spans="1:100" ht="21" customHeight="1" x14ac:dyDescent="0.2">
      <c r="A32" s="294" t="s">
        <v>30</v>
      </c>
      <c r="B32" s="309">
        <v>0</v>
      </c>
      <c r="C32" s="310">
        <v>0</v>
      </c>
      <c r="D32" s="311">
        <v>0</v>
      </c>
      <c r="E32" s="312">
        <v>0</v>
      </c>
      <c r="F32" s="313">
        <v>0</v>
      </c>
      <c r="G32" s="313">
        <v>0</v>
      </c>
      <c r="H32" s="313">
        <v>1</v>
      </c>
      <c r="I32" s="313">
        <v>0</v>
      </c>
      <c r="J32" s="313">
        <v>0</v>
      </c>
      <c r="K32" s="314">
        <v>1</v>
      </c>
      <c r="L32" s="315">
        <v>1</v>
      </c>
      <c r="M32" s="309">
        <v>0</v>
      </c>
      <c r="N32" s="313">
        <v>0</v>
      </c>
      <c r="O32" s="310">
        <v>0</v>
      </c>
      <c r="P32" s="312">
        <v>0</v>
      </c>
      <c r="Q32" s="313">
        <v>0</v>
      </c>
      <c r="R32" s="313">
        <v>0</v>
      </c>
      <c r="S32" s="313">
        <v>0</v>
      </c>
      <c r="T32" s="313">
        <v>0</v>
      </c>
      <c r="U32" s="313">
        <v>0</v>
      </c>
      <c r="V32" s="310">
        <v>0</v>
      </c>
      <c r="W32" s="315">
        <v>0</v>
      </c>
      <c r="X32" s="309">
        <v>0</v>
      </c>
      <c r="Y32" s="313">
        <v>0</v>
      </c>
      <c r="Z32" s="310">
        <v>0</v>
      </c>
      <c r="AA32" s="312">
        <v>0</v>
      </c>
      <c r="AB32" s="313">
        <v>25</v>
      </c>
      <c r="AC32" s="313">
        <v>15</v>
      </c>
      <c r="AD32" s="313">
        <v>9</v>
      </c>
      <c r="AE32" s="313">
        <v>4</v>
      </c>
      <c r="AF32" s="313">
        <v>0</v>
      </c>
      <c r="AG32" s="310">
        <v>53</v>
      </c>
      <c r="AH32" s="315">
        <v>53</v>
      </c>
      <c r="AI32" s="309">
        <v>1</v>
      </c>
      <c r="AJ32" s="313">
        <v>0</v>
      </c>
      <c r="AK32" s="310">
        <v>1</v>
      </c>
      <c r="AL32" s="312">
        <v>0</v>
      </c>
      <c r="AM32" s="313">
        <v>0</v>
      </c>
      <c r="AN32" s="313">
        <v>1</v>
      </c>
      <c r="AO32" s="313">
        <v>1</v>
      </c>
      <c r="AP32" s="313">
        <v>0</v>
      </c>
      <c r="AQ32" s="313">
        <v>0</v>
      </c>
      <c r="AR32" s="310">
        <v>2</v>
      </c>
      <c r="AS32" s="315">
        <v>3</v>
      </c>
      <c r="AT32" s="309">
        <v>0</v>
      </c>
      <c r="AU32" s="313">
        <v>0</v>
      </c>
      <c r="AV32" s="310">
        <v>0</v>
      </c>
      <c r="AW32" s="312">
        <v>0</v>
      </c>
      <c r="AX32" s="313">
        <v>0</v>
      </c>
      <c r="AY32" s="313">
        <v>0</v>
      </c>
      <c r="AZ32" s="313">
        <v>1</v>
      </c>
      <c r="BA32" s="313">
        <v>1</v>
      </c>
      <c r="BB32" s="313">
        <v>0</v>
      </c>
      <c r="BC32" s="310">
        <v>2</v>
      </c>
      <c r="BD32" s="315">
        <v>2</v>
      </c>
      <c r="BE32" s="309">
        <v>0</v>
      </c>
      <c r="BF32" s="313">
        <v>0</v>
      </c>
      <c r="BG32" s="310">
        <v>0</v>
      </c>
      <c r="BH32" s="312">
        <v>0</v>
      </c>
      <c r="BI32" s="313">
        <v>9</v>
      </c>
      <c r="BJ32" s="313">
        <v>3</v>
      </c>
      <c r="BK32" s="313">
        <v>8</v>
      </c>
      <c r="BL32" s="313">
        <v>3</v>
      </c>
      <c r="BM32" s="313">
        <v>1</v>
      </c>
      <c r="BN32" s="314">
        <v>24</v>
      </c>
      <c r="BO32" s="315">
        <v>24</v>
      </c>
      <c r="BP32" s="309">
        <v>0</v>
      </c>
      <c r="BQ32" s="313">
        <v>0</v>
      </c>
      <c r="BR32" s="310">
        <v>0</v>
      </c>
      <c r="BS32" s="312">
        <v>0</v>
      </c>
      <c r="BT32" s="313">
        <v>0</v>
      </c>
      <c r="BU32" s="313">
        <v>0</v>
      </c>
      <c r="BV32" s="313">
        <v>0</v>
      </c>
      <c r="BW32" s="313">
        <v>0</v>
      </c>
      <c r="BX32" s="313">
        <v>0</v>
      </c>
      <c r="BY32" s="310">
        <v>0</v>
      </c>
      <c r="BZ32" s="315">
        <v>0</v>
      </c>
      <c r="CA32" s="309">
        <v>0</v>
      </c>
      <c r="CB32" s="313">
        <v>0</v>
      </c>
      <c r="CC32" s="310">
        <v>0</v>
      </c>
      <c r="CD32" s="312">
        <v>0</v>
      </c>
      <c r="CE32" s="313">
        <v>0</v>
      </c>
      <c r="CF32" s="313">
        <v>0</v>
      </c>
      <c r="CG32" s="313">
        <v>0</v>
      </c>
      <c r="CH32" s="313">
        <v>0</v>
      </c>
      <c r="CI32" s="313">
        <v>0</v>
      </c>
      <c r="CJ32" s="310">
        <v>0</v>
      </c>
      <c r="CK32" s="315">
        <v>0</v>
      </c>
      <c r="CL32" s="309">
        <v>0</v>
      </c>
      <c r="CM32" s="313">
        <v>0</v>
      </c>
      <c r="CN32" s="310">
        <v>0</v>
      </c>
      <c r="CO32" s="312">
        <v>0</v>
      </c>
      <c r="CP32" s="313">
        <v>0</v>
      </c>
      <c r="CQ32" s="313">
        <v>0</v>
      </c>
      <c r="CR32" s="313">
        <v>0</v>
      </c>
      <c r="CS32" s="313">
        <v>0</v>
      </c>
      <c r="CT32" s="313">
        <v>0</v>
      </c>
      <c r="CU32" s="310">
        <v>0</v>
      </c>
      <c r="CV32" s="315">
        <v>0</v>
      </c>
    </row>
    <row r="33" spans="1:100" ht="21" customHeight="1" x14ac:dyDescent="0.2">
      <c r="A33" s="294" t="s">
        <v>31</v>
      </c>
      <c r="B33" s="309">
        <v>0</v>
      </c>
      <c r="C33" s="310">
        <v>0</v>
      </c>
      <c r="D33" s="311">
        <v>0</v>
      </c>
      <c r="E33" s="312">
        <v>0</v>
      </c>
      <c r="F33" s="313">
        <v>0</v>
      </c>
      <c r="G33" s="313">
        <v>2</v>
      </c>
      <c r="H33" s="313">
        <v>0</v>
      </c>
      <c r="I33" s="313">
        <v>0</v>
      </c>
      <c r="J33" s="313">
        <v>0</v>
      </c>
      <c r="K33" s="314">
        <v>2</v>
      </c>
      <c r="L33" s="315">
        <v>2</v>
      </c>
      <c r="M33" s="309">
        <v>0</v>
      </c>
      <c r="N33" s="313">
        <v>0</v>
      </c>
      <c r="O33" s="310">
        <v>0</v>
      </c>
      <c r="P33" s="312">
        <v>0</v>
      </c>
      <c r="Q33" s="313">
        <v>0</v>
      </c>
      <c r="R33" s="313">
        <v>0</v>
      </c>
      <c r="S33" s="313">
        <v>0</v>
      </c>
      <c r="T33" s="313">
        <v>0</v>
      </c>
      <c r="U33" s="313">
        <v>0</v>
      </c>
      <c r="V33" s="310">
        <v>0</v>
      </c>
      <c r="W33" s="315">
        <v>0</v>
      </c>
      <c r="X33" s="309">
        <v>0</v>
      </c>
      <c r="Y33" s="313">
        <v>0</v>
      </c>
      <c r="Z33" s="310">
        <v>0</v>
      </c>
      <c r="AA33" s="312">
        <v>0</v>
      </c>
      <c r="AB33" s="313">
        <v>31</v>
      </c>
      <c r="AC33" s="313">
        <v>18</v>
      </c>
      <c r="AD33" s="313">
        <v>6</v>
      </c>
      <c r="AE33" s="313">
        <v>1</v>
      </c>
      <c r="AF33" s="313">
        <v>2</v>
      </c>
      <c r="AG33" s="310">
        <v>58</v>
      </c>
      <c r="AH33" s="315">
        <v>58</v>
      </c>
      <c r="AI33" s="309">
        <v>0</v>
      </c>
      <c r="AJ33" s="313">
        <v>0</v>
      </c>
      <c r="AK33" s="310">
        <v>0</v>
      </c>
      <c r="AL33" s="312">
        <v>0</v>
      </c>
      <c r="AM33" s="313">
        <v>0</v>
      </c>
      <c r="AN33" s="313">
        <v>2</v>
      </c>
      <c r="AO33" s="313">
        <v>1</v>
      </c>
      <c r="AP33" s="313">
        <v>0</v>
      </c>
      <c r="AQ33" s="313">
        <v>0</v>
      </c>
      <c r="AR33" s="310">
        <v>3</v>
      </c>
      <c r="AS33" s="315">
        <v>3</v>
      </c>
      <c r="AT33" s="309">
        <v>0</v>
      </c>
      <c r="AU33" s="313">
        <v>1</v>
      </c>
      <c r="AV33" s="310">
        <v>1</v>
      </c>
      <c r="AW33" s="312">
        <v>0</v>
      </c>
      <c r="AX33" s="313">
        <v>5</v>
      </c>
      <c r="AY33" s="313">
        <v>9</v>
      </c>
      <c r="AZ33" s="313">
        <v>6</v>
      </c>
      <c r="BA33" s="313">
        <v>2</v>
      </c>
      <c r="BB33" s="313">
        <v>2</v>
      </c>
      <c r="BC33" s="310">
        <v>24</v>
      </c>
      <c r="BD33" s="315">
        <v>25</v>
      </c>
      <c r="BE33" s="309">
        <v>0</v>
      </c>
      <c r="BF33" s="313">
        <v>0</v>
      </c>
      <c r="BG33" s="310">
        <v>0</v>
      </c>
      <c r="BH33" s="312">
        <v>0</v>
      </c>
      <c r="BI33" s="313">
        <v>7</v>
      </c>
      <c r="BJ33" s="313">
        <v>11</v>
      </c>
      <c r="BK33" s="313">
        <v>13</v>
      </c>
      <c r="BL33" s="313">
        <v>9</v>
      </c>
      <c r="BM33" s="313">
        <v>4</v>
      </c>
      <c r="BN33" s="314">
        <v>44</v>
      </c>
      <c r="BO33" s="315">
        <v>44</v>
      </c>
      <c r="BP33" s="309">
        <v>0</v>
      </c>
      <c r="BQ33" s="313">
        <v>0</v>
      </c>
      <c r="BR33" s="310">
        <v>0</v>
      </c>
      <c r="BS33" s="312">
        <v>0</v>
      </c>
      <c r="BT33" s="313">
        <v>0</v>
      </c>
      <c r="BU33" s="313">
        <v>0</v>
      </c>
      <c r="BV33" s="313">
        <v>0</v>
      </c>
      <c r="BW33" s="313">
        <v>0</v>
      </c>
      <c r="BX33" s="313">
        <v>0</v>
      </c>
      <c r="BY33" s="310">
        <v>0</v>
      </c>
      <c r="BZ33" s="315">
        <v>0</v>
      </c>
      <c r="CA33" s="309">
        <v>0</v>
      </c>
      <c r="CB33" s="313">
        <v>0</v>
      </c>
      <c r="CC33" s="310">
        <v>0</v>
      </c>
      <c r="CD33" s="312">
        <v>0</v>
      </c>
      <c r="CE33" s="313">
        <v>0</v>
      </c>
      <c r="CF33" s="313">
        <v>0</v>
      </c>
      <c r="CG33" s="313">
        <v>0</v>
      </c>
      <c r="CH33" s="313">
        <v>0</v>
      </c>
      <c r="CI33" s="313">
        <v>0</v>
      </c>
      <c r="CJ33" s="310">
        <v>0</v>
      </c>
      <c r="CK33" s="315">
        <v>0</v>
      </c>
      <c r="CL33" s="309">
        <v>0</v>
      </c>
      <c r="CM33" s="313">
        <v>0</v>
      </c>
      <c r="CN33" s="310">
        <v>0</v>
      </c>
      <c r="CO33" s="312">
        <v>0</v>
      </c>
      <c r="CP33" s="313">
        <v>0</v>
      </c>
      <c r="CQ33" s="313">
        <v>0</v>
      </c>
      <c r="CR33" s="313">
        <v>0</v>
      </c>
      <c r="CS33" s="313">
        <v>0</v>
      </c>
      <c r="CT33" s="313">
        <v>0</v>
      </c>
      <c r="CU33" s="310">
        <v>0</v>
      </c>
      <c r="CV33" s="315">
        <v>0</v>
      </c>
    </row>
    <row r="34" spans="1:100" ht="21" customHeight="1" x14ac:dyDescent="0.2">
      <c r="A34" s="294" t="s">
        <v>32</v>
      </c>
      <c r="B34" s="309">
        <v>0</v>
      </c>
      <c r="C34" s="310">
        <v>0</v>
      </c>
      <c r="D34" s="311">
        <v>0</v>
      </c>
      <c r="E34" s="312">
        <v>0</v>
      </c>
      <c r="F34" s="313">
        <v>3</v>
      </c>
      <c r="G34" s="313">
        <v>0</v>
      </c>
      <c r="H34" s="313">
        <v>2</v>
      </c>
      <c r="I34" s="313">
        <v>2</v>
      </c>
      <c r="J34" s="313">
        <v>0</v>
      </c>
      <c r="K34" s="314">
        <v>7</v>
      </c>
      <c r="L34" s="315">
        <v>7</v>
      </c>
      <c r="M34" s="309">
        <v>0</v>
      </c>
      <c r="N34" s="313">
        <v>0</v>
      </c>
      <c r="O34" s="310">
        <v>0</v>
      </c>
      <c r="P34" s="312">
        <v>0</v>
      </c>
      <c r="Q34" s="313">
        <v>0</v>
      </c>
      <c r="R34" s="313">
        <v>0</v>
      </c>
      <c r="S34" s="313">
        <v>0</v>
      </c>
      <c r="T34" s="313">
        <v>0</v>
      </c>
      <c r="U34" s="313">
        <v>0</v>
      </c>
      <c r="V34" s="310">
        <v>0</v>
      </c>
      <c r="W34" s="315">
        <v>0</v>
      </c>
      <c r="X34" s="309">
        <v>0</v>
      </c>
      <c r="Y34" s="313">
        <v>0</v>
      </c>
      <c r="Z34" s="310">
        <v>0</v>
      </c>
      <c r="AA34" s="312">
        <v>0</v>
      </c>
      <c r="AB34" s="313">
        <v>43</v>
      </c>
      <c r="AC34" s="313">
        <v>28</v>
      </c>
      <c r="AD34" s="313">
        <v>8</v>
      </c>
      <c r="AE34" s="313">
        <v>3</v>
      </c>
      <c r="AF34" s="313">
        <v>1</v>
      </c>
      <c r="AG34" s="310">
        <v>83</v>
      </c>
      <c r="AH34" s="315">
        <v>83</v>
      </c>
      <c r="AI34" s="309">
        <v>0</v>
      </c>
      <c r="AJ34" s="313">
        <v>0</v>
      </c>
      <c r="AK34" s="310">
        <v>0</v>
      </c>
      <c r="AL34" s="312">
        <v>0</v>
      </c>
      <c r="AM34" s="313">
        <v>2</v>
      </c>
      <c r="AN34" s="313">
        <v>0</v>
      </c>
      <c r="AO34" s="313">
        <v>1</v>
      </c>
      <c r="AP34" s="313">
        <v>0</v>
      </c>
      <c r="AQ34" s="313">
        <v>2</v>
      </c>
      <c r="AR34" s="310">
        <v>5</v>
      </c>
      <c r="AS34" s="315">
        <v>5</v>
      </c>
      <c r="AT34" s="309">
        <v>0</v>
      </c>
      <c r="AU34" s="313">
        <v>0</v>
      </c>
      <c r="AV34" s="310">
        <v>0</v>
      </c>
      <c r="AW34" s="312">
        <v>0</v>
      </c>
      <c r="AX34" s="313">
        <v>1</v>
      </c>
      <c r="AY34" s="313">
        <v>0</v>
      </c>
      <c r="AZ34" s="313">
        <v>2</v>
      </c>
      <c r="BA34" s="313">
        <v>2</v>
      </c>
      <c r="BB34" s="313">
        <v>0</v>
      </c>
      <c r="BC34" s="310">
        <v>5</v>
      </c>
      <c r="BD34" s="315">
        <v>5</v>
      </c>
      <c r="BE34" s="309">
        <v>0</v>
      </c>
      <c r="BF34" s="313">
        <v>0</v>
      </c>
      <c r="BG34" s="310">
        <v>0</v>
      </c>
      <c r="BH34" s="312">
        <v>0</v>
      </c>
      <c r="BI34" s="313">
        <v>2</v>
      </c>
      <c r="BJ34" s="313">
        <v>8</v>
      </c>
      <c r="BK34" s="313">
        <v>11</v>
      </c>
      <c r="BL34" s="313">
        <v>7</v>
      </c>
      <c r="BM34" s="313">
        <v>6</v>
      </c>
      <c r="BN34" s="314">
        <v>34</v>
      </c>
      <c r="BO34" s="315">
        <v>34</v>
      </c>
      <c r="BP34" s="309">
        <v>0</v>
      </c>
      <c r="BQ34" s="313">
        <v>0</v>
      </c>
      <c r="BR34" s="310">
        <v>0</v>
      </c>
      <c r="BS34" s="312">
        <v>0</v>
      </c>
      <c r="BT34" s="313">
        <v>0</v>
      </c>
      <c r="BU34" s="313">
        <v>0</v>
      </c>
      <c r="BV34" s="313">
        <v>0</v>
      </c>
      <c r="BW34" s="313">
        <v>0</v>
      </c>
      <c r="BX34" s="313">
        <v>0</v>
      </c>
      <c r="BY34" s="310">
        <v>0</v>
      </c>
      <c r="BZ34" s="315">
        <v>0</v>
      </c>
      <c r="CA34" s="309">
        <v>0</v>
      </c>
      <c r="CB34" s="313">
        <v>0</v>
      </c>
      <c r="CC34" s="310">
        <v>0</v>
      </c>
      <c r="CD34" s="312">
        <v>0</v>
      </c>
      <c r="CE34" s="313">
        <v>0</v>
      </c>
      <c r="CF34" s="313">
        <v>1</v>
      </c>
      <c r="CG34" s="313">
        <v>9</v>
      </c>
      <c r="CH34" s="313">
        <v>13</v>
      </c>
      <c r="CI34" s="313">
        <v>4</v>
      </c>
      <c r="CJ34" s="310">
        <v>27</v>
      </c>
      <c r="CK34" s="315">
        <v>27</v>
      </c>
      <c r="CL34" s="309">
        <v>0</v>
      </c>
      <c r="CM34" s="313">
        <v>0</v>
      </c>
      <c r="CN34" s="310">
        <v>0</v>
      </c>
      <c r="CO34" s="312">
        <v>0</v>
      </c>
      <c r="CP34" s="313">
        <v>0</v>
      </c>
      <c r="CQ34" s="313">
        <v>0</v>
      </c>
      <c r="CR34" s="313">
        <v>0</v>
      </c>
      <c r="CS34" s="313">
        <v>0</v>
      </c>
      <c r="CT34" s="313">
        <v>0</v>
      </c>
      <c r="CU34" s="310">
        <v>0</v>
      </c>
      <c r="CV34" s="315">
        <v>0</v>
      </c>
    </row>
    <row r="35" spans="1:100" ht="21" customHeight="1" x14ac:dyDescent="0.2">
      <c r="A35" s="294" t="s">
        <v>33</v>
      </c>
      <c r="B35" s="309">
        <v>0</v>
      </c>
      <c r="C35" s="310">
        <v>0</v>
      </c>
      <c r="D35" s="311">
        <v>0</v>
      </c>
      <c r="E35" s="312">
        <v>0</v>
      </c>
      <c r="F35" s="313">
        <v>0</v>
      </c>
      <c r="G35" s="313">
        <v>0</v>
      </c>
      <c r="H35" s="313">
        <v>0</v>
      </c>
      <c r="I35" s="313">
        <v>0</v>
      </c>
      <c r="J35" s="313">
        <v>0</v>
      </c>
      <c r="K35" s="314">
        <v>0</v>
      </c>
      <c r="L35" s="315">
        <v>0</v>
      </c>
      <c r="M35" s="309">
        <v>0</v>
      </c>
      <c r="N35" s="313">
        <v>0</v>
      </c>
      <c r="O35" s="310">
        <v>0</v>
      </c>
      <c r="P35" s="312">
        <v>0</v>
      </c>
      <c r="Q35" s="313">
        <v>0</v>
      </c>
      <c r="R35" s="313">
        <v>0</v>
      </c>
      <c r="S35" s="313">
        <v>0</v>
      </c>
      <c r="T35" s="313">
        <v>0</v>
      </c>
      <c r="U35" s="313">
        <v>0</v>
      </c>
      <c r="V35" s="310">
        <v>0</v>
      </c>
      <c r="W35" s="315">
        <v>0</v>
      </c>
      <c r="X35" s="309">
        <v>0</v>
      </c>
      <c r="Y35" s="313">
        <v>0</v>
      </c>
      <c r="Z35" s="310">
        <v>0</v>
      </c>
      <c r="AA35" s="312">
        <v>0</v>
      </c>
      <c r="AB35" s="313">
        <v>34</v>
      </c>
      <c r="AC35" s="313">
        <v>13</v>
      </c>
      <c r="AD35" s="313">
        <v>8</v>
      </c>
      <c r="AE35" s="313">
        <v>3</v>
      </c>
      <c r="AF35" s="313">
        <v>1</v>
      </c>
      <c r="AG35" s="310">
        <v>59</v>
      </c>
      <c r="AH35" s="315">
        <v>59</v>
      </c>
      <c r="AI35" s="309">
        <v>0</v>
      </c>
      <c r="AJ35" s="313">
        <v>0</v>
      </c>
      <c r="AK35" s="310">
        <v>0</v>
      </c>
      <c r="AL35" s="312">
        <v>0</v>
      </c>
      <c r="AM35" s="313">
        <v>1</v>
      </c>
      <c r="AN35" s="313">
        <v>0</v>
      </c>
      <c r="AO35" s="313">
        <v>0</v>
      </c>
      <c r="AP35" s="313">
        <v>0</v>
      </c>
      <c r="AQ35" s="313">
        <v>0</v>
      </c>
      <c r="AR35" s="310">
        <v>1</v>
      </c>
      <c r="AS35" s="315">
        <v>1</v>
      </c>
      <c r="AT35" s="309">
        <v>0</v>
      </c>
      <c r="AU35" s="313">
        <v>0</v>
      </c>
      <c r="AV35" s="310">
        <v>0</v>
      </c>
      <c r="AW35" s="312">
        <v>0</v>
      </c>
      <c r="AX35" s="313">
        <v>0</v>
      </c>
      <c r="AY35" s="313">
        <v>0</v>
      </c>
      <c r="AZ35" s="313">
        <v>0</v>
      </c>
      <c r="BA35" s="313">
        <v>0</v>
      </c>
      <c r="BB35" s="313">
        <v>0</v>
      </c>
      <c r="BC35" s="310">
        <v>0</v>
      </c>
      <c r="BD35" s="315">
        <v>0</v>
      </c>
      <c r="BE35" s="309">
        <v>0</v>
      </c>
      <c r="BF35" s="313">
        <v>1</v>
      </c>
      <c r="BG35" s="310">
        <v>1</v>
      </c>
      <c r="BH35" s="312">
        <v>0</v>
      </c>
      <c r="BI35" s="313">
        <v>3</v>
      </c>
      <c r="BJ35" s="313">
        <v>3</v>
      </c>
      <c r="BK35" s="313">
        <v>8</v>
      </c>
      <c r="BL35" s="313">
        <v>1</v>
      </c>
      <c r="BM35" s="313">
        <v>2</v>
      </c>
      <c r="BN35" s="314">
        <v>17</v>
      </c>
      <c r="BO35" s="315">
        <v>18</v>
      </c>
      <c r="BP35" s="309">
        <v>0</v>
      </c>
      <c r="BQ35" s="313">
        <v>0</v>
      </c>
      <c r="BR35" s="310">
        <v>0</v>
      </c>
      <c r="BS35" s="312">
        <v>0</v>
      </c>
      <c r="BT35" s="313">
        <v>0</v>
      </c>
      <c r="BU35" s="313">
        <v>0</v>
      </c>
      <c r="BV35" s="313">
        <v>0</v>
      </c>
      <c r="BW35" s="313">
        <v>0</v>
      </c>
      <c r="BX35" s="313">
        <v>0</v>
      </c>
      <c r="BY35" s="310">
        <v>0</v>
      </c>
      <c r="BZ35" s="315">
        <v>0</v>
      </c>
      <c r="CA35" s="309">
        <v>0</v>
      </c>
      <c r="CB35" s="313">
        <v>0</v>
      </c>
      <c r="CC35" s="310">
        <v>0</v>
      </c>
      <c r="CD35" s="312">
        <v>0</v>
      </c>
      <c r="CE35" s="313">
        <v>0</v>
      </c>
      <c r="CF35" s="313">
        <v>0</v>
      </c>
      <c r="CG35" s="313">
        <v>0</v>
      </c>
      <c r="CH35" s="313">
        <v>0</v>
      </c>
      <c r="CI35" s="313">
        <v>0</v>
      </c>
      <c r="CJ35" s="310">
        <v>0</v>
      </c>
      <c r="CK35" s="315">
        <v>0</v>
      </c>
      <c r="CL35" s="309">
        <v>0</v>
      </c>
      <c r="CM35" s="313">
        <v>0</v>
      </c>
      <c r="CN35" s="310">
        <v>0</v>
      </c>
      <c r="CO35" s="312">
        <v>0</v>
      </c>
      <c r="CP35" s="313">
        <v>4</v>
      </c>
      <c r="CQ35" s="313">
        <v>8</v>
      </c>
      <c r="CR35" s="313">
        <v>7</v>
      </c>
      <c r="CS35" s="313">
        <v>3</v>
      </c>
      <c r="CT35" s="313">
        <v>1</v>
      </c>
      <c r="CU35" s="310">
        <v>23</v>
      </c>
      <c r="CV35" s="315">
        <v>23</v>
      </c>
    </row>
    <row r="36" spans="1:100" ht="21" customHeight="1" x14ac:dyDescent="0.2">
      <c r="A36" s="294" t="s">
        <v>34</v>
      </c>
      <c r="B36" s="309">
        <v>0</v>
      </c>
      <c r="C36" s="310">
        <v>0</v>
      </c>
      <c r="D36" s="311">
        <v>0</v>
      </c>
      <c r="E36" s="312">
        <v>0</v>
      </c>
      <c r="F36" s="313">
        <v>0</v>
      </c>
      <c r="G36" s="313">
        <v>0</v>
      </c>
      <c r="H36" s="313">
        <v>0</v>
      </c>
      <c r="I36" s="313">
        <v>0</v>
      </c>
      <c r="J36" s="313">
        <v>0</v>
      </c>
      <c r="K36" s="314">
        <v>0</v>
      </c>
      <c r="L36" s="315">
        <v>0</v>
      </c>
      <c r="M36" s="309">
        <v>0</v>
      </c>
      <c r="N36" s="313">
        <v>0</v>
      </c>
      <c r="O36" s="310">
        <v>0</v>
      </c>
      <c r="P36" s="312">
        <v>0</v>
      </c>
      <c r="Q36" s="313">
        <v>0</v>
      </c>
      <c r="R36" s="313">
        <v>0</v>
      </c>
      <c r="S36" s="313">
        <v>0</v>
      </c>
      <c r="T36" s="313">
        <v>0</v>
      </c>
      <c r="U36" s="313">
        <v>0</v>
      </c>
      <c r="V36" s="310">
        <v>0</v>
      </c>
      <c r="W36" s="315">
        <v>0</v>
      </c>
      <c r="X36" s="309">
        <v>0</v>
      </c>
      <c r="Y36" s="313">
        <v>0</v>
      </c>
      <c r="Z36" s="310">
        <v>0</v>
      </c>
      <c r="AA36" s="312">
        <v>0</v>
      </c>
      <c r="AB36" s="313">
        <v>17</v>
      </c>
      <c r="AC36" s="313">
        <v>5</v>
      </c>
      <c r="AD36" s="313">
        <v>3</v>
      </c>
      <c r="AE36" s="313">
        <v>3</v>
      </c>
      <c r="AF36" s="313">
        <v>1</v>
      </c>
      <c r="AG36" s="310">
        <v>29</v>
      </c>
      <c r="AH36" s="315">
        <v>29</v>
      </c>
      <c r="AI36" s="309">
        <v>0</v>
      </c>
      <c r="AJ36" s="313">
        <v>0</v>
      </c>
      <c r="AK36" s="310">
        <v>0</v>
      </c>
      <c r="AL36" s="312">
        <v>0</v>
      </c>
      <c r="AM36" s="313">
        <v>0</v>
      </c>
      <c r="AN36" s="313">
        <v>0</v>
      </c>
      <c r="AO36" s="313">
        <v>0</v>
      </c>
      <c r="AP36" s="313">
        <v>1</v>
      </c>
      <c r="AQ36" s="313">
        <v>0</v>
      </c>
      <c r="AR36" s="310">
        <v>1</v>
      </c>
      <c r="AS36" s="315">
        <v>1</v>
      </c>
      <c r="AT36" s="309">
        <v>3</v>
      </c>
      <c r="AU36" s="313">
        <v>1</v>
      </c>
      <c r="AV36" s="310">
        <v>4</v>
      </c>
      <c r="AW36" s="312">
        <v>0</v>
      </c>
      <c r="AX36" s="313">
        <v>7</v>
      </c>
      <c r="AY36" s="313">
        <v>7</v>
      </c>
      <c r="AZ36" s="313">
        <v>3</v>
      </c>
      <c r="BA36" s="313">
        <v>3</v>
      </c>
      <c r="BB36" s="313">
        <v>1</v>
      </c>
      <c r="BC36" s="310">
        <v>21</v>
      </c>
      <c r="BD36" s="315">
        <v>25</v>
      </c>
      <c r="BE36" s="309">
        <v>0</v>
      </c>
      <c r="BF36" s="313">
        <v>0</v>
      </c>
      <c r="BG36" s="310">
        <v>0</v>
      </c>
      <c r="BH36" s="312">
        <v>0</v>
      </c>
      <c r="BI36" s="313">
        <v>5</v>
      </c>
      <c r="BJ36" s="313">
        <v>2</v>
      </c>
      <c r="BK36" s="313">
        <v>2</v>
      </c>
      <c r="BL36" s="313">
        <v>3</v>
      </c>
      <c r="BM36" s="313">
        <v>3</v>
      </c>
      <c r="BN36" s="314">
        <v>15</v>
      </c>
      <c r="BO36" s="315">
        <v>15</v>
      </c>
      <c r="BP36" s="309">
        <v>0</v>
      </c>
      <c r="BQ36" s="313">
        <v>0</v>
      </c>
      <c r="BR36" s="310">
        <v>0</v>
      </c>
      <c r="BS36" s="312">
        <v>0</v>
      </c>
      <c r="BT36" s="313">
        <v>0</v>
      </c>
      <c r="BU36" s="313">
        <v>0</v>
      </c>
      <c r="BV36" s="313">
        <v>0</v>
      </c>
      <c r="BW36" s="313">
        <v>0</v>
      </c>
      <c r="BX36" s="313">
        <v>0</v>
      </c>
      <c r="BY36" s="310">
        <v>0</v>
      </c>
      <c r="BZ36" s="315">
        <v>0</v>
      </c>
      <c r="CA36" s="309">
        <v>0</v>
      </c>
      <c r="CB36" s="313">
        <v>0</v>
      </c>
      <c r="CC36" s="310">
        <v>0</v>
      </c>
      <c r="CD36" s="312">
        <v>0</v>
      </c>
      <c r="CE36" s="313">
        <v>0</v>
      </c>
      <c r="CF36" s="313">
        <v>0</v>
      </c>
      <c r="CG36" s="313">
        <v>0</v>
      </c>
      <c r="CH36" s="313">
        <v>0</v>
      </c>
      <c r="CI36" s="313">
        <v>0</v>
      </c>
      <c r="CJ36" s="310">
        <v>0</v>
      </c>
      <c r="CK36" s="315">
        <v>0</v>
      </c>
      <c r="CL36" s="309">
        <v>0</v>
      </c>
      <c r="CM36" s="313">
        <v>0</v>
      </c>
      <c r="CN36" s="310">
        <v>0</v>
      </c>
      <c r="CO36" s="312">
        <v>0</v>
      </c>
      <c r="CP36" s="313">
        <v>7</v>
      </c>
      <c r="CQ36" s="313">
        <v>7</v>
      </c>
      <c r="CR36" s="313">
        <v>6</v>
      </c>
      <c r="CS36" s="313">
        <v>4</v>
      </c>
      <c r="CT36" s="313">
        <v>1</v>
      </c>
      <c r="CU36" s="310">
        <v>25</v>
      </c>
      <c r="CV36" s="315">
        <v>25</v>
      </c>
    </row>
    <row r="37" spans="1:100" ht="21" customHeight="1" x14ac:dyDescent="0.2">
      <c r="A37" s="294" t="s">
        <v>35</v>
      </c>
      <c r="B37" s="309">
        <v>0</v>
      </c>
      <c r="C37" s="310">
        <v>0</v>
      </c>
      <c r="D37" s="311">
        <v>0</v>
      </c>
      <c r="E37" s="312">
        <v>0</v>
      </c>
      <c r="F37" s="313">
        <v>0</v>
      </c>
      <c r="G37" s="313">
        <v>1</v>
      </c>
      <c r="H37" s="313">
        <v>1</v>
      </c>
      <c r="I37" s="313">
        <v>1</v>
      </c>
      <c r="J37" s="313">
        <v>0</v>
      </c>
      <c r="K37" s="314">
        <v>3</v>
      </c>
      <c r="L37" s="315">
        <v>3</v>
      </c>
      <c r="M37" s="309">
        <v>0</v>
      </c>
      <c r="N37" s="313">
        <v>0</v>
      </c>
      <c r="O37" s="310">
        <v>0</v>
      </c>
      <c r="P37" s="312">
        <v>0</v>
      </c>
      <c r="Q37" s="313">
        <v>0</v>
      </c>
      <c r="R37" s="313">
        <v>0</v>
      </c>
      <c r="S37" s="313">
        <v>0</v>
      </c>
      <c r="T37" s="313">
        <v>0</v>
      </c>
      <c r="U37" s="313">
        <v>0</v>
      </c>
      <c r="V37" s="310">
        <v>0</v>
      </c>
      <c r="W37" s="315">
        <v>0</v>
      </c>
      <c r="X37" s="309">
        <v>0</v>
      </c>
      <c r="Y37" s="313">
        <v>0</v>
      </c>
      <c r="Z37" s="310">
        <v>0</v>
      </c>
      <c r="AA37" s="312">
        <v>0</v>
      </c>
      <c r="AB37" s="313">
        <v>17</v>
      </c>
      <c r="AC37" s="313">
        <v>15</v>
      </c>
      <c r="AD37" s="313">
        <v>11</v>
      </c>
      <c r="AE37" s="313">
        <v>10</v>
      </c>
      <c r="AF37" s="313">
        <v>1</v>
      </c>
      <c r="AG37" s="310">
        <v>54</v>
      </c>
      <c r="AH37" s="315">
        <v>54</v>
      </c>
      <c r="AI37" s="309">
        <v>0</v>
      </c>
      <c r="AJ37" s="313">
        <v>0</v>
      </c>
      <c r="AK37" s="310">
        <v>0</v>
      </c>
      <c r="AL37" s="312">
        <v>0</v>
      </c>
      <c r="AM37" s="313">
        <v>0</v>
      </c>
      <c r="AN37" s="313">
        <v>0</v>
      </c>
      <c r="AO37" s="313">
        <v>0</v>
      </c>
      <c r="AP37" s="313">
        <v>0</v>
      </c>
      <c r="AQ37" s="313">
        <v>0</v>
      </c>
      <c r="AR37" s="310">
        <v>0</v>
      </c>
      <c r="AS37" s="315">
        <v>0</v>
      </c>
      <c r="AT37" s="309">
        <v>1</v>
      </c>
      <c r="AU37" s="313">
        <v>2</v>
      </c>
      <c r="AV37" s="310">
        <v>3</v>
      </c>
      <c r="AW37" s="312">
        <v>0</v>
      </c>
      <c r="AX37" s="313">
        <v>11</v>
      </c>
      <c r="AY37" s="313">
        <v>8</v>
      </c>
      <c r="AZ37" s="313">
        <v>9</v>
      </c>
      <c r="BA37" s="313">
        <v>2</v>
      </c>
      <c r="BB37" s="313">
        <v>1</v>
      </c>
      <c r="BC37" s="310">
        <v>31</v>
      </c>
      <c r="BD37" s="315">
        <v>34</v>
      </c>
      <c r="BE37" s="309">
        <v>0</v>
      </c>
      <c r="BF37" s="313">
        <v>1</v>
      </c>
      <c r="BG37" s="310">
        <v>1</v>
      </c>
      <c r="BH37" s="312">
        <v>0</v>
      </c>
      <c r="BI37" s="313">
        <v>10</v>
      </c>
      <c r="BJ37" s="313">
        <v>16</v>
      </c>
      <c r="BK37" s="313">
        <v>17</v>
      </c>
      <c r="BL37" s="313">
        <v>12</v>
      </c>
      <c r="BM37" s="313">
        <v>6</v>
      </c>
      <c r="BN37" s="314">
        <v>61</v>
      </c>
      <c r="BO37" s="315">
        <v>62</v>
      </c>
      <c r="BP37" s="309">
        <v>0</v>
      </c>
      <c r="BQ37" s="313">
        <v>0</v>
      </c>
      <c r="BR37" s="310">
        <v>0</v>
      </c>
      <c r="BS37" s="312">
        <v>0</v>
      </c>
      <c r="BT37" s="313">
        <v>0</v>
      </c>
      <c r="BU37" s="313">
        <v>0</v>
      </c>
      <c r="BV37" s="313">
        <v>0</v>
      </c>
      <c r="BW37" s="313">
        <v>0</v>
      </c>
      <c r="BX37" s="313">
        <v>0</v>
      </c>
      <c r="BY37" s="310">
        <v>0</v>
      </c>
      <c r="BZ37" s="315">
        <v>0</v>
      </c>
      <c r="CA37" s="309">
        <v>0</v>
      </c>
      <c r="CB37" s="313">
        <v>0</v>
      </c>
      <c r="CC37" s="310">
        <v>0</v>
      </c>
      <c r="CD37" s="312">
        <v>0</v>
      </c>
      <c r="CE37" s="313">
        <v>0</v>
      </c>
      <c r="CF37" s="313">
        <v>0</v>
      </c>
      <c r="CG37" s="313">
        <v>0</v>
      </c>
      <c r="CH37" s="313">
        <v>0</v>
      </c>
      <c r="CI37" s="313">
        <v>0</v>
      </c>
      <c r="CJ37" s="310">
        <v>0</v>
      </c>
      <c r="CK37" s="315">
        <v>0</v>
      </c>
      <c r="CL37" s="309">
        <v>0</v>
      </c>
      <c r="CM37" s="313">
        <v>0</v>
      </c>
      <c r="CN37" s="310">
        <v>0</v>
      </c>
      <c r="CO37" s="312">
        <v>0</v>
      </c>
      <c r="CP37" s="313">
        <v>0</v>
      </c>
      <c r="CQ37" s="313">
        <v>0</v>
      </c>
      <c r="CR37" s="313">
        <v>0</v>
      </c>
      <c r="CS37" s="313">
        <v>0</v>
      </c>
      <c r="CT37" s="313">
        <v>0</v>
      </c>
      <c r="CU37" s="310">
        <v>0</v>
      </c>
      <c r="CV37" s="315">
        <v>0</v>
      </c>
    </row>
    <row r="38" spans="1:100" ht="21" customHeight="1" x14ac:dyDescent="0.2">
      <c r="A38" s="294" t="s">
        <v>36</v>
      </c>
      <c r="B38" s="309">
        <v>0</v>
      </c>
      <c r="C38" s="310">
        <v>0</v>
      </c>
      <c r="D38" s="311">
        <v>0</v>
      </c>
      <c r="E38" s="312">
        <v>0</v>
      </c>
      <c r="F38" s="313">
        <v>0</v>
      </c>
      <c r="G38" s="313">
        <v>0</v>
      </c>
      <c r="H38" s="313">
        <v>0</v>
      </c>
      <c r="I38" s="313">
        <v>0</v>
      </c>
      <c r="J38" s="313">
        <v>0</v>
      </c>
      <c r="K38" s="314">
        <v>0</v>
      </c>
      <c r="L38" s="315">
        <v>0</v>
      </c>
      <c r="M38" s="309">
        <v>0</v>
      </c>
      <c r="N38" s="313">
        <v>0</v>
      </c>
      <c r="O38" s="310">
        <v>0</v>
      </c>
      <c r="P38" s="312">
        <v>0</v>
      </c>
      <c r="Q38" s="313">
        <v>0</v>
      </c>
      <c r="R38" s="313">
        <v>0</v>
      </c>
      <c r="S38" s="313">
        <v>0</v>
      </c>
      <c r="T38" s="313">
        <v>0</v>
      </c>
      <c r="U38" s="313">
        <v>0</v>
      </c>
      <c r="V38" s="310">
        <v>0</v>
      </c>
      <c r="W38" s="315">
        <v>0</v>
      </c>
      <c r="X38" s="309">
        <v>0</v>
      </c>
      <c r="Y38" s="313">
        <v>0</v>
      </c>
      <c r="Z38" s="310">
        <v>0</v>
      </c>
      <c r="AA38" s="312">
        <v>0</v>
      </c>
      <c r="AB38" s="313">
        <v>67</v>
      </c>
      <c r="AC38" s="313">
        <v>60</v>
      </c>
      <c r="AD38" s="313">
        <v>28</v>
      </c>
      <c r="AE38" s="313">
        <v>14</v>
      </c>
      <c r="AF38" s="313">
        <v>11</v>
      </c>
      <c r="AG38" s="310">
        <v>180</v>
      </c>
      <c r="AH38" s="315">
        <v>180</v>
      </c>
      <c r="AI38" s="309">
        <v>0</v>
      </c>
      <c r="AJ38" s="313">
        <v>0</v>
      </c>
      <c r="AK38" s="310">
        <v>0</v>
      </c>
      <c r="AL38" s="312">
        <v>0</v>
      </c>
      <c r="AM38" s="313">
        <v>0</v>
      </c>
      <c r="AN38" s="313">
        <v>0</v>
      </c>
      <c r="AO38" s="313">
        <v>0</v>
      </c>
      <c r="AP38" s="313">
        <v>0</v>
      </c>
      <c r="AQ38" s="313">
        <v>0</v>
      </c>
      <c r="AR38" s="310">
        <v>0</v>
      </c>
      <c r="AS38" s="315">
        <v>0</v>
      </c>
      <c r="AT38" s="309">
        <v>1</v>
      </c>
      <c r="AU38" s="313">
        <v>1</v>
      </c>
      <c r="AV38" s="310">
        <v>2</v>
      </c>
      <c r="AW38" s="312">
        <v>0</v>
      </c>
      <c r="AX38" s="313">
        <v>8</v>
      </c>
      <c r="AY38" s="313">
        <v>2</v>
      </c>
      <c r="AZ38" s="313">
        <v>4</v>
      </c>
      <c r="BA38" s="313">
        <v>2</v>
      </c>
      <c r="BB38" s="313">
        <v>0</v>
      </c>
      <c r="BC38" s="310">
        <v>16</v>
      </c>
      <c r="BD38" s="315">
        <v>18</v>
      </c>
      <c r="BE38" s="309">
        <v>0</v>
      </c>
      <c r="BF38" s="313">
        <v>0</v>
      </c>
      <c r="BG38" s="310">
        <v>0</v>
      </c>
      <c r="BH38" s="312">
        <v>0</v>
      </c>
      <c r="BI38" s="313">
        <v>4</v>
      </c>
      <c r="BJ38" s="313">
        <v>5</v>
      </c>
      <c r="BK38" s="313">
        <v>14</v>
      </c>
      <c r="BL38" s="313">
        <v>9</v>
      </c>
      <c r="BM38" s="313">
        <v>6</v>
      </c>
      <c r="BN38" s="314">
        <v>38</v>
      </c>
      <c r="BO38" s="315">
        <v>38</v>
      </c>
      <c r="BP38" s="309">
        <v>0</v>
      </c>
      <c r="BQ38" s="313">
        <v>0</v>
      </c>
      <c r="BR38" s="310">
        <v>0</v>
      </c>
      <c r="BS38" s="312">
        <v>0</v>
      </c>
      <c r="BT38" s="313">
        <v>0</v>
      </c>
      <c r="BU38" s="313">
        <v>0</v>
      </c>
      <c r="BV38" s="313">
        <v>0</v>
      </c>
      <c r="BW38" s="313">
        <v>0</v>
      </c>
      <c r="BX38" s="313">
        <v>0</v>
      </c>
      <c r="BY38" s="310">
        <v>0</v>
      </c>
      <c r="BZ38" s="315">
        <v>0</v>
      </c>
      <c r="CA38" s="309">
        <v>0</v>
      </c>
      <c r="CB38" s="313">
        <v>0</v>
      </c>
      <c r="CC38" s="310">
        <v>0</v>
      </c>
      <c r="CD38" s="312">
        <v>0</v>
      </c>
      <c r="CE38" s="313">
        <v>0</v>
      </c>
      <c r="CF38" s="313">
        <v>0</v>
      </c>
      <c r="CG38" s="313">
        <v>0</v>
      </c>
      <c r="CH38" s="313">
        <v>0</v>
      </c>
      <c r="CI38" s="313">
        <v>0</v>
      </c>
      <c r="CJ38" s="310">
        <v>0</v>
      </c>
      <c r="CK38" s="315">
        <v>0</v>
      </c>
      <c r="CL38" s="309">
        <v>0</v>
      </c>
      <c r="CM38" s="313">
        <v>0</v>
      </c>
      <c r="CN38" s="310">
        <v>0</v>
      </c>
      <c r="CO38" s="312">
        <v>0</v>
      </c>
      <c r="CP38" s="313">
        <v>0</v>
      </c>
      <c r="CQ38" s="313">
        <v>0</v>
      </c>
      <c r="CR38" s="313">
        <v>0</v>
      </c>
      <c r="CS38" s="313">
        <v>0</v>
      </c>
      <c r="CT38" s="313">
        <v>0</v>
      </c>
      <c r="CU38" s="310">
        <v>0</v>
      </c>
      <c r="CV38" s="315">
        <v>0</v>
      </c>
    </row>
    <row r="39" spans="1:100" ht="21" customHeight="1" thickBot="1" x14ac:dyDescent="0.25">
      <c r="A39" s="295" t="s">
        <v>37</v>
      </c>
      <c r="B39" s="316">
        <v>0</v>
      </c>
      <c r="C39" s="317">
        <v>0</v>
      </c>
      <c r="D39" s="318">
        <v>0</v>
      </c>
      <c r="E39" s="319">
        <v>0</v>
      </c>
      <c r="F39" s="320">
        <v>0</v>
      </c>
      <c r="G39" s="320">
        <v>0</v>
      </c>
      <c r="H39" s="320">
        <v>0</v>
      </c>
      <c r="I39" s="320">
        <v>0</v>
      </c>
      <c r="J39" s="320">
        <v>1</v>
      </c>
      <c r="K39" s="321">
        <v>1</v>
      </c>
      <c r="L39" s="322">
        <v>1</v>
      </c>
      <c r="M39" s="316">
        <v>0</v>
      </c>
      <c r="N39" s="320">
        <v>0</v>
      </c>
      <c r="O39" s="317">
        <v>0</v>
      </c>
      <c r="P39" s="319">
        <v>0</v>
      </c>
      <c r="Q39" s="320">
        <v>0</v>
      </c>
      <c r="R39" s="320">
        <v>0</v>
      </c>
      <c r="S39" s="320">
        <v>0</v>
      </c>
      <c r="T39" s="320">
        <v>0</v>
      </c>
      <c r="U39" s="320">
        <v>0</v>
      </c>
      <c r="V39" s="317">
        <v>0</v>
      </c>
      <c r="W39" s="322">
        <v>0</v>
      </c>
      <c r="X39" s="316">
        <v>0</v>
      </c>
      <c r="Y39" s="320">
        <v>0</v>
      </c>
      <c r="Z39" s="317">
        <v>0</v>
      </c>
      <c r="AA39" s="319">
        <v>0</v>
      </c>
      <c r="AB39" s="320">
        <v>13</v>
      </c>
      <c r="AC39" s="320">
        <v>13</v>
      </c>
      <c r="AD39" s="320">
        <v>2</v>
      </c>
      <c r="AE39" s="320">
        <v>1</v>
      </c>
      <c r="AF39" s="320">
        <v>2</v>
      </c>
      <c r="AG39" s="317">
        <v>31</v>
      </c>
      <c r="AH39" s="322">
        <v>31</v>
      </c>
      <c r="AI39" s="316">
        <v>0</v>
      </c>
      <c r="AJ39" s="320">
        <v>0</v>
      </c>
      <c r="AK39" s="317">
        <v>0</v>
      </c>
      <c r="AL39" s="319">
        <v>0</v>
      </c>
      <c r="AM39" s="320">
        <v>1</v>
      </c>
      <c r="AN39" s="320">
        <v>0</v>
      </c>
      <c r="AO39" s="320">
        <v>1</v>
      </c>
      <c r="AP39" s="320">
        <v>1</v>
      </c>
      <c r="AQ39" s="320">
        <v>0</v>
      </c>
      <c r="AR39" s="317">
        <v>3</v>
      </c>
      <c r="AS39" s="322">
        <v>3</v>
      </c>
      <c r="AT39" s="316">
        <v>0</v>
      </c>
      <c r="AU39" s="320">
        <v>0</v>
      </c>
      <c r="AV39" s="317">
        <v>0</v>
      </c>
      <c r="AW39" s="319">
        <v>0</v>
      </c>
      <c r="AX39" s="320">
        <v>0</v>
      </c>
      <c r="AY39" s="320">
        <v>0</v>
      </c>
      <c r="AZ39" s="320">
        <v>0</v>
      </c>
      <c r="BA39" s="320">
        <v>0</v>
      </c>
      <c r="BB39" s="320">
        <v>0</v>
      </c>
      <c r="BC39" s="317">
        <v>0</v>
      </c>
      <c r="BD39" s="322">
        <v>0</v>
      </c>
      <c r="BE39" s="316">
        <v>0</v>
      </c>
      <c r="BF39" s="320">
        <v>0</v>
      </c>
      <c r="BG39" s="317">
        <v>0</v>
      </c>
      <c r="BH39" s="319">
        <v>0</v>
      </c>
      <c r="BI39" s="320">
        <v>1</v>
      </c>
      <c r="BJ39" s="320">
        <v>0</v>
      </c>
      <c r="BK39" s="320">
        <v>3</v>
      </c>
      <c r="BL39" s="320">
        <v>0</v>
      </c>
      <c r="BM39" s="320">
        <v>0</v>
      </c>
      <c r="BN39" s="321">
        <v>4</v>
      </c>
      <c r="BO39" s="322">
        <v>4</v>
      </c>
      <c r="BP39" s="316">
        <v>0</v>
      </c>
      <c r="BQ39" s="320">
        <v>0</v>
      </c>
      <c r="BR39" s="317">
        <v>0</v>
      </c>
      <c r="BS39" s="319">
        <v>0</v>
      </c>
      <c r="BT39" s="320">
        <v>0</v>
      </c>
      <c r="BU39" s="320">
        <v>0</v>
      </c>
      <c r="BV39" s="320">
        <v>0</v>
      </c>
      <c r="BW39" s="320">
        <v>0</v>
      </c>
      <c r="BX39" s="320">
        <v>0</v>
      </c>
      <c r="BY39" s="317">
        <v>0</v>
      </c>
      <c r="BZ39" s="322">
        <v>0</v>
      </c>
      <c r="CA39" s="316">
        <v>0</v>
      </c>
      <c r="CB39" s="320">
        <v>0</v>
      </c>
      <c r="CC39" s="317">
        <v>0</v>
      </c>
      <c r="CD39" s="319">
        <v>0</v>
      </c>
      <c r="CE39" s="320">
        <v>0</v>
      </c>
      <c r="CF39" s="320">
        <v>0</v>
      </c>
      <c r="CG39" s="320">
        <v>0</v>
      </c>
      <c r="CH39" s="320">
        <v>0</v>
      </c>
      <c r="CI39" s="320">
        <v>0</v>
      </c>
      <c r="CJ39" s="317">
        <v>0</v>
      </c>
      <c r="CK39" s="322">
        <v>0</v>
      </c>
      <c r="CL39" s="316">
        <v>0</v>
      </c>
      <c r="CM39" s="320">
        <v>0</v>
      </c>
      <c r="CN39" s="317">
        <v>0</v>
      </c>
      <c r="CO39" s="319">
        <v>0</v>
      </c>
      <c r="CP39" s="320">
        <v>0</v>
      </c>
      <c r="CQ39" s="320">
        <v>0</v>
      </c>
      <c r="CR39" s="320">
        <v>0</v>
      </c>
      <c r="CS39" s="320">
        <v>0</v>
      </c>
      <c r="CT39" s="320">
        <v>0</v>
      </c>
      <c r="CU39" s="317">
        <v>0</v>
      </c>
      <c r="CV39" s="322">
        <v>0</v>
      </c>
    </row>
  </sheetData>
  <mergeCells count="39">
    <mergeCell ref="P4:V4"/>
    <mergeCell ref="AT3:BD3"/>
    <mergeCell ref="H1:I1"/>
    <mergeCell ref="K1:L1"/>
    <mergeCell ref="BZ4:BZ5"/>
    <mergeCell ref="BE3:BO3"/>
    <mergeCell ref="BP3:BZ3"/>
    <mergeCell ref="BO4:BO5"/>
    <mergeCell ref="BD4:BD5"/>
    <mergeCell ref="A3:A5"/>
    <mergeCell ref="AH4:AH5"/>
    <mergeCell ref="AI4:AK4"/>
    <mergeCell ref="B3:L3"/>
    <mergeCell ref="M3:W3"/>
    <mergeCell ref="X3:AH3"/>
    <mergeCell ref="AI3:AS3"/>
    <mergeCell ref="AL4:AR4"/>
    <mergeCell ref="AS4:AS5"/>
    <mergeCell ref="B4:D4"/>
    <mergeCell ref="E4:K4"/>
    <mergeCell ref="L4:L5"/>
    <mergeCell ref="W4:W5"/>
    <mergeCell ref="X4:Z4"/>
    <mergeCell ref="AA4:AG4"/>
    <mergeCell ref="M4:O4"/>
    <mergeCell ref="CL3:CV3"/>
    <mergeCell ref="CO4:CU4"/>
    <mergeCell ref="CL4:CN4"/>
    <mergeCell ref="CA4:CC4"/>
    <mergeCell ref="AT4:AV4"/>
    <mergeCell ref="AW4:BC4"/>
    <mergeCell ref="CD4:CJ4"/>
    <mergeCell ref="BE4:BG4"/>
    <mergeCell ref="BH4:BN4"/>
    <mergeCell ref="BP4:BR4"/>
    <mergeCell ref="BS4:BY4"/>
    <mergeCell ref="CA3:CK3"/>
    <mergeCell ref="CV4:CV5"/>
    <mergeCell ref="CK4:CK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88"/>
    <col min="4" max="4" width="10.33203125" style="288" customWidth="1"/>
    <col min="5" max="5" width="7.6640625" style="288" customWidth="1"/>
    <col min="6" max="6" width="8.44140625" style="288" customWidth="1"/>
    <col min="7" max="7" width="8.77734375" style="288" customWidth="1"/>
    <col min="8" max="15" width="9" style="288"/>
    <col min="16" max="16" width="7.21875" style="288" customWidth="1"/>
    <col min="17" max="26" width="9" style="288"/>
    <col min="27" max="27" width="7.6640625" style="288" customWidth="1"/>
    <col min="28" max="37" width="9" style="288"/>
    <col min="38" max="38" width="7.6640625" style="288" customWidth="1"/>
    <col min="39" max="48" width="9" style="288"/>
    <col min="49" max="49" width="7.6640625" style="288" customWidth="1"/>
    <col min="50" max="59" width="9" style="288"/>
    <col min="60" max="60" width="7.21875" style="288" customWidth="1"/>
    <col min="61" max="70" width="9" style="288"/>
    <col min="71" max="71" width="7.21875" style="288" customWidth="1"/>
    <col min="72" max="81" width="9" style="288"/>
    <col min="82" max="82" width="7.33203125" style="288" customWidth="1"/>
    <col min="83" max="92" width="9" style="288"/>
    <col min="93" max="93" width="7.44140625" style="288" customWidth="1"/>
    <col min="94" max="16384" width="9" style="288"/>
  </cols>
  <sheetData>
    <row r="1" spans="1:100" ht="22.5" customHeight="1" x14ac:dyDescent="0.2">
      <c r="A1" s="323" t="s">
        <v>124</v>
      </c>
      <c r="H1" s="457">
        <f>第１表!F2</f>
        <v>3</v>
      </c>
      <c r="I1" s="457"/>
      <c r="J1" s="280">
        <f>第１表!G2</f>
        <v>12</v>
      </c>
      <c r="K1" s="458">
        <f>IF(J1&lt;3,J1+12-2,J1-2)</f>
        <v>10</v>
      </c>
      <c r="L1" s="458"/>
    </row>
    <row r="2" spans="1:100" s="324" customFormat="1" ht="21" customHeight="1" thickBot="1" x14ac:dyDescent="0.25">
      <c r="A2" s="323" t="s">
        <v>131</v>
      </c>
    </row>
    <row r="3" spans="1:100" ht="23.25" customHeight="1" thickBot="1" x14ac:dyDescent="0.25">
      <c r="A3" s="466"/>
      <c r="B3" s="469" t="s">
        <v>94</v>
      </c>
      <c r="C3" s="470"/>
      <c r="D3" s="470"/>
      <c r="E3" s="470"/>
      <c r="F3" s="470"/>
      <c r="G3" s="470"/>
      <c r="H3" s="470"/>
      <c r="I3" s="470"/>
      <c r="J3" s="470"/>
      <c r="K3" s="470"/>
      <c r="L3" s="471"/>
      <c r="M3" s="469" t="s">
        <v>88</v>
      </c>
      <c r="N3" s="470"/>
      <c r="O3" s="470"/>
      <c r="P3" s="470"/>
      <c r="Q3" s="470"/>
      <c r="R3" s="470"/>
      <c r="S3" s="470"/>
      <c r="T3" s="470"/>
      <c r="U3" s="470"/>
      <c r="V3" s="470"/>
      <c r="W3" s="471"/>
      <c r="X3" s="469" t="s">
        <v>142</v>
      </c>
      <c r="Y3" s="470"/>
      <c r="Z3" s="470"/>
      <c r="AA3" s="470"/>
      <c r="AB3" s="470"/>
      <c r="AC3" s="470"/>
      <c r="AD3" s="470"/>
      <c r="AE3" s="470"/>
      <c r="AF3" s="470"/>
      <c r="AG3" s="470"/>
      <c r="AH3" s="471"/>
      <c r="AI3" s="469" t="s">
        <v>90</v>
      </c>
      <c r="AJ3" s="470"/>
      <c r="AK3" s="470"/>
      <c r="AL3" s="470"/>
      <c r="AM3" s="470"/>
      <c r="AN3" s="470"/>
      <c r="AO3" s="470"/>
      <c r="AP3" s="470"/>
      <c r="AQ3" s="470"/>
      <c r="AR3" s="470"/>
      <c r="AS3" s="471"/>
      <c r="AT3" s="475" t="s">
        <v>89</v>
      </c>
      <c r="AU3" s="476"/>
      <c r="AV3" s="476"/>
      <c r="AW3" s="476"/>
      <c r="AX3" s="476"/>
      <c r="AY3" s="476"/>
      <c r="AZ3" s="476"/>
      <c r="BA3" s="476"/>
      <c r="BB3" s="476"/>
      <c r="BC3" s="476"/>
      <c r="BD3" s="477"/>
      <c r="BE3" s="475" t="s">
        <v>91</v>
      </c>
      <c r="BF3" s="476"/>
      <c r="BG3" s="476"/>
      <c r="BH3" s="476"/>
      <c r="BI3" s="476"/>
      <c r="BJ3" s="476"/>
      <c r="BK3" s="476"/>
      <c r="BL3" s="476"/>
      <c r="BM3" s="476"/>
      <c r="BN3" s="476"/>
      <c r="BO3" s="477"/>
      <c r="BP3" s="475" t="s">
        <v>92</v>
      </c>
      <c r="BQ3" s="476"/>
      <c r="BR3" s="476"/>
      <c r="BS3" s="476"/>
      <c r="BT3" s="476"/>
      <c r="BU3" s="476"/>
      <c r="BV3" s="476"/>
      <c r="BW3" s="476"/>
      <c r="BX3" s="476"/>
      <c r="BY3" s="476"/>
      <c r="BZ3" s="477"/>
      <c r="CA3" s="475" t="s">
        <v>93</v>
      </c>
      <c r="CB3" s="476"/>
      <c r="CC3" s="476"/>
      <c r="CD3" s="476"/>
      <c r="CE3" s="476"/>
      <c r="CF3" s="476"/>
      <c r="CG3" s="476"/>
      <c r="CH3" s="476"/>
      <c r="CI3" s="476"/>
      <c r="CJ3" s="476"/>
      <c r="CK3" s="477"/>
      <c r="CL3" s="476" t="s">
        <v>141</v>
      </c>
      <c r="CM3" s="476"/>
      <c r="CN3" s="476"/>
      <c r="CO3" s="476"/>
      <c r="CP3" s="476"/>
      <c r="CQ3" s="476"/>
      <c r="CR3" s="476"/>
      <c r="CS3" s="476"/>
      <c r="CT3" s="476"/>
      <c r="CU3" s="476"/>
      <c r="CV3" s="477"/>
    </row>
    <row r="4" spans="1:100" ht="22.5" customHeight="1" x14ac:dyDescent="0.2">
      <c r="A4" s="467"/>
      <c r="B4" s="461" t="s">
        <v>61</v>
      </c>
      <c r="C4" s="462"/>
      <c r="D4" s="463"/>
      <c r="E4" s="464" t="s">
        <v>62</v>
      </c>
      <c r="F4" s="462"/>
      <c r="G4" s="462"/>
      <c r="H4" s="462"/>
      <c r="I4" s="462"/>
      <c r="J4" s="462"/>
      <c r="K4" s="465"/>
      <c r="L4" s="459" t="s">
        <v>52</v>
      </c>
      <c r="M4" s="461" t="s">
        <v>61</v>
      </c>
      <c r="N4" s="462"/>
      <c r="O4" s="463"/>
      <c r="P4" s="464" t="s">
        <v>62</v>
      </c>
      <c r="Q4" s="462"/>
      <c r="R4" s="462"/>
      <c r="S4" s="462"/>
      <c r="T4" s="462"/>
      <c r="U4" s="462"/>
      <c r="V4" s="463"/>
      <c r="W4" s="459" t="s">
        <v>52</v>
      </c>
      <c r="X4" s="461" t="s">
        <v>61</v>
      </c>
      <c r="Y4" s="462"/>
      <c r="Z4" s="463"/>
      <c r="AA4" s="464" t="s">
        <v>62</v>
      </c>
      <c r="AB4" s="462"/>
      <c r="AC4" s="462"/>
      <c r="AD4" s="462"/>
      <c r="AE4" s="462"/>
      <c r="AF4" s="462"/>
      <c r="AG4" s="463"/>
      <c r="AH4" s="459" t="s">
        <v>52</v>
      </c>
      <c r="AI4" s="461" t="s">
        <v>61</v>
      </c>
      <c r="AJ4" s="462"/>
      <c r="AK4" s="463"/>
      <c r="AL4" s="464" t="s">
        <v>62</v>
      </c>
      <c r="AM4" s="462"/>
      <c r="AN4" s="462"/>
      <c r="AO4" s="462"/>
      <c r="AP4" s="462"/>
      <c r="AQ4" s="462"/>
      <c r="AR4" s="463"/>
      <c r="AS4" s="459" t="s">
        <v>52</v>
      </c>
      <c r="AT4" s="491" t="s">
        <v>61</v>
      </c>
      <c r="AU4" s="489"/>
      <c r="AV4" s="490"/>
      <c r="AW4" s="488" t="s">
        <v>62</v>
      </c>
      <c r="AX4" s="489"/>
      <c r="AY4" s="489"/>
      <c r="AZ4" s="489"/>
      <c r="BA4" s="489"/>
      <c r="BB4" s="489"/>
      <c r="BC4" s="490"/>
      <c r="BD4" s="492" t="s">
        <v>52</v>
      </c>
      <c r="BE4" s="491" t="s">
        <v>61</v>
      </c>
      <c r="BF4" s="489"/>
      <c r="BG4" s="490"/>
      <c r="BH4" s="488" t="s">
        <v>62</v>
      </c>
      <c r="BI4" s="489"/>
      <c r="BJ4" s="489"/>
      <c r="BK4" s="489"/>
      <c r="BL4" s="489"/>
      <c r="BM4" s="489"/>
      <c r="BN4" s="490"/>
      <c r="BO4" s="492" t="s">
        <v>52</v>
      </c>
      <c r="BP4" s="491" t="s">
        <v>61</v>
      </c>
      <c r="BQ4" s="489"/>
      <c r="BR4" s="490"/>
      <c r="BS4" s="488" t="s">
        <v>62</v>
      </c>
      <c r="BT4" s="489"/>
      <c r="BU4" s="489"/>
      <c r="BV4" s="489"/>
      <c r="BW4" s="489"/>
      <c r="BX4" s="489"/>
      <c r="BY4" s="490"/>
      <c r="BZ4" s="492" t="s">
        <v>52</v>
      </c>
      <c r="CA4" s="491" t="s">
        <v>61</v>
      </c>
      <c r="CB4" s="489"/>
      <c r="CC4" s="490"/>
      <c r="CD4" s="488" t="s">
        <v>62</v>
      </c>
      <c r="CE4" s="489"/>
      <c r="CF4" s="489"/>
      <c r="CG4" s="489"/>
      <c r="CH4" s="489"/>
      <c r="CI4" s="489"/>
      <c r="CJ4" s="490"/>
      <c r="CK4" s="492" t="s">
        <v>52</v>
      </c>
      <c r="CL4" s="491" t="s">
        <v>61</v>
      </c>
      <c r="CM4" s="489"/>
      <c r="CN4" s="490"/>
      <c r="CO4" s="488" t="s">
        <v>62</v>
      </c>
      <c r="CP4" s="489"/>
      <c r="CQ4" s="489"/>
      <c r="CR4" s="489"/>
      <c r="CS4" s="489"/>
      <c r="CT4" s="489"/>
      <c r="CU4" s="490"/>
      <c r="CV4" s="492" t="s">
        <v>52</v>
      </c>
    </row>
    <row r="5" spans="1:100" ht="34.5" customHeight="1" thickBot="1" x14ac:dyDescent="0.25">
      <c r="A5" s="468"/>
      <c r="B5" s="363" t="s">
        <v>43</v>
      </c>
      <c r="C5" s="298" t="s">
        <v>44</v>
      </c>
      <c r="D5" s="299" t="s">
        <v>45</v>
      </c>
      <c r="E5" s="300" t="s">
        <v>83</v>
      </c>
      <c r="F5" s="292" t="s">
        <v>47</v>
      </c>
      <c r="G5" s="292" t="s">
        <v>48</v>
      </c>
      <c r="H5" s="292" t="s">
        <v>49</v>
      </c>
      <c r="I5" s="292" t="s">
        <v>50</v>
      </c>
      <c r="J5" s="292" t="s">
        <v>51</v>
      </c>
      <c r="K5" s="301" t="s">
        <v>45</v>
      </c>
      <c r="L5" s="460"/>
      <c r="M5" s="363" t="s">
        <v>43</v>
      </c>
      <c r="N5" s="292" t="s">
        <v>44</v>
      </c>
      <c r="O5" s="298" t="s">
        <v>45</v>
      </c>
      <c r="P5" s="300" t="s">
        <v>83</v>
      </c>
      <c r="Q5" s="292" t="s">
        <v>47</v>
      </c>
      <c r="R5" s="292" t="s">
        <v>48</v>
      </c>
      <c r="S5" s="292" t="s">
        <v>49</v>
      </c>
      <c r="T5" s="292" t="s">
        <v>50</v>
      </c>
      <c r="U5" s="292" t="s">
        <v>51</v>
      </c>
      <c r="V5" s="298" t="s">
        <v>45</v>
      </c>
      <c r="W5" s="460"/>
      <c r="X5" s="363" t="s">
        <v>43</v>
      </c>
      <c r="Y5" s="292" t="s">
        <v>44</v>
      </c>
      <c r="Z5" s="298" t="s">
        <v>45</v>
      </c>
      <c r="AA5" s="300" t="s">
        <v>83</v>
      </c>
      <c r="AB5" s="292" t="s">
        <v>47</v>
      </c>
      <c r="AC5" s="292" t="s">
        <v>48</v>
      </c>
      <c r="AD5" s="292" t="s">
        <v>49</v>
      </c>
      <c r="AE5" s="292" t="s">
        <v>50</v>
      </c>
      <c r="AF5" s="292" t="s">
        <v>51</v>
      </c>
      <c r="AG5" s="298" t="s">
        <v>45</v>
      </c>
      <c r="AH5" s="460"/>
      <c r="AI5" s="385" t="s">
        <v>43</v>
      </c>
      <c r="AJ5" s="292" t="s">
        <v>44</v>
      </c>
      <c r="AK5" s="298" t="s">
        <v>45</v>
      </c>
      <c r="AL5" s="300" t="s">
        <v>83</v>
      </c>
      <c r="AM5" s="292" t="s">
        <v>47</v>
      </c>
      <c r="AN5" s="292" t="s">
        <v>48</v>
      </c>
      <c r="AO5" s="292" t="s">
        <v>49</v>
      </c>
      <c r="AP5" s="292" t="s">
        <v>50</v>
      </c>
      <c r="AQ5" s="292" t="s">
        <v>51</v>
      </c>
      <c r="AR5" s="298" t="s">
        <v>45</v>
      </c>
      <c r="AS5" s="460"/>
      <c r="AT5" s="385" t="s">
        <v>43</v>
      </c>
      <c r="AU5" s="292" t="s">
        <v>44</v>
      </c>
      <c r="AV5" s="298" t="s">
        <v>45</v>
      </c>
      <c r="AW5" s="300" t="s">
        <v>83</v>
      </c>
      <c r="AX5" s="292" t="s">
        <v>47</v>
      </c>
      <c r="AY5" s="292" t="s">
        <v>48</v>
      </c>
      <c r="AZ5" s="292" t="s">
        <v>49</v>
      </c>
      <c r="BA5" s="292" t="s">
        <v>50</v>
      </c>
      <c r="BB5" s="292" t="s">
        <v>51</v>
      </c>
      <c r="BC5" s="298" t="s">
        <v>45</v>
      </c>
      <c r="BD5" s="493"/>
      <c r="BE5" s="385" t="s">
        <v>43</v>
      </c>
      <c r="BF5" s="292" t="s">
        <v>44</v>
      </c>
      <c r="BG5" s="298" t="s">
        <v>45</v>
      </c>
      <c r="BH5" s="300" t="s">
        <v>83</v>
      </c>
      <c r="BI5" s="292" t="s">
        <v>47</v>
      </c>
      <c r="BJ5" s="292" t="s">
        <v>48</v>
      </c>
      <c r="BK5" s="292" t="s">
        <v>49</v>
      </c>
      <c r="BL5" s="292" t="s">
        <v>50</v>
      </c>
      <c r="BM5" s="292" t="s">
        <v>51</v>
      </c>
      <c r="BN5" s="298" t="s">
        <v>45</v>
      </c>
      <c r="BO5" s="493"/>
      <c r="BP5" s="385" t="s">
        <v>43</v>
      </c>
      <c r="BQ5" s="292" t="s">
        <v>44</v>
      </c>
      <c r="BR5" s="298" t="s">
        <v>45</v>
      </c>
      <c r="BS5" s="300" t="s">
        <v>83</v>
      </c>
      <c r="BT5" s="292" t="s">
        <v>47</v>
      </c>
      <c r="BU5" s="292" t="s">
        <v>48</v>
      </c>
      <c r="BV5" s="292" t="s">
        <v>49</v>
      </c>
      <c r="BW5" s="292" t="s">
        <v>50</v>
      </c>
      <c r="BX5" s="292" t="s">
        <v>51</v>
      </c>
      <c r="BY5" s="298" t="s">
        <v>45</v>
      </c>
      <c r="BZ5" s="493"/>
      <c r="CA5" s="385" t="s">
        <v>43</v>
      </c>
      <c r="CB5" s="292" t="s">
        <v>44</v>
      </c>
      <c r="CC5" s="298" t="s">
        <v>45</v>
      </c>
      <c r="CD5" s="300" t="s">
        <v>83</v>
      </c>
      <c r="CE5" s="292" t="s">
        <v>47</v>
      </c>
      <c r="CF5" s="292" t="s">
        <v>48</v>
      </c>
      <c r="CG5" s="292" t="s">
        <v>49</v>
      </c>
      <c r="CH5" s="292" t="s">
        <v>50</v>
      </c>
      <c r="CI5" s="292" t="s">
        <v>51</v>
      </c>
      <c r="CJ5" s="298" t="s">
        <v>45</v>
      </c>
      <c r="CK5" s="493"/>
      <c r="CL5" s="385" t="s">
        <v>43</v>
      </c>
      <c r="CM5" s="292" t="s">
        <v>44</v>
      </c>
      <c r="CN5" s="298" t="s">
        <v>45</v>
      </c>
      <c r="CO5" s="300" t="s">
        <v>83</v>
      </c>
      <c r="CP5" s="292" t="s">
        <v>47</v>
      </c>
      <c r="CQ5" s="292" t="s">
        <v>48</v>
      </c>
      <c r="CR5" s="292" t="s">
        <v>49</v>
      </c>
      <c r="CS5" s="292" t="s">
        <v>50</v>
      </c>
      <c r="CT5" s="292" t="s">
        <v>51</v>
      </c>
      <c r="CU5" s="298" t="s">
        <v>45</v>
      </c>
      <c r="CV5" s="493"/>
    </row>
    <row r="6" spans="1:100" ht="21" customHeight="1" x14ac:dyDescent="0.2">
      <c r="A6" s="293" t="s">
        <v>4</v>
      </c>
      <c r="B6" s="302">
        <v>0</v>
      </c>
      <c r="C6" s="303">
        <v>0</v>
      </c>
      <c r="D6" s="304">
        <v>0</v>
      </c>
      <c r="E6" s="305">
        <v>0</v>
      </c>
      <c r="F6" s="306">
        <v>20</v>
      </c>
      <c r="G6" s="306">
        <v>26</v>
      </c>
      <c r="H6" s="306">
        <v>15</v>
      </c>
      <c r="I6" s="306">
        <v>23</v>
      </c>
      <c r="J6" s="306">
        <v>11</v>
      </c>
      <c r="K6" s="307">
        <v>95</v>
      </c>
      <c r="L6" s="308">
        <v>95</v>
      </c>
      <c r="M6" s="302">
        <v>0</v>
      </c>
      <c r="N6" s="306">
        <v>0</v>
      </c>
      <c r="O6" s="303">
        <v>0</v>
      </c>
      <c r="P6" s="305">
        <v>0</v>
      </c>
      <c r="Q6" s="306">
        <v>17</v>
      </c>
      <c r="R6" s="306">
        <v>36</v>
      </c>
      <c r="S6" s="306">
        <v>40</v>
      </c>
      <c r="T6" s="306">
        <v>31</v>
      </c>
      <c r="U6" s="306">
        <v>26</v>
      </c>
      <c r="V6" s="303">
        <v>150</v>
      </c>
      <c r="W6" s="308">
        <v>150</v>
      </c>
      <c r="X6" s="302">
        <v>0</v>
      </c>
      <c r="Y6" s="306">
        <v>0</v>
      </c>
      <c r="Z6" s="303">
        <v>0</v>
      </c>
      <c r="AA6" s="305">
        <v>0</v>
      </c>
      <c r="AB6" s="306">
        <v>939</v>
      </c>
      <c r="AC6" s="306">
        <v>809</v>
      </c>
      <c r="AD6" s="306">
        <v>360</v>
      </c>
      <c r="AE6" s="306">
        <v>156</v>
      </c>
      <c r="AF6" s="306">
        <v>70</v>
      </c>
      <c r="AG6" s="303">
        <v>2334</v>
      </c>
      <c r="AH6" s="308">
        <v>2334</v>
      </c>
      <c r="AI6" s="302">
        <v>1</v>
      </c>
      <c r="AJ6" s="306">
        <v>0</v>
      </c>
      <c r="AK6" s="303">
        <v>1</v>
      </c>
      <c r="AL6" s="305">
        <v>0</v>
      </c>
      <c r="AM6" s="306">
        <v>66</v>
      </c>
      <c r="AN6" s="306">
        <v>88</v>
      </c>
      <c r="AO6" s="306">
        <v>71</v>
      </c>
      <c r="AP6" s="306">
        <v>31</v>
      </c>
      <c r="AQ6" s="306">
        <v>15</v>
      </c>
      <c r="AR6" s="303">
        <v>271</v>
      </c>
      <c r="AS6" s="308">
        <v>272</v>
      </c>
      <c r="AT6" s="302">
        <v>19</v>
      </c>
      <c r="AU6" s="306">
        <v>13</v>
      </c>
      <c r="AV6" s="303">
        <v>32</v>
      </c>
      <c r="AW6" s="305">
        <v>0</v>
      </c>
      <c r="AX6" s="306">
        <v>88</v>
      </c>
      <c r="AY6" s="306">
        <v>96</v>
      </c>
      <c r="AZ6" s="306">
        <v>67</v>
      </c>
      <c r="BA6" s="306">
        <v>57</v>
      </c>
      <c r="BB6" s="306">
        <v>24</v>
      </c>
      <c r="BC6" s="303">
        <v>332</v>
      </c>
      <c r="BD6" s="308">
        <v>364</v>
      </c>
      <c r="BE6" s="302">
        <v>0</v>
      </c>
      <c r="BF6" s="306">
        <v>2</v>
      </c>
      <c r="BG6" s="303">
        <v>2</v>
      </c>
      <c r="BH6" s="305">
        <v>0</v>
      </c>
      <c r="BI6" s="306">
        <v>122</v>
      </c>
      <c r="BJ6" s="306">
        <v>169</v>
      </c>
      <c r="BK6" s="306">
        <v>184</v>
      </c>
      <c r="BL6" s="306">
        <v>108</v>
      </c>
      <c r="BM6" s="306">
        <v>43</v>
      </c>
      <c r="BN6" s="307">
        <v>626</v>
      </c>
      <c r="BO6" s="308">
        <v>628</v>
      </c>
      <c r="BP6" s="302">
        <v>0</v>
      </c>
      <c r="BQ6" s="306">
        <v>0</v>
      </c>
      <c r="BR6" s="303">
        <v>0</v>
      </c>
      <c r="BS6" s="305">
        <v>0</v>
      </c>
      <c r="BT6" s="306">
        <v>1</v>
      </c>
      <c r="BU6" s="306">
        <v>7</v>
      </c>
      <c r="BV6" s="306">
        <v>5</v>
      </c>
      <c r="BW6" s="306">
        <v>11</v>
      </c>
      <c r="BX6" s="306">
        <v>3</v>
      </c>
      <c r="BY6" s="303">
        <v>27</v>
      </c>
      <c r="BZ6" s="308">
        <v>27</v>
      </c>
      <c r="CA6" s="302">
        <v>0</v>
      </c>
      <c r="CB6" s="306">
        <v>0</v>
      </c>
      <c r="CC6" s="303">
        <v>0</v>
      </c>
      <c r="CD6" s="305">
        <v>0</v>
      </c>
      <c r="CE6" s="306">
        <v>0</v>
      </c>
      <c r="CF6" s="306">
        <v>2</v>
      </c>
      <c r="CG6" s="306">
        <v>16</v>
      </c>
      <c r="CH6" s="306">
        <v>9</v>
      </c>
      <c r="CI6" s="306">
        <v>13</v>
      </c>
      <c r="CJ6" s="303">
        <v>40</v>
      </c>
      <c r="CK6" s="308">
        <v>40</v>
      </c>
      <c r="CL6" s="302">
        <v>0</v>
      </c>
      <c r="CM6" s="306">
        <v>0</v>
      </c>
      <c r="CN6" s="303">
        <v>0</v>
      </c>
      <c r="CO6" s="305">
        <v>0</v>
      </c>
      <c r="CP6" s="306">
        <v>15</v>
      </c>
      <c r="CQ6" s="306">
        <v>17</v>
      </c>
      <c r="CR6" s="306">
        <v>18</v>
      </c>
      <c r="CS6" s="306">
        <v>18</v>
      </c>
      <c r="CT6" s="306">
        <v>29</v>
      </c>
      <c r="CU6" s="303">
        <v>97</v>
      </c>
      <c r="CV6" s="308">
        <v>97</v>
      </c>
    </row>
    <row r="7" spans="1:100" ht="21" customHeight="1" x14ac:dyDescent="0.2">
      <c r="A7" s="294" t="s">
        <v>5</v>
      </c>
      <c r="B7" s="309">
        <v>0</v>
      </c>
      <c r="C7" s="310">
        <v>0</v>
      </c>
      <c r="D7" s="311">
        <v>0</v>
      </c>
      <c r="E7" s="312">
        <v>0</v>
      </c>
      <c r="F7" s="313">
        <v>7</v>
      </c>
      <c r="G7" s="313">
        <v>15</v>
      </c>
      <c r="H7" s="313">
        <v>7</v>
      </c>
      <c r="I7" s="313">
        <v>13</v>
      </c>
      <c r="J7" s="313">
        <v>7</v>
      </c>
      <c r="K7" s="314">
        <v>49</v>
      </c>
      <c r="L7" s="315">
        <v>49</v>
      </c>
      <c r="M7" s="309">
        <v>0</v>
      </c>
      <c r="N7" s="313">
        <v>0</v>
      </c>
      <c r="O7" s="310">
        <v>0</v>
      </c>
      <c r="P7" s="312">
        <v>0</v>
      </c>
      <c r="Q7" s="313">
        <v>11</v>
      </c>
      <c r="R7" s="313">
        <v>27</v>
      </c>
      <c r="S7" s="313">
        <v>32</v>
      </c>
      <c r="T7" s="313">
        <v>24</v>
      </c>
      <c r="U7" s="313">
        <v>18</v>
      </c>
      <c r="V7" s="310">
        <v>112</v>
      </c>
      <c r="W7" s="315">
        <v>112</v>
      </c>
      <c r="X7" s="309">
        <v>0</v>
      </c>
      <c r="Y7" s="313">
        <v>0</v>
      </c>
      <c r="Z7" s="310">
        <v>0</v>
      </c>
      <c r="AA7" s="312">
        <v>0</v>
      </c>
      <c r="AB7" s="313">
        <v>333</v>
      </c>
      <c r="AC7" s="313">
        <v>370</v>
      </c>
      <c r="AD7" s="313">
        <v>184</v>
      </c>
      <c r="AE7" s="313">
        <v>61</v>
      </c>
      <c r="AF7" s="313">
        <v>39</v>
      </c>
      <c r="AG7" s="310">
        <v>987</v>
      </c>
      <c r="AH7" s="315">
        <v>987</v>
      </c>
      <c r="AI7" s="309">
        <v>0</v>
      </c>
      <c r="AJ7" s="313">
        <v>0</v>
      </c>
      <c r="AK7" s="310">
        <v>0</v>
      </c>
      <c r="AL7" s="312">
        <v>0</v>
      </c>
      <c r="AM7" s="313">
        <v>30</v>
      </c>
      <c r="AN7" s="313">
        <v>47</v>
      </c>
      <c r="AO7" s="313">
        <v>32</v>
      </c>
      <c r="AP7" s="313">
        <v>19</v>
      </c>
      <c r="AQ7" s="313">
        <v>12</v>
      </c>
      <c r="AR7" s="310">
        <v>140</v>
      </c>
      <c r="AS7" s="315">
        <v>140</v>
      </c>
      <c r="AT7" s="309">
        <v>5</v>
      </c>
      <c r="AU7" s="313">
        <v>11</v>
      </c>
      <c r="AV7" s="310">
        <v>16</v>
      </c>
      <c r="AW7" s="312">
        <v>0</v>
      </c>
      <c r="AX7" s="313">
        <v>29</v>
      </c>
      <c r="AY7" s="313">
        <v>39</v>
      </c>
      <c r="AZ7" s="313">
        <v>28</v>
      </c>
      <c r="BA7" s="313">
        <v>27</v>
      </c>
      <c r="BB7" s="313">
        <v>10</v>
      </c>
      <c r="BC7" s="310">
        <v>133</v>
      </c>
      <c r="BD7" s="315">
        <v>149</v>
      </c>
      <c r="BE7" s="309">
        <v>0</v>
      </c>
      <c r="BF7" s="313">
        <v>1</v>
      </c>
      <c r="BG7" s="310">
        <v>1</v>
      </c>
      <c r="BH7" s="312">
        <v>0</v>
      </c>
      <c r="BI7" s="313">
        <v>40</v>
      </c>
      <c r="BJ7" s="313">
        <v>74</v>
      </c>
      <c r="BK7" s="313">
        <v>73</v>
      </c>
      <c r="BL7" s="313">
        <v>36</v>
      </c>
      <c r="BM7" s="313">
        <v>17</v>
      </c>
      <c r="BN7" s="314">
        <v>240</v>
      </c>
      <c r="BO7" s="315">
        <v>241</v>
      </c>
      <c r="BP7" s="309">
        <v>0</v>
      </c>
      <c r="BQ7" s="313">
        <v>0</v>
      </c>
      <c r="BR7" s="310">
        <v>0</v>
      </c>
      <c r="BS7" s="312">
        <v>0</v>
      </c>
      <c r="BT7" s="313">
        <v>0</v>
      </c>
      <c r="BU7" s="313">
        <v>0</v>
      </c>
      <c r="BV7" s="313">
        <v>0</v>
      </c>
      <c r="BW7" s="313">
        <v>0</v>
      </c>
      <c r="BX7" s="313">
        <v>0</v>
      </c>
      <c r="BY7" s="310">
        <v>0</v>
      </c>
      <c r="BZ7" s="315">
        <v>0</v>
      </c>
      <c r="CA7" s="309">
        <v>0</v>
      </c>
      <c r="CB7" s="313">
        <v>0</v>
      </c>
      <c r="CC7" s="310">
        <v>0</v>
      </c>
      <c r="CD7" s="312">
        <v>0</v>
      </c>
      <c r="CE7" s="313">
        <v>0</v>
      </c>
      <c r="CF7" s="313">
        <v>1</v>
      </c>
      <c r="CG7" s="313">
        <v>1</v>
      </c>
      <c r="CH7" s="313">
        <v>1</v>
      </c>
      <c r="CI7" s="313">
        <v>2</v>
      </c>
      <c r="CJ7" s="310">
        <v>5</v>
      </c>
      <c r="CK7" s="315">
        <v>5</v>
      </c>
      <c r="CL7" s="309">
        <v>0</v>
      </c>
      <c r="CM7" s="313">
        <v>0</v>
      </c>
      <c r="CN7" s="310">
        <v>0</v>
      </c>
      <c r="CO7" s="312">
        <v>0</v>
      </c>
      <c r="CP7" s="313">
        <v>3</v>
      </c>
      <c r="CQ7" s="313">
        <v>5</v>
      </c>
      <c r="CR7" s="313">
        <v>7</v>
      </c>
      <c r="CS7" s="313">
        <v>3</v>
      </c>
      <c r="CT7" s="313">
        <v>21</v>
      </c>
      <c r="CU7" s="310">
        <v>39</v>
      </c>
      <c r="CV7" s="315">
        <v>39</v>
      </c>
    </row>
    <row r="8" spans="1:100" ht="21" customHeight="1" x14ac:dyDescent="0.2">
      <c r="A8" s="294" t="s">
        <v>6</v>
      </c>
      <c r="B8" s="309">
        <v>0</v>
      </c>
      <c r="C8" s="310">
        <v>0</v>
      </c>
      <c r="D8" s="311">
        <v>0</v>
      </c>
      <c r="E8" s="312">
        <v>0</v>
      </c>
      <c r="F8" s="313">
        <v>5</v>
      </c>
      <c r="G8" s="313">
        <v>6</v>
      </c>
      <c r="H8" s="313">
        <v>4</v>
      </c>
      <c r="I8" s="313">
        <v>9</v>
      </c>
      <c r="J8" s="313">
        <v>3</v>
      </c>
      <c r="K8" s="314">
        <v>27</v>
      </c>
      <c r="L8" s="315">
        <v>27</v>
      </c>
      <c r="M8" s="309">
        <v>0</v>
      </c>
      <c r="N8" s="313">
        <v>0</v>
      </c>
      <c r="O8" s="310">
        <v>0</v>
      </c>
      <c r="P8" s="312">
        <v>0</v>
      </c>
      <c r="Q8" s="313">
        <v>4</v>
      </c>
      <c r="R8" s="313">
        <v>8</v>
      </c>
      <c r="S8" s="313">
        <v>6</v>
      </c>
      <c r="T8" s="313">
        <v>7</v>
      </c>
      <c r="U8" s="313">
        <v>6</v>
      </c>
      <c r="V8" s="310">
        <v>31</v>
      </c>
      <c r="W8" s="315">
        <v>31</v>
      </c>
      <c r="X8" s="309">
        <v>0</v>
      </c>
      <c r="Y8" s="313">
        <v>0</v>
      </c>
      <c r="Z8" s="310">
        <v>0</v>
      </c>
      <c r="AA8" s="312">
        <v>0</v>
      </c>
      <c r="AB8" s="313">
        <v>117</v>
      </c>
      <c r="AC8" s="313">
        <v>80</v>
      </c>
      <c r="AD8" s="313">
        <v>38</v>
      </c>
      <c r="AE8" s="313">
        <v>20</v>
      </c>
      <c r="AF8" s="313">
        <v>7</v>
      </c>
      <c r="AG8" s="310">
        <v>262</v>
      </c>
      <c r="AH8" s="315">
        <v>262</v>
      </c>
      <c r="AI8" s="309">
        <v>0</v>
      </c>
      <c r="AJ8" s="313">
        <v>0</v>
      </c>
      <c r="AK8" s="310">
        <v>0</v>
      </c>
      <c r="AL8" s="312">
        <v>0</v>
      </c>
      <c r="AM8" s="313">
        <v>14</v>
      </c>
      <c r="AN8" s="313">
        <v>15</v>
      </c>
      <c r="AO8" s="313">
        <v>12</v>
      </c>
      <c r="AP8" s="313">
        <v>6</v>
      </c>
      <c r="AQ8" s="313">
        <v>3</v>
      </c>
      <c r="AR8" s="310">
        <v>50</v>
      </c>
      <c r="AS8" s="315">
        <v>50</v>
      </c>
      <c r="AT8" s="309">
        <v>5</v>
      </c>
      <c r="AU8" s="313">
        <v>1</v>
      </c>
      <c r="AV8" s="310">
        <v>6</v>
      </c>
      <c r="AW8" s="312">
        <v>0</v>
      </c>
      <c r="AX8" s="313">
        <v>11</v>
      </c>
      <c r="AY8" s="313">
        <v>16</v>
      </c>
      <c r="AZ8" s="313">
        <v>8</v>
      </c>
      <c r="BA8" s="313">
        <v>8</v>
      </c>
      <c r="BB8" s="313">
        <v>3</v>
      </c>
      <c r="BC8" s="310">
        <v>46</v>
      </c>
      <c r="BD8" s="315">
        <v>52</v>
      </c>
      <c r="BE8" s="309">
        <v>0</v>
      </c>
      <c r="BF8" s="313">
        <v>0</v>
      </c>
      <c r="BG8" s="310">
        <v>0</v>
      </c>
      <c r="BH8" s="312">
        <v>0</v>
      </c>
      <c r="BI8" s="313">
        <v>18</v>
      </c>
      <c r="BJ8" s="313">
        <v>23</v>
      </c>
      <c r="BK8" s="313">
        <v>31</v>
      </c>
      <c r="BL8" s="313">
        <v>22</v>
      </c>
      <c r="BM8" s="313">
        <v>7</v>
      </c>
      <c r="BN8" s="314">
        <v>101</v>
      </c>
      <c r="BO8" s="315">
        <v>101</v>
      </c>
      <c r="BP8" s="309">
        <v>0</v>
      </c>
      <c r="BQ8" s="313">
        <v>0</v>
      </c>
      <c r="BR8" s="310">
        <v>0</v>
      </c>
      <c r="BS8" s="312">
        <v>0</v>
      </c>
      <c r="BT8" s="313">
        <v>0</v>
      </c>
      <c r="BU8" s="313">
        <v>0</v>
      </c>
      <c r="BV8" s="313">
        <v>0</v>
      </c>
      <c r="BW8" s="313">
        <v>0</v>
      </c>
      <c r="BX8" s="313">
        <v>0</v>
      </c>
      <c r="BY8" s="310">
        <v>0</v>
      </c>
      <c r="BZ8" s="315">
        <v>0</v>
      </c>
      <c r="CA8" s="309">
        <v>0</v>
      </c>
      <c r="CB8" s="313">
        <v>0</v>
      </c>
      <c r="CC8" s="310">
        <v>0</v>
      </c>
      <c r="CD8" s="312">
        <v>0</v>
      </c>
      <c r="CE8" s="313">
        <v>0</v>
      </c>
      <c r="CF8" s="313">
        <v>0</v>
      </c>
      <c r="CG8" s="313">
        <v>7</v>
      </c>
      <c r="CH8" s="313">
        <v>3</v>
      </c>
      <c r="CI8" s="313">
        <v>2</v>
      </c>
      <c r="CJ8" s="310">
        <v>12</v>
      </c>
      <c r="CK8" s="315">
        <v>12</v>
      </c>
      <c r="CL8" s="309">
        <v>0</v>
      </c>
      <c r="CM8" s="313">
        <v>0</v>
      </c>
      <c r="CN8" s="310">
        <v>0</v>
      </c>
      <c r="CO8" s="312">
        <v>0</v>
      </c>
      <c r="CP8" s="313">
        <v>5</v>
      </c>
      <c r="CQ8" s="313">
        <v>3</v>
      </c>
      <c r="CR8" s="313">
        <v>5</v>
      </c>
      <c r="CS8" s="313">
        <v>4</v>
      </c>
      <c r="CT8" s="313">
        <v>3</v>
      </c>
      <c r="CU8" s="310">
        <v>20</v>
      </c>
      <c r="CV8" s="315">
        <v>20</v>
      </c>
    </row>
    <row r="9" spans="1:100" ht="21" customHeight="1" x14ac:dyDescent="0.2">
      <c r="A9" s="294" t="s">
        <v>14</v>
      </c>
      <c r="B9" s="309">
        <v>0</v>
      </c>
      <c r="C9" s="310">
        <v>0</v>
      </c>
      <c r="D9" s="311">
        <v>0</v>
      </c>
      <c r="E9" s="312">
        <v>0</v>
      </c>
      <c r="F9" s="313">
        <v>2</v>
      </c>
      <c r="G9" s="313">
        <v>0</v>
      </c>
      <c r="H9" s="313">
        <v>0</v>
      </c>
      <c r="I9" s="313">
        <v>0</v>
      </c>
      <c r="J9" s="313">
        <v>0</v>
      </c>
      <c r="K9" s="314">
        <v>2</v>
      </c>
      <c r="L9" s="315">
        <v>2</v>
      </c>
      <c r="M9" s="309">
        <v>0</v>
      </c>
      <c r="N9" s="313">
        <v>0</v>
      </c>
      <c r="O9" s="310">
        <v>0</v>
      </c>
      <c r="P9" s="312">
        <v>0</v>
      </c>
      <c r="Q9" s="313">
        <v>0</v>
      </c>
      <c r="R9" s="313">
        <v>0</v>
      </c>
      <c r="S9" s="313">
        <v>0</v>
      </c>
      <c r="T9" s="313">
        <v>0</v>
      </c>
      <c r="U9" s="313">
        <v>0</v>
      </c>
      <c r="V9" s="310">
        <v>0</v>
      </c>
      <c r="W9" s="315">
        <v>0</v>
      </c>
      <c r="X9" s="309">
        <v>0</v>
      </c>
      <c r="Y9" s="313">
        <v>0</v>
      </c>
      <c r="Z9" s="310">
        <v>0</v>
      </c>
      <c r="AA9" s="312">
        <v>0</v>
      </c>
      <c r="AB9" s="313">
        <v>82</v>
      </c>
      <c r="AC9" s="313">
        <v>72</v>
      </c>
      <c r="AD9" s="313">
        <v>33</v>
      </c>
      <c r="AE9" s="313">
        <v>13</v>
      </c>
      <c r="AF9" s="313">
        <v>5</v>
      </c>
      <c r="AG9" s="310">
        <v>205</v>
      </c>
      <c r="AH9" s="315">
        <v>205</v>
      </c>
      <c r="AI9" s="309">
        <v>0</v>
      </c>
      <c r="AJ9" s="313">
        <v>0</v>
      </c>
      <c r="AK9" s="310">
        <v>0</v>
      </c>
      <c r="AL9" s="312">
        <v>0</v>
      </c>
      <c r="AM9" s="313">
        <v>1</v>
      </c>
      <c r="AN9" s="313">
        <v>1</v>
      </c>
      <c r="AO9" s="313">
        <v>1</v>
      </c>
      <c r="AP9" s="313">
        <v>2</v>
      </c>
      <c r="AQ9" s="313">
        <v>0</v>
      </c>
      <c r="AR9" s="310">
        <v>5</v>
      </c>
      <c r="AS9" s="315">
        <v>5</v>
      </c>
      <c r="AT9" s="309">
        <v>1</v>
      </c>
      <c r="AU9" s="313">
        <v>1</v>
      </c>
      <c r="AV9" s="310">
        <v>2</v>
      </c>
      <c r="AW9" s="312">
        <v>0</v>
      </c>
      <c r="AX9" s="313">
        <v>8</v>
      </c>
      <c r="AY9" s="313">
        <v>5</v>
      </c>
      <c r="AZ9" s="313">
        <v>5</v>
      </c>
      <c r="BA9" s="313">
        <v>4</v>
      </c>
      <c r="BB9" s="313">
        <v>1</v>
      </c>
      <c r="BC9" s="310">
        <v>23</v>
      </c>
      <c r="BD9" s="315">
        <v>25</v>
      </c>
      <c r="BE9" s="309">
        <v>0</v>
      </c>
      <c r="BF9" s="313">
        <v>0</v>
      </c>
      <c r="BG9" s="310">
        <v>0</v>
      </c>
      <c r="BH9" s="312">
        <v>0</v>
      </c>
      <c r="BI9" s="313">
        <v>8</v>
      </c>
      <c r="BJ9" s="313">
        <v>11</v>
      </c>
      <c r="BK9" s="313">
        <v>16</v>
      </c>
      <c r="BL9" s="313">
        <v>14</v>
      </c>
      <c r="BM9" s="313">
        <v>4</v>
      </c>
      <c r="BN9" s="314">
        <v>53</v>
      </c>
      <c r="BO9" s="315">
        <v>53</v>
      </c>
      <c r="BP9" s="309">
        <v>0</v>
      </c>
      <c r="BQ9" s="313">
        <v>0</v>
      </c>
      <c r="BR9" s="310">
        <v>0</v>
      </c>
      <c r="BS9" s="312">
        <v>0</v>
      </c>
      <c r="BT9" s="313">
        <v>0</v>
      </c>
      <c r="BU9" s="313">
        <v>0</v>
      </c>
      <c r="BV9" s="313">
        <v>0</v>
      </c>
      <c r="BW9" s="313">
        <v>0</v>
      </c>
      <c r="BX9" s="313">
        <v>0</v>
      </c>
      <c r="BY9" s="310">
        <v>0</v>
      </c>
      <c r="BZ9" s="315">
        <v>0</v>
      </c>
      <c r="CA9" s="309">
        <v>0</v>
      </c>
      <c r="CB9" s="313">
        <v>0</v>
      </c>
      <c r="CC9" s="310">
        <v>0</v>
      </c>
      <c r="CD9" s="312">
        <v>0</v>
      </c>
      <c r="CE9" s="313">
        <v>0</v>
      </c>
      <c r="CF9" s="313">
        <v>0</v>
      </c>
      <c r="CG9" s="313">
        <v>2</v>
      </c>
      <c r="CH9" s="313">
        <v>0</v>
      </c>
      <c r="CI9" s="313">
        <v>0</v>
      </c>
      <c r="CJ9" s="310">
        <v>2</v>
      </c>
      <c r="CK9" s="315">
        <v>2</v>
      </c>
      <c r="CL9" s="309">
        <v>0</v>
      </c>
      <c r="CM9" s="313">
        <v>0</v>
      </c>
      <c r="CN9" s="310">
        <v>0</v>
      </c>
      <c r="CO9" s="312">
        <v>0</v>
      </c>
      <c r="CP9" s="313">
        <v>1</v>
      </c>
      <c r="CQ9" s="313">
        <v>1</v>
      </c>
      <c r="CR9" s="313">
        <v>0</v>
      </c>
      <c r="CS9" s="313">
        <v>1</v>
      </c>
      <c r="CT9" s="313">
        <v>0</v>
      </c>
      <c r="CU9" s="310">
        <v>3</v>
      </c>
      <c r="CV9" s="315">
        <v>3</v>
      </c>
    </row>
    <row r="10" spans="1:100" ht="21" customHeight="1" x14ac:dyDescent="0.2">
      <c r="A10" s="294" t="s">
        <v>7</v>
      </c>
      <c r="B10" s="309">
        <v>0</v>
      </c>
      <c r="C10" s="310">
        <v>0</v>
      </c>
      <c r="D10" s="311">
        <v>0</v>
      </c>
      <c r="E10" s="312">
        <v>0</v>
      </c>
      <c r="F10" s="313">
        <v>0</v>
      </c>
      <c r="G10" s="313">
        <v>0</v>
      </c>
      <c r="H10" s="313">
        <v>0</v>
      </c>
      <c r="I10" s="313">
        <v>0</v>
      </c>
      <c r="J10" s="313">
        <v>0</v>
      </c>
      <c r="K10" s="314">
        <v>0</v>
      </c>
      <c r="L10" s="315">
        <v>0</v>
      </c>
      <c r="M10" s="309">
        <v>0</v>
      </c>
      <c r="N10" s="313">
        <v>0</v>
      </c>
      <c r="O10" s="310">
        <v>0</v>
      </c>
      <c r="P10" s="312">
        <v>0</v>
      </c>
      <c r="Q10" s="313">
        <v>0</v>
      </c>
      <c r="R10" s="313">
        <v>0</v>
      </c>
      <c r="S10" s="313">
        <v>0</v>
      </c>
      <c r="T10" s="313">
        <v>0</v>
      </c>
      <c r="U10" s="313">
        <v>0</v>
      </c>
      <c r="V10" s="310">
        <v>0</v>
      </c>
      <c r="W10" s="315">
        <v>0</v>
      </c>
      <c r="X10" s="309">
        <v>0</v>
      </c>
      <c r="Y10" s="313">
        <v>0</v>
      </c>
      <c r="Z10" s="310">
        <v>0</v>
      </c>
      <c r="AA10" s="312">
        <v>0</v>
      </c>
      <c r="AB10" s="313">
        <v>82</v>
      </c>
      <c r="AC10" s="313">
        <v>54</v>
      </c>
      <c r="AD10" s="313">
        <v>21</v>
      </c>
      <c r="AE10" s="313">
        <v>5</v>
      </c>
      <c r="AF10" s="313">
        <v>1</v>
      </c>
      <c r="AG10" s="310">
        <v>163</v>
      </c>
      <c r="AH10" s="315">
        <v>163</v>
      </c>
      <c r="AI10" s="309">
        <v>0</v>
      </c>
      <c r="AJ10" s="313">
        <v>0</v>
      </c>
      <c r="AK10" s="310">
        <v>0</v>
      </c>
      <c r="AL10" s="312">
        <v>0</v>
      </c>
      <c r="AM10" s="313">
        <v>8</v>
      </c>
      <c r="AN10" s="313">
        <v>13</v>
      </c>
      <c r="AO10" s="313">
        <v>7</v>
      </c>
      <c r="AP10" s="313">
        <v>0</v>
      </c>
      <c r="AQ10" s="313">
        <v>0</v>
      </c>
      <c r="AR10" s="310">
        <v>28</v>
      </c>
      <c r="AS10" s="315">
        <v>28</v>
      </c>
      <c r="AT10" s="309">
        <v>1</v>
      </c>
      <c r="AU10" s="313">
        <v>0</v>
      </c>
      <c r="AV10" s="310">
        <v>1</v>
      </c>
      <c r="AW10" s="312">
        <v>0</v>
      </c>
      <c r="AX10" s="313">
        <v>6</v>
      </c>
      <c r="AY10" s="313">
        <v>6</v>
      </c>
      <c r="AZ10" s="313">
        <v>0</v>
      </c>
      <c r="BA10" s="313">
        <v>1</v>
      </c>
      <c r="BB10" s="313">
        <v>0</v>
      </c>
      <c r="BC10" s="310">
        <v>13</v>
      </c>
      <c r="BD10" s="315">
        <v>14</v>
      </c>
      <c r="BE10" s="309">
        <v>0</v>
      </c>
      <c r="BF10" s="313">
        <v>0</v>
      </c>
      <c r="BG10" s="310">
        <v>0</v>
      </c>
      <c r="BH10" s="312">
        <v>0</v>
      </c>
      <c r="BI10" s="313">
        <v>13</v>
      </c>
      <c r="BJ10" s="313">
        <v>5</v>
      </c>
      <c r="BK10" s="313">
        <v>18</v>
      </c>
      <c r="BL10" s="313">
        <v>7</v>
      </c>
      <c r="BM10" s="313">
        <v>3</v>
      </c>
      <c r="BN10" s="314">
        <v>46</v>
      </c>
      <c r="BO10" s="315">
        <v>46</v>
      </c>
      <c r="BP10" s="309">
        <v>0</v>
      </c>
      <c r="BQ10" s="313">
        <v>0</v>
      </c>
      <c r="BR10" s="310">
        <v>0</v>
      </c>
      <c r="BS10" s="312">
        <v>0</v>
      </c>
      <c r="BT10" s="313">
        <v>0</v>
      </c>
      <c r="BU10" s="313">
        <v>0</v>
      </c>
      <c r="BV10" s="313">
        <v>0</v>
      </c>
      <c r="BW10" s="313">
        <v>0</v>
      </c>
      <c r="BX10" s="313">
        <v>0</v>
      </c>
      <c r="BY10" s="310">
        <v>0</v>
      </c>
      <c r="BZ10" s="315">
        <v>0</v>
      </c>
      <c r="CA10" s="309">
        <v>0</v>
      </c>
      <c r="CB10" s="313">
        <v>0</v>
      </c>
      <c r="CC10" s="310">
        <v>0</v>
      </c>
      <c r="CD10" s="312">
        <v>0</v>
      </c>
      <c r="CE10" s="313">
        <v>0</v>
      </c>
      <c r="CF10" s="313">
        <v>0</v>
      </c>
      <c r="CG10" s="313">
        <v>0</v>
      </c>
      <c r="CH10" s="313">
        <v>0</v>
      </c>
      <c r="CI10" s="313">
        <v>0</v>
      </c>
      <c r="CJ10" s="310">
        <v>0</v>
      </c>
      <c r="CK10" s="315">
        <v>0</v>
      </c>
      <c r="CL10" s="309">
        <v>0</v>
      </c>
      <c r="CM10" s="313">
        <v>0</v>
      </c>
      <c r="CN10" s="310">
        <v>0</v>
      </c>
      <c r="CO10" s="312">
        <v>0</v>
      </c>
      <c r="CP10" s="313">
        <v>1</v>
      </c>
      <c r="CQ10" s="313">
        <v>1</v>
      </c>
      <c r="CR10" s="313">
        <v>0</v>
      </c>
      <c r="CS10" s="313">
        <v>3</v>
      </c>
      <c r="CT10" s="313">
        <v>2</v>
      </c>
      <c r="CU10" s="310">
        <v>7</v>
      </c>
      <c r="CV10" s="315">
        <v>7</v>
      </c>
    </row>
    <row r="11" spans="1:100" ht="21" customHeight="1" x14ac:dyDescent="0.2">
      <c r="A11" s="294" t="s">
        <v>8</v>
      </c>
      <c r="B11" s="309">
        <v>0</v>
      </c>
      <c r="C11" s="310">
        <v>0</v>
      </c>
      <c r="D11" s="311">
        <v>0</v>
      </c>
      <c r="E11" s="312">
        <v>0</v>
      </c>
      <c r="F11" s="313">
        <v>2</v>
      </c>
      <c r="G11" s="313">
        <v>0</v>
      </c>
      <c r="H11" s="313">
        <v>0</v>
      </c>
      <c r="I11" s="313">
        <v>0</v>
      </c>
      <c r="J11" s="313">
        <v>0</v>
      </c>
      <c r="K11" s="314">
        <v>2</v>
      </c>
      <c r="L11" s="315">
        <v>2</v>
      </c>
      <c r="M11" s="309">
        <v>0</v>
      </c>
      <c r="N11" s="313">
        <v>0</v>
      </c>
      <c r="O11" s="310">
        <v>0</v>
      </c>
      <c r="P11" s="312">
        <v>0</v>
      </c>
      <c r="Q11" s="313">
        <v>0</v>
      </c>
      <c r="R11" s="313">
        <v>0</v>
      </c>
      <c r="S11" s="313">
        <v>0</v>
      </c>
      <c r="T11" s="313">
        <v>0</v>
      </c>
      <c r="U11" s="313">
        <v>1</v>
      </c>
      <c r="V11" s="310">
        <v>1</v>
      </c>
      <c r="W11" s="315">
        <v>1</v>
      </c>
      <c r="X11" s="309">
        <v>0</v>
      </c>
      <c r="Y11" s="313">
        <v>0</v>
      </c>
      <c r="Z11" s="310">
        <v>0</v>
      </c>
      <c r="AA11" s="312">
        <v>0</v>
      </c>
      <c r="AB11" s="313">
        <v>40</v>
      </c>
      <c r="AC11" s="313">
        <v>36</v>
      </c>
      <c r="AD11" s="313">
        <v>8</v>
      </c>
      <c r="AE11" s="313">
        <v>8</v>
      </c>
      <c r="AF11" s="313">
        <v>2</v>
      </c>
      <c r="AG11" s="310">
        <v>94</v>
      </c>
      <c r="AH11" s="315">
        <v>94</v>
      </c>
      <c r="AI11" s="309">
        <v>0</v>
      </c>
      <c r="AJ11" s="313">
        <v>0</v>
      </c>
      <c r="AK11" s="310">
        <v>0</v>
      </c>
      <c r="AL11" s="312">
        <v>0</v>
      </c>
      <c r="AM11" s="313">
        <v>0</v>
      </c>
      <c r="AN11" s="313">
        <v>0</v>
      </c>
      <c r="AO11" s="313">
        <v>0</v>
      </c>
      <c r="AP11" s="313">
        <v>0</v>
      </c>
      <c r="AQ11" s="313">
        <v>0</v>
      </c>
      <c r="AR11" s="310">
        <v>0</v>
      </c>
      <c r="AS11" s="315">
        <v>0</v>
      </c>
      <c r="AT11" s="309">
        <v>1</v>
      </c>
      <c r="AU11" s="313">
        <v>0</v>
      </c>
      <c r="AV11" s="310">
        <v>1</v>
      </c>
      <c r="AW11" s="312">
        <v>0</v>
      </c>
      <c r="AX11" s="313">
        <v>7</v>
      </c>
      <c r="AY11" s="313">
        <v>7</v>
      </c>
      <c r="AZ11" s="313">
        <v>1</v>
      </c>
      <c r="BA11" s="313">
        <v>1</v>
      </c>
      <c r="BB11" s="313">
        <v>0</v>
      </c>
      <c r="BC11" s="310">
        <v>16</v>
      </c>
      <c r="BD11" s="315">
        <v>17</v>
      </c>
      <c r="BE11" s="309">
        <v>0</v>
      </c>
      <c r="BF11" s="313">
        <v>0</v>
      </c>
      <c r="BG11" s="310">
        <v>0</v>
      </c>
      <c r="BH11" s="312">
        <v>0</v>
      </c>
      <c r="BI11" s="313">
        <v>3</v>
      </c>
      <c r="BJ11" s="313">
        <v>3</v>
      </c>
      <c r="BK11" s="313">
        <v>5</v>
      </c>
      <c r="BL11" s="313">
        <v>3</v>
      </c>
      <c r="BM11" s="313">
        <v>1</v>
      </c>
      <c r="BN11" s="314">
        <v>15</v>
      </c>
      <c r="BO11" s="315">
        <v>15</v>
      </c>
      <c r="BP11" s="309">
        <v>0</v>
      </c>
      <c r="BQ11" s="313">
        <v>0</v>
      </c>
      <c r="BR11" s="310">
        <v>0</v>
      </c>
      <c r="BS11" s="312">
        <v>0</v>
      </c>
      <c r="BT11" s="313">
        <v>0</v>
      </c>
      <c r="BU11" s="313">
        <v>0</v>
      </c>
      <c r="BV11" s="313">
        <v>0</v>
      </c>
      <c r="BW11" s="313">
        <v>4</v>
      </c>
      <c r="BX11" s="313">
        <v>0</v>
      </c>
      <c r="BY11" s="310">
        <v>4</v>
      </c>
      <c r="BZ11" s="315">
        <v>4</v>
      </c>
      <c r="CA11" s="309">
        <v>0</v>
      </c>
      <c r="CB11" s="313">
        <v>0</v>
      </c>
      <c r="CC11" s="310">
        <v>0</v>
      </c>
      <c r="CD11" s="312">
        <v>0</v>
      </c>
      <c r="CE11" s="313">
        <v>0</v>
      </c>
      <c r="CF11" s="313">
        <v>0</v>
      </c>
      <c r="CG11" s="313">
        <v>1</v>
      </c>
      <c r="CH11" s="313">
        <v>0</v>
      </c>
      <c r="CI11" s="313">
        <v>0</v>
      </c>
      <c r="CJ11" s="310">
        <v>1</v>
      </c>
      <c r="CK11" s="315">
        <v>1</v>
      </c>
      <c r="CL11" s="309">
        <v>0</v>
      </c>
      <c r="CM11" s="313">
        <v>0</v>
      </c>
      <c r="CN11" s="310">
        <v>0</v>
      </c>
      <c r="CO11" s="312">
        <v>0</v>
      </c>
      <c r="CP11" s="313">
        <v>2</v>
      </c>
      <c r="CQ11" s="313">
        <v>1</v>
      </c>
      <c r="CR11" s="313">
        <v>0</v>
      </c>
      <c r="CS11" s="313">
        <v>1</v>
      </c>
      <c r="CT11" s="313">
        <v>0</v>
      </c>
      <c r="CU11" s="310">
        <v>4</v>
      </c>
      <c r="CV11" s="315">
        <v>4</v>
      </c>
    </row>
    <row r="12" spans="1:100" ht="21" customHeight="1" x14ac:dyDescent="0.2">
      <c r="A12" s="294" t="s">
        <v>9</v>
      </c>
      <c r="B12" s="309">
        <v>0</v>
      </c>
      <c r="C12" s="310">
        <v>0</v>
      </c>
      <c r="D12" s="311">
        <v>0</v>
      </c>
      <c r="E12" s="312">
        <v>0</v>
      </c>
      <c r="F12" s="313">
        <v>0</v>
      </c>
      <c r="G12" s="313">
        <v>0</v>
      </c>
      <c r="H12" s="313">
        <v>0</v>
      </c>
      <c r="I12" s="313">
        <v>0</v>
      </c>
      <c r="J12" s="313">
        <v>0</v>
      </c>
      <c r="K12" s="314">
        <v>0</v>
      </c>
      <c r="L12" s="315">
        <v>0</v>
      </c>
      <c r="M12" s="309">
        <v>0</v>
      </c>
      <c r="N12" s="313">
        <v>0</v>
      </c>
      <c r="O12" s="310">
        <v>0</v>
      </c>
      <c r="P12" s="312">
        <v>0</v>
      </c>
      <c r="Q12" s="313">
        <v>0</v>
      </c>
      <c r="R12" s="313">
        <v>0</v>
      </c>
      <c r="S12" s="313">
        <v>0</v>
      </c>
      <c r="T12" s="313">
        <v>0</v>
      </c>
      <c r="U12" s="313">
        <v>0</v>
      </c>
      <c r="V12" s="310">
        <v>0</v>
      </c>
      <c r="W12" s="315">
        <v>0</v>
      </c>
      <c r="X12" s="309">
        <v>0</v>
      </c>
      <c r="Y12" s="313">
        <v>0</v>
      </c>
      <c r="Z12" s="310">
        <v>0</v>
      </c>
      <c r="AA12" s="312">
        <v>0</v>
      </c>
      <c r="AB12" s="313">
        <v>39</v>
      </c>
      <c r="AC12" s="313">
        <v>31</v>
      </c>
      <c r="AD12" s="313">
        <v>12</v>
      </c>
      <c r="AE12" s="313">
        <v>14</v>
      </c>
      <c r="AF12" s="313">
        <v>0</v>
      </c>
      <c r="AG12" s="310">
        <v>96</v>
      </c>
      <c r="AH12" s="315">
        <v>96</v>
      </c>
      <c r="AI12" s="309">
        <v>0</v>
      </c>
      <c r="AJ12" s="313">
        <v>0</v>
      </c>
      <c r="AK12" s="310">
        <v>0</v>
      </c>
      <c r="AL12" s="312">
        <v>0</v>
      </c>
      <c r="AM12" s="313">
        <v>1</v>
      </c>
      <c r="AN12" s="313">
        <v>1</v>
      </c>
      <c r="AO12" s="313">
        <v>3</v>
      </c>
      <c r="AP12" s="313">
        <v>0</v>
      </c>
      <c r="AQ12" s="313">
        <v>0</v>
      </c>
      <c r="AR12" s="310">
        <v>5</v>
      </c>
      <c r="AS12" s="315">
        <v>5</v>
      </c>
      <c r="AT12" s="309">
        <v>1</v>
      </c>
      <c r="AU12" s="313">
        <v>0</v>
      </c>
      <c r="AV12" s="310">
        <v>1</v>
      </c>
      <c r="AW12" s="312">
        <v>0</v>
      </c>
      <c r="AX12" s="313">
        <v>2</v>
      </c>
      <c r="AY12" s="313">
        <v>2</v>
      </c>
      <c r="AZ12" s="313">
        <v>0</v>
      </c>
      <c r="BA12" s="313">
        <v>1</v>
      </c>
      <c r="BB12" s="313">
        <v>1</v>
      </c>
      <c r="BC12" s="310">
        <v>6</v>
      </c>
      <c r="BD12" s="315">
        <v>7</v>
      </c>
      <c r="BE12" s="309">
        <v>0</v>
      </c>
      <c r="BF12" s="313">
        <v>0</v>
      </c>
      <c r="BG12" s="310">
        <v>0</v>
      </c>
      <c r="BH12" s="312">
        <v>0</v>
      </c>
      <c r="BI12" s="313">
        <v>3</v>
      </c>
      <c r="BJ12" s="313">
        <v>5</v>
      </c>
      <c r="BK12" s="313">
        <v>7</v>
      </c>
      <c r="BL12" s="313">
        <v>1</v>
      </c>
      <c r="BM12" s="313">
        <v>3</v>
      </c>
      <c r="BN12" s="314">
        <v>19</v>
      </c>
      <c r="BO12" s="315">
        <v>19</v>
      </c>
      <c r="BP12" s="309">
        <v>0</v>
      </c>
      <c r="BQ12" s="313">
        <v>0</v>
      </c>
      <c r="BR12" s="310">
        <v>0</v>
      </c>
      <c r="BS12" s="312">
        <v>0</v>
      </c>
      <c r="BT12" s="313">
        <v>1</v>
      </c>
      <c r="BU12" s="313">
        <v>0</v>
      </c>
      <c r="BV12" s="313">
        <v>2</v>
      </c>
      <c r="BW12" s="313">
        <v>0</v>
      </c>
      <c r="BX12" s="313">
        <v>0</v>
      </c>
      <c r="BY12" s="310">
        <v>3</v>
      </c>
      <c r="BZ12" s="315">
        <v>3</v>
      </c>
      <c r="CA12" s="309">
        <v>0</v>
      </c>
      <c r="CB12" s="313">
        <v>0</v>
      </c>
      <c r="CC12" s="310">
        <v>0</v>
      </c>
      <c r="CD12" s="312">
        <v>0</v>
      </c>
      <c r="CE12" s="313">
        <v>0</v>
      </c>
      <c r="CF12" s="313">
        <v>0</v>
      </c>
      <c r="CG12" s="313">
        <v>0</v>
      </c>
      <c r="CH12" s="313">
        <v>0</v>
      </c>
      <c r="CI12" s="313">
        <v>0</v>
      </c>
      <c r="CJ12" s="310">
        <v>0</v>
      </c>
      <c r="CK12" s="315">
        <v>0</v>
      </c>
      <c r="CL12" s="309">
        <v>0</v>
      </c>
      <c r="CM12" s="313">
        <v>0</v>
      </c>
      <c r="CN12" s="310">
        <v>0</v>
      </c>
      <c r="CO12" s="312">
        <v>0</v>
      </c>
      <c r="CP12" s="313">
        <v>0</v>
      </c>
      <c r="CQ12" s="313">
        <v>1</v>
      </c>
      <c r="CR12" s="313">
        <v>2</v>
      </c>
      <c r="CS12" s="313">
        <v>0</v>
      </c>
      <c r="CT12" s="313">
        <v>0</v>
      </c>
      <c r="CU12" s="310">
        <v>3</v>
      </c>
      <c r="CV12" s="315">
        <v>3</v>
      </c>
    </row>
    <row r="13" spans="1:100" ht="21" customHeight="1" x14ac:dyDescent="0.2">
      <c r="A13" s="294" t="s">
        <v>10</v>
      </c>
      <c r="B13" s="309">
        <v>0</v>
      </c>
      <c r="C13" s="310">
        <v>0</v>
      </c>
      <c r="D13" s="311">
        <v>0</v>
      </c>
      <c r="E13" s="312">
        <v>0</v>
      </c>
      <c r="F13" s="313">
        <v>2</v>
      </c>
      <c r="G13" s="313">
        <v>1</v>
      </c>
      <c r="H13" s="313">
        <v>0</v>
      </c>
      <c r="I13" s="313">
        <v>0</v>
      </c>
      <c r="J13" s="313">
        <v>0</v>
      </c>
      <c r="K13" s="314">
        <v>3</v>
      </c>
      <c r="L13" s="315">
        <v>3</v>
      </c>
      <c r="M13" s="309">
        <v>0</v>
      </c>
      <c r="N13" s="313">
        <v>0</v>
      </c>
      <c r="O13" s="310">
        <v>0</v>
      </c>
      <c r="P13" s="312">
        <v>0</v>
      </c>
      <c r="Q13" s="313">
        <v>2</v>
      </c>
      <c r="R13" s="313">
        <v>1</v>
      </c>
      <c r="S13" s="313">
        <v>2</v>
      </c>
      <c r="T13" s="313">
        <v>0</v>
      </c>
      <c r="U13" s="313">
        <v>1</v>
      </c>
      <c r="V13" s="310">
        <v>6</v>
      </c>
      <c r="W13" s="315">
        <v>6</v>
      </c>
      <c r="X13" s="309">
        <v>0</v>
      </c>
      <c r="Y13" s="313">
        <v>0</v>
      </c>
      <c r="Z13" s="310">
        <v>0</v>
      </c>
      <c r="AA13" s="312">
        <v>0</v>
      </c>
      <c r="AB13" s="313">
        <v>42</v>
      </c>
      <c r="AC13" s="313">
        <v>26</v>
      </c>
      <c r="AD13" s="313">
        <v>9</v>
      </c>
      <c r="AE13" s="313">
        <v>3</v>
      </c>
      <c r="AF13" s="313">
        <v>2</v>
      </c>
      <c r="AG13" s="310">
        <v>82</v>
      </c>
      <c r="AH13" s="315">
        <v>82</v>
      </c>
      <c r="AI13" s="309">
        <v>0</v>
      </c>
      <c r="AJ13" s="313">
        <v>0</v>
      </c>
      <c r="AK13" s="310">
        <v>0</v>
      </c>
      <c r="AL13" s="312">
        <v>0</v>
      </c>
      <c r="AM13" s="313">
        <v>2</v>
      </c>
      <c r="AN13" s="313">
        <v>2</v>
      </c>
      <c r="AO13" s="313">
        <v>2</v>
      </c>
      <c r="AP13" s="313">
        <v>1</v>
      </c>
      <c r="AQ13" s="313">
        <v>0</v>
      </c>
      <c r="AR13" s="310">
        <v>7</v>
      </c>
      <c r="AS13" s="315">
        <v>7</v>
      </c>
      <c r="AT13" s="309">
        <v>1</v>
      </c>
      <c r="AU13" s="313">
        <v>0</v>
      </c>
      <c r="AV13" s="310">
        <v>1</v>
      </c>
      <c r="AW13" s="312">
        <v>0</v>
      </c>
      <c r="AX13" s="313">
        <v>8</v>
      </c>
      <c r="AY13" s="313">
        <v>4</v>
      </c>
      <c r="AZ13" s="313">
        <v>5</v>
      </c>
      <c r="BA13" s="313">
        <v>5</v>
      </c>
      <c r="BB13" s="313">
        <v>1</v>
      </c>
      <c r="BC13" s="310">
        <v>23</v>
      </c>
      <c r="BD13" s="315">
        <v>24</v>
      </c>
      <c r="BE13" s="309">
        <v>0</v>
      </c>
      <c r="BF13" s="313">
        <v>0</v>
      </c>
      <c r="BG13" s="310">
        <v>0</v>
      </c>
      <c r="BH13" s="312">
        <v>0</v>
      </c>
      <c r="BI13" s="313">
        <v>9</v>
      </c>
      <c r="BJ13" s="313">
        <v>10</v>
      </c>
      <c r="BK13" s="313">
        <v>7</v>
      </c>
      <c r="BL13" s="313">
        <v>7</v>
      </c>
      <c r="BM13" s="313">
        <v>4</v>
      </c>
      <c r="BN13" s="314">
        <v>37</v>
      </c>
      <c r="BO13" s="315">
        <v>37</v>
      </c>
      <c r="BP13" s="309">
        <v>0</v>
      </c>
      <c r="BQ13" s="313">
        <v>0</v>
      </c>
      <c r="BR13" s="310">
        <v>0</v>
      </c>
      <c r="BS13" s="312">
        <v>0</v>
      </c>
      <c r="BT13" s="313">
        <v>0</v>
      </c>
      <c r="BU13" s="313">
        <v>6</v>
      </c>
      <c r="BV13" s="313">
        <v>3</v>
      </c>
      <c r="BW13" s="313">
        <v>3</v>
      </c>
      <c r="BX13" s="313">
        <v>3</v>
      </c>
      <c r="BY13" s="310">
        <v>15</v>
      </c>
      <c r="BZ13" s="315">
        <v>15</v>
      </c>
      <c r="CA13" s="309">
        <v>0</v>
      </c>
      <c r="CB13" s="313">
        <v>0</v>
      </c>
      <c r="CC13" s="310">
        <v>0</v>
      </c>
      <c r="CD13" s="312">
        <v>0</v>
      </c>
      <c r="CE13" s="313">
        <v>0</v>
      </c>
      <c r="CF13" s="313">
        <v>0</v>
      </c>
      <c r="CG13" s="313">
        <v>1</v>
      </c>
      <c r="CH13" s="313">
        <v>2</v>
      </c>
      <c r="CI13" s="313">
        <v>3</v>
      </c>
      <c r="CJ13" s="310">
        <v>6</v>
      </c>
      <c r="CK13" s="315">
        <v>6</v>
      </c>
      <c r="CL13" s="309">
        <v>0</v>
      </c>
      <c r="CM13" s="313">
        <v>0</v>
      </c>
      <c r="CN13" s="310">
        <v>0</v>
      </c>
      <c r="CO13" s="312">
        <v>0</v>
      </c>
      <c r="CP13" s="313">
        <v>0</v>
      </c>
      <c r="CQ13" s="313">
        <v>1</v>
      </c>
      <c r="CR13" s="313">
        <v>2</v>
      </c>
      <c r="CS13" s="313">
        <v>1</v>
      </c>
      <c r="CT13" s="313">
        <v>1</v>
      </c>
      <c r="CU13" s="310">
        <v>5</v>
      </c>
      <c r="CV13" s="315">
        <v>5</v>
      </c>
    </row>
    <row r="14" spans="1:100" ht="21" customHeight="1" x14ac:dyDescent="0.2">
      <c r="A14" s="294" t="s">
        <v>11</v>
      </c>
      <c r="B14" s="309">
        <v>0</v>
      </c>
      <c r="C14" s="310">
        <v>0</v>
      </c>
      <c r="D14" s="311">
        <v>0</v>
      </c>
      <c r="E14" s="312">
        <v>0</v>
      </c>
      <c r="F14" s="313">
        <v>1</v>
      </c>
      <c r="G14" s="313">
        <v>0</v>
      </c>
      <c r="H14" s="313">
        <v>1</v>
      </c>
      <c r="I14" s="313">
        <v>0</v>
      </c>
      <c r="J14" s="313">
        <v>0</v>
      </c>
      <c r="K14" s="314">
        <v>2</v>
      </c>
      <c r="L14" s="315">
        <v>2</v>
      </c>
      <c r="M14" s="309">
        <v>0</v>
      </c>
      <c r="N14" s="313">
        <v>0</v>
      </c>
      <c r="O14" s="310">
        <v>0</v>
      </c>
      <c r="P14" s="312">
        <v>0</v>
      </c>
      <c r="Q14" s="313">
        <v>0</v>
      </c>
      <c r="R14" s="313">
        <v>0</v>
      </c>
      <c r="S14" s="313">
        <v>0</v>
      </c>
      <c r="T14" s="313">
        <v>0</v>
      </c>
      <c r="U14" s="313">
        <v>0</v>
      </c>
      <c r="V14" s="310">
        <v>0</v>
      </c>
      <c r="W14" s="315">
        <v>0</v>
      </c>
      <c r="X14" s="309">
        <v>0</v>
      </c>
      <c r="Y14" s="313">
        <v>0</v>
      </c>
      <c r="Z14" s="310">
        <v>0</v>
      </c>
      <c r="AA14" s="312">
        <v>0</v>
      </c>
      <c r="AB14" s="313">
        <v>34</v>
      </c>
      <c r="AC14" s="313">
        <v>7</v>
      </c>
      <c r="AD14" s="313">
        <v>12</v>
      </c>
      <c r="AE14" s="313">
        <v>4</v>
      </c>
      <c r="AF14" s="313">
        <v>2</v>
      </c>
      <c r="AG14" s="310">
        <v>59</v>
      </c>
      <c r="AH14" s="315">
        <v>59</v>
      </c>
      <c r="AI14" s="309">
        <v>0</v>
      </c>
      <c r="AJ14" s="313">
        <v>0</v>
      </c>
      <c r="AK14" s="310">
        <v>0</v>
      </c>
      <c r="AL14" s="312">
        <v>0</v>
      </c>
      <c r="AM14" s="313">
        <v>3</v>
      </c>
      <c r="AN14" s="313">
        <v>2</v>
      </c>
      <c r="AO14" s="313">
        <v>0</v>
      </c>
      <c r="AP14" s="313">
        <v>0</v>
      </c>
      <c r="AQ14" s="313">
        <v>0</v>
      </c>
      <c r="AR14" s="310">
        <v>5</v>
      </c>
      <c r="AS14" s="315">
        <v>5</v>
      </c>
      <c r="AT14" s="309">
        <v>0</v>
      </c>
      <c r="AU14" s="313">
        <v>0</v>
      </c>
      <c r="AV14" s="310">
        <v>0</v>
      </c>
      <c r="AW14" s="312">
        <v>0</v>
      </c>
      <c r="AX14" s="313">
        <v>2</v>
      </c>
      <c r="AY14" s="313">
        <v>0</v>
      </c>
      <c r="AZ14" s="313">
        <v>2</v>
      </c>
      <c r="BA14" s="313">
        <v>1</v>
      </c>
      <c r="BB14" s="313">
        <v>0</v>
      </c>
      <c r="BC14" s="310">
        <v>5</v>
      </c>
      <c r="BD14" s="315">
        <v>5</v>
      </c>
      <c r="BE14" s="309">
        <v>0</v>
      </c>
      <c r="BF14" s="313">
        <v>0</v>
      </c>
      <c r="BG14" s="310">
        <v>0</v>
      </c>
      <c r="BH14" s="312">
        <v>0</v>
      </c>
      <c r="BI14" s="313">
        <v>3</v>
      </c>
      <c r="BJ14" s="313">
        <v>1</v>
      </c>
      <c r="BK14" s="313">
        <v>1</v>
      </c>
      <c r="BL14" s="313">
        <v>2</v>
      </c>
      <c r="BM14" s="313">
        <v>0</v>
      </c>
      <c r="BN14" s="314">
        <v>7</v>
      </c>
      <c r="BO14" s="315">
        <v>7</v>
      </c>
      <c r="BP14" s="309">
        <v>0</v>
      </c>
      <c r="BQ14" s="313">
        <v>0</v>
      </c>
      <c r="BR14" s="310">
        <v>0</v>
      </c>
      <c r="BS14" s="312">
        <v>0</v>
      </c>
      <c r="BT14" s="313">
        <v>0</v>
      </c>
      <c r="BU14" s="313">
        <v>0</v>
      </c>
      <c r="BV14" s="313">
        <v>0</v>
      </c>
      <c r="BW14" s="313">
        <v>0</v>
      </c>
      <c r="BX14" s="313">
        <v>0</v>
      </c>
      <c r="BY14" s="310">
        <v>0</v>
      </c>
      <c r="BZ14" s="315">
        <v>0</v>
      </c>
      <c r="CA14" s="309">
        <v>0</v>
      </c>
      <c r="CB14" s="313">
        <v>0</v>
      </c>
      <c r="CC14" s="310">
        <v>0</v>
      </c>
      <c r="CD14" s="312">
        <v>0</v>
      </c>
      <c r="CE14" s="313">
        <v>0</v>
      </c>
      <c r="CF14" s="313">
        <v>0</v>
      </c>
      <c r="CG14" s="313">
        <v>0</v>
      </c>
      <c r="CH14" s="313">
        <v>0</v>
      </c>
      <c r="CI14" s="313">
        <v>0</v>
      </c>
      <c r="CJ14" s="310">
        <v>0</v>
      </c>
      <c r="CK14" s="315">
        <v>0</v>
      </c>
      <c r="CL14" s="309">
        <v>0</v>
      </c>
      <c r="CM14" s="313">
        <v>0</v>
      </c>
      <c r="CN14" s="310">
        <v>0</v>
      </c>
      <c r="CO14" s="312">
        <v>0</v>
      </c>
      <c r="CP14" s="313">
        <v>0</v>
      </c>
      <c r="CQ14" s="313">
        <v>1</v>
      </c>
      <c r="CR14" s="313">
        <v>0</v>
      </c>
      <c r="CS14" s="313">
        <v>0</v>
      </c>
      <c r="CT14" s="313">
        <v>0</v>
      </c>
      <c r="CU14" s="310">
        <v>1</v>
      </c>
      <c r="CV14" s="315">
        <v>1</v>
      </c>
    </row>
    <row r="15" spans="1:100" ht="21" customHeight="1" x14ac:dyDescent="0.2">
      <c r="A15" s="294" t="s">
        <v>12</v>
      </c>
      <c r="B15" s="309">
        <v>0</v>
      </c>
      <c r="C15" s="310">
        <v>0</v>
      </c>
      <c r="D15" s="311">
        <v>0</v>
      </c>
      <c r="E15" s="312">
        <v>0</v>
      </c>
      <c r="F15" s="313">
        <v>0</v>
      </c>
      <c r="G15" s="313">
        <v>0</v>
      </c>
      <c r="H15" s="313">
        <v>1</v>
      </c>
      <c r="I15" s="313">
        <v>0</v>
      </c>
      <c r="J15" s="313">
        <v>0</v>
      </c>
      <c r="K15" s="314">
        <v>1</v>
      </c>
      <c r="L15" s="315">
        <v>1</v>
      </c>
      <c r="M15" s="309">
        <v>0</v>
      </c>
      <c r="N15" s="313">
        <v>0</v>
      </c>
      <c r="O15" s="310">
        <v>0</v>
      </c>
      <c r="P15" s="312">
        <v>0</v>
      </c>
      <c r="Q15" s="313">
        <v>0</v>
      </c>
      <c r="R15" s="313">
        <v>0</v>
      </c>
      <c r="S15" s="313">
        <v>0</v>
      </c>
      <c r="T15" s="313">
        <v>0</v>
      </c>
      <c r="U15" s="313">
        <v>0</v>
      </c>
      <c r="V15" s="310">
        <v>0</v>
      </c>
      <c r="W15" s="315">
        <v>0</v>
      </c>
      <c r="X15" s="309">
        <v>0</v>
      </c>
      <c r="Y15" s="313">
        <v>0</v>
      </c>
      <c r="Z15" s="310">
        <v>0</v>
      </c>
      <c r="AA15" s="312">
        <v>0</v>
      </c>
      <c r="AB15" s="313">
        <v>32</v>
      </c>
      <c r="AC15" s="313">
        <v>19</v>
      </c>
      <c r="AD15" s="313">
        <v>10</v>
      </c>
      <c r="AE15" s="313">
        <v>5</v>
      </c>
      <c r="AF15" s="313">
        <v>3</v>
      </c>
      <c r="AG15" s="310">
        <v>69</v>
      </c>
      <c r="AH15" s="315">
        <v>69</v>
      </c>
      <c r="AI15" s="309">
        <v>0</v>
      </c>
      <c r="AJ15" s="313">
        <v>0</v>
      </c>
      <c r="AK15" s="310">
        <v>0</v>
      </c>
      <c r="AL15" s="312">
        <v>0</v>
      </c>
      <c r="AM15" s="313">
        <v>0</v>
      </c>
      <c r="AN15" s="313">
        <v>0</v>
      </c>
      <c r="AO15" s="313">
        <v>0</v>
      </c>
      <c r="AP15" s="313">
        <v>0</v>
      </c>
      <c r="AQ15" s="313">
        <v>0</v>
      </c>
      <c r="AR15" s="310">
        <v>0</v>
      </c>
      <c r="AS15" s="315">
        <v>0</v>
      </c>
      <c r="AT15" s="309">
        <v>0</v>
      </c>
      <c r="AU15" s="313">
        <v>0</v>
      </c>
      <c r="AV15" s="310">
        <v>0</v>
      </c>
      <c r="AW15" s="312">
        <v>0</v>
      </c>
      <c r="AX15" s="313">
        <v>1</v>
      </c>
      <c r="AY15" s="313">
        <v>1</v>
      </c>
      <c r="AZ15" s="313">
        <v>4</v>
      </c>
      <c r="BA15" s="313">
        <v>2</v>
      </c>
      <c r="BB15" s="313">
        <v>4</v>
      </c>
      <c r="BC15" s="310">
        <v>12</v>
      </c>
      <c r="BD15" s="315">
        <v>12</v>
      </c>
      <c r="BE15" s="309">
        <v>0</v>
      </c>
      <c r="BF15" s="313">
        <v>1</v>
      </c>
      <c r="BG15" s="310">
        <v>1</v>
      </c>
      <c r="BH15" s="312">
        <v>0</v>
      </c>
      <c r="BI15" s="313">
        <v>6</v>
      </c>
      <c r="BJ15" s="313">
        <v>4</v>
      </c>
      <c r="BK15" s="313">
        <v>2</v>
      </c>
      <c r="BL15" s="313">
        <v>2</v>
      </c>
      <c r="BM15" s="313">
        <v>0</v>
      </c>
      <c r="BN15" s="314">
        <v>14</v>
      </c>
      <c r="BO15" s="315">
        <v>15</v>
      </c>
      <c r="BP15" s="309">
        <v>0</v>
      </c>
      <c r="BQ15" s="313">
        <v>0</v>
      </c>
      <c r="BR15" s="310">
        <v>0</v>
      </c>
      <c r="BS15" s="312">
        <v>0</v>
      </c>
      <c r="BT15" s="313">
        <v>0</v>
      </c>
      <c r="BU15" s="313">
        <v>1</v>
      </c>
      <c r="BV15" s="313">
        <v>0</v>
      </c>
      <c r="BW15" s="313">
        <v>3</v>
      </c>
      <c r="BX15" s="313">
        <v>0</v>
      </c>
      <c r="BY15" s="310">
        <v>4</v>
      </c>
      <c r="BZ15" s="315">
        <v>4</v>
      </c>
      <c r="CA15" s="309">
        <v>0</v>
      </c>
      <c r="CB15" s="313">
        <v>0</v>
      </c>
      <c r="CC15" s="310">
        <v>0</v>
      </c>
      <c r="CD15" s="312">
        <v>0</v>
      </c>
      <c r="CE15" s="313">
        <v>0</v>
      </c>
      <c r="CF15" s="313">
        <v>0</v>
      </c>
      <c r="CG15" s="313">
        <v>0</v>
      </c>
      <c r="CH15" s="313">
        <v>0</v>
      </c>
      <c r="CI15" s="313">
        <v>1</v>
      </c>
      <c r="CJ15" s="310">
        <v>1</v>
      </c>
      <c r="CK15" s="315">
        <v>1</v>
      </c>
      <c r="CL15" s="309">
        <v>0</v>
      </c>
      <c r="CM15" s="313">
        <v>0</v>
      </c>
      <c r="CN15" s="310">
        <v>0</v>
      </c>
      <c r="CO15" s="312">
        <v>0</v>
      </c>
      <c r="CP15" s="313">
        <v>0</v>
      </c>
      <c r="CQ15" s="313">
        <v>1</v>
      </c>
      <c r="CR15" s="313">
        <v>1</v>
      </c>
      <c r="CS15" s="313">
        <v>2</v>
      </c>
      <c r="CT15" s="313">
        <v>2</v>
      </c>
      <c r="CU15" s="310">
        <v>6</v>
      </c>
      <c r="CV15" s="315">
        <v>6</v>
      </c>
    </row>
    <row r="16" spans="1:100" ht="21" customHeight="1" x14ac:dyDescent="0.2">
      <c r="A16" s="294" t="s">
        <v>13</v>
      </c>
      <c r="B16" s="309">
        <v>0</v>
      </c>
      <c r="C16" s="310">
        <v>0</v>
      </c>
      <c r="D16" s="311">
        <v>0</v>
      </c>
      <c r="E16" s="312">
        <v>0</v>
      </c>
      <c r="F16" s="313">
        <v>0</v>
      </c>
      <c r="G16" s="313">
        <v>0</v>
      </c>
      <c r="H16" s="313">
        <v>0</v>
      </c>
      <c r="I16" s="313">
        <v>0</v>
      </c>
      <c r="J16" s="313">
        <v>0</v>
      </c>
      <c r="K16" s="314">
        <v>0</v>
      </c>
      <c r="L16" s="315">
        <v>0</v>
      </c>
      <c r="M16" s="309">
        <v>0</v>
      </c>
      <c r="N16" s="313">
        <v>0</v>
      </c>
      <c r="O16" s="310">
        <v>0</v>
      </c>
      <c r="P16" s="312">
        <v>0</v>
      </c>
      <c r="Q16" s="313">
        <v>0</v>
      </c>
      <c r="R16" s="313">
        <v>0</v>
      </c>
      <c r="S16" s="313">
        <v>0</v>
      </c>
      <c r="T16" s="313">
        <v>0</v>
      </c>
      <c r="U16" s="313">
        <v>0</v>
      </c>
      <c r="V16" s="310">
        <v>0</v>
      </c>
      <c r="W16" s="315">
        <v>0</v>
      </c>
      <c r="X16" s="309">
        <v>0</v>
      </c>
      <c r="Y16" s="313">
        <v>0</v>
      </c>
      <c r="Z16" s="310">
        <v>0</v>
      </c>
      <c r="AA16" s="312">
        <v>0</v>
      </c>
      <c r="AB16" s="313">
        <v>14</v>
      </c>
      <c r="AC16" s="313">
        <v>8</v>
      </c>
      <c r="AD16" s="313">
        <v>3</v>
      </c>
      <c r="AE16" s="313">
        <v>2</v>
      </c>
      <c r="AF16" s="313">
        <v>2</v>
      </c>
      <c r="AG16" s="310">
        <v>29</v>
      </c>
      <c r="AH16" s="315">
        <v>29</v>
      </c>
      <c r="AI16" s="309">
        <v>0</v>
      </c>
      <c r="AJ16" s="313">
        <v>0</v>
      </c>
      <c r="AK16" s="310">
        <v>0</v>
      </c>
      <c r="AL16" s="312">
        <v>0</v>
      </c>
      <c r="AM16" s="313">
        <v>0</v>
      </c>
      <c r="AN16" s="313">
        <v>1</v>
      </c>
      <c r="AO16" s="313">
        <v>3</v>
      </c>
      <c r="AP16" s="313">
        <v>1</v>
      </c>
      <c r="AQ16" s="313">
        <v>0</v>
      </c>
      <c r="AR16" s="310">
        <v>5</v>
      </c>
      <c r="AS16" s="315">
        <v>5</v>
      </c>
      <c r="AT16" s="309">
        <v>0</v>
      </c>
      <c r="AU16" s="313">
        <v>0</v>
      </c>
      <c r="AV16" s="310">
        <v>0</v>
      </c>
      <c r="AW16" s="312">
        <v>0</v>
      </c>
      <c r="AX16" s="313">
        <v>1</v>
      </c>
      <c r="AY16" s="313">
        <v>2</v>
      </c>
      <c r="AZ16" s="313">
        <v>0</v>
      </c>
      <c r="BA16" s="313">
        <v>1</v>
      </c>
      <c r="BB16" s="313">
        <v>0</v>
      </c>
      <c r="BC16" s="310">
        <v>4</v>
      </c>
      <c r="BD16" s="315">
        <v>4</v>
      </c>
      <c r="BE16" s="309">
        <v>0</v>
      </c>
      <c r="BF16" s="313">
        <v>0</v>
      </c>
      <c r="BG16" s="310">
        <v>0</v>
      </c>
      <c r="BH16" s="312">
        <v>0</v>
      </c>
      <c r="BI16" s="313">
        <v>0</v>
      </c>
      <c r="BJ16" s="313">
        <v>0</v>
      </c>
      <c r="BK16" s="313">
        <v>2</v>
      </c>
      <c r="BL16" s="313">
        <v>1</v>
      </c>
      <c r="BM16" s="313">
        <v>0</v>
      </c>
      <c r="BN16" s="314">
        <v>3</v>
      </c>
      <c r="BO16" s="315">
        <v>3</v>
      </c>
      <c r="BP16" s="309">
        <v>0</v>
      </c>
      <c r="BQ16" s="313">
        <v>0</v>
      </c>
      <c r="BR16" s="310">
        <v>0</v>
      </c>
      <c r="BS16" s="312">
        <v>0</v>
      </c>
      <c r="BT16" s="313">
        <v>0</v>
      </c>
      <c r="BU16" s="313">
        <v>0</v>
      </c>
      <c r="BV16" s="313">
        <v>0</v>
      </c>
      <c r="BW16" s="313">
        <v>1</v>
      </c>
      <c r="BX16" s="313">
        <v>0</v>
      </c>
      <c r="BY16" s="310">
        <v>1</v>
      </c>
      <c r="BZ16" s="315">
        <v>1</v>
      </c>
      <c r="CA16" s="309">
        <v>0</v>
      </c>
      <c r="CB16" s="313">
        <v>0</v>
      </c>
      <c r="CC16" s="310">
        <v>0</v>
      </c>
      <c r="CD16" s="312">
        <v>0</v>
      </c>
      <c r="CE16" s="313">
        <v>0</v>
      </c>
      <c r="CF16" s="313">
        <v>0</v>
      </c>
      <c r="CG16" s="313">
        <v>0</v>
      </c>
      <c r="CH16" s="313">
        <v>0</v>
      </c>
      <c r="CI16" s="313">
        <v>0</v>
      </c>
      <c r="CJ16" s="310">
        <v>0</v>
      </c>
      <c r="CK16" s="315">
        <v>0</v>
      </c>
      <c r="CL16" s="309">
        <v>0</v>
      </c>
      <c r="CM16" s="313">
        <v>0</v>
      </c>
      <c r="CN16" s="310">
        <v>0</v>
      </c>
      <c r="CO16" s="312">
        <v>0</v>
      </c>
      <c r="CP16" s="313">
        <v>0</v>
      </c>
      <c r="CQ16" s="313">
        <v>0</v>
      </c>
      <c r="CR16" s="313">
        <v>0</v>
      </c>
      <c r="CS16" s="313">
        <v>0</v>
      </c>
      <c r="CT16" s="313">
        <v>0</v>
      </c>
      <c r="CU16" s="310">
        <v>0</v>
      </c>
      <c r="CV16" s="315">
        <v>0</v>
      </c>
    </row>
    <row r="17" spans="1:100" ht="21" customHeight="1" x14ac:dyDescent="0.2">
      <c r="A17" s="294" t="s">
        <v>15</v>
      </c>
      <c r="B17" s="309">
        <v>0</v>
      </c>
      <c r="C17" s="310">
        <v>0</v>
      </c>
      <c r="D17" s="311">
        <v>0</v>
      </c>
      <c r="E17" s="312">
        <v>0</v>
      </c>
      <c r="F17" s="313">
        <v>0</v>
      </c>
      <c r="G17" s="313">
        <v>0</v>
      </c>
      <c r="H17" s="313">
        <v>0</v>
      </c>
      <c r="I17" s="313">
        <v>0</v>
      </c>
      <c r="J17" s="313">
        <v>0</v>
      </c>
      <c r="K17" s="314">
        <v>0</v>
      </c>
      <c r="L17" s="315">
        <v>0</v>
      </c>
      <c r="M17" s="309">
        <v>0</v>
      </c>
      <c r="N17" s="313">
        <v>0</v>
      </c>
      <c r="O17" s="310">
        <v>0</v>
      </c>
      <c r="P17" s="312">
        <v>0</v>
      </c>
      <c r="Q17" s="313">
        <v>0</v>
      </c>
      <c r="R17" s="313">
        <v>0</v>
      </c>
      <c r="S17" s="313">
        <v>0</v>
      </c>
      <c r="T17" s="313">
        <v>0</v>
      </c>
      <c r="U17" s="313">
        <v>0</v>
      </c>
      <c r="V17" s="310">
        <v>0</v>
      </c>
      <c r="W17" s="315">
        <v>0</v>
      </c>
      <c r="X17" s="309">
        <v>0</v>
      </c>
      <c r="Y17" s="313">
        <v>0</v>
      </c>
      <c r="Z17" s="310">
        <v>0</v>
      </c>
      <c r="AA17" s="312">
        <v>0</v>
      </c>
      <c r="AB17" s="313">
        <v>5</v>
      </c>
      <c r="AC17" s="313">
        <v>9</v>
      </c>
      <c r="AD17" s="313">
        <v>1</v>
      </c>
      <c r="AE17" s="313">
        <v>1</v>
      </c>
      <c r="AF17" s="313">
        <v>1</v>
      </c>
      <c r="AG17" s="310">
        <v>17</v>
      </c>
      <c r="AH17" s="315">
        <v>17</v>
      </c>
      <c r="AI17" s="309">
        <v>0</v>
      </c>
      <c r="AJ17" s="313">
        <v>0</v>
      </c>
      <c r="AK17" s="310">
        <v>0</v>
      </c>
      <c r="AL17" s="312">
        <v>0</v>
      </c>
      <c r="AM17" s="313">
        <v>0</v>
      </c>
      <c r="AN17" s="313">
        <v>1</v>
      </c>
      <c r="AO17" s="313">
        <v>0</v>
      </c>
      <c r="AP17" s="313">
        <v>0</v>
      </c>
      <c r="AQ17" s="313">
        <v>0</v>
      </c>
      <c r="AR17" s="310">
        <v>1</v>
      </c>
      <c r="AS17" s="315">
        <v>1</v>
      </c>
      <c r="AT17" s="309">
        <v>0</v>
      </c>
      <c r="AU17" s="313">
        <v>0</v>
      </c>
      <c r="AV17" s="310">
        <v>0</v>
      </c>
      <c r="AW17" s="312">
        <v>0</v>
      </c>
      <c r="AX17" s="313">
        <v>0</v>
      </c>
      <c r="AY17" s="313">
        <v>1</v>
      </c>
      <c r="AZ17" s="313">
        <v>2</v>
      </c>
      <c r="BA17" s="313">
        <v>2</v>
      </c>
      <c r="BB17" s="313">
        <v>0</v>
      </c>
      <c r="BC17" s="310">
        <v>5</v>
      </c>
      <c r="BD17" s="315">
        <v>5</v>
      </c>
      <c r="BE17" s="309">
        <v>0</v>
      </c>
      <c r="BF17" s="313">
        <v>0</v>
      </c>
      <c r="BG17" s="310">
        <v>0</v>
      </c>
      <c r="BH17" s="312">
        <v>0</v>
      </c>
      <c r="BI17" s="313">
        <v>2</v>
      </c>
      <c r="BJ17" s="313">
        <v>2</v>
      </c>
      <c r="BK17" s="313">
        <v>1</v>
      </c>
      <c r="BL17" s="313">
        <v>0</v>
      </c>
      <c r="BM17" s="313">
        <v>0</v>
      </c>
      <c r="BN17" s="314">
        <v>5</v>
      </c>
      <c r="BO17" s="315">
        <v>5</v>
      </c>
      <c r="BP17" s="309">
        <v>0</v>
      </c>
      <c r="BQ17" s="313">
        <v>0</v>
      </c>
      <c r="BR17" s="310">
        <v>0</v>
      </c>
      <c r="BS17" s="312">
        <v>0</v>
      </c>
      <c r="BT17" s="313">
        <v>0</v>
      </c>
      <c r="BU17" s="313">
        <v>0</v>
      </c>
      <c r="BV17" s="313">
        <v>0</v>
      </c>
      <c r="BW17" s="313">
        <v>0</v>
      </c>
      <c r="BX17" s="313">
        <v>0</v>
      </c>
      <c r="BY17" s="310">
        <v>0</v>
      </c>
      <c r="BZ17" s="315">
        <v>0</v>
      </c>
      <c r="CA17" s="309">
        <v>0</v>
      </c>
      <c r="CB17" s="313">
        <v>0</v>
      </c>
      <c r="CC17" s="310">
        <v>0</v>
      </c>
      <c r="CD17" s="312">
        <v>0</v>
      </c>
      <c r="CE17" s="313">
        <v>0</v>
      </c>
      <c r="CF17" s="313">
        <v>0</v>
      </c>
      <c r="CG17" s="313">
        <v>1</v>
      </c>
      <c r="CH17" s="313">
        <v>0</v>
      </c>
      <c r="CI17" s="313">
        <v>0</v>
      </c>
      <c r="CJ17" s="310">
        <v>1</v>
      </c>
      <c r="CK17" s="315">
        <v>1</v>
      </c>
      <c r="CL17" s="309">
        <v>0</v>
      </c>
      <c r="CM17" s="313">
        <v>0</v>
      </c>
      <c r="CN17" s="310">
        <v>0</v>
      </c>
      <c r="CO17" s="312">
        <v>0</v>
      </c>
      <c r="CP17" s="313">
        <v>0</v>
      </c>
      <c r="CQ17" s="313">
        <v>0</v>
      </c>
      <c r="CR17" s="313">
        <v>0</v>
      </c>
      <c r="CS17" s="313">
        <v>0</v>
      </c>
      <c r="CT17" s="313">
        <v>0</v>
      </c>
      <c r="CU17" s="310">
        <v>0</v>
      </c>
      <c r="CV17" s="315">
        <v>0</v>
      </c>
    </row>
    <row r="18" spans="1:100" ht="21" customHeight="1" x14ac:dyDescent="0.2">
      <c r="A18" s="294" t="s">
        <v>16</v>
      </c>
      <c r="B18" s="309">
        <v>0</v>
      </c>
      <c r="C18" s="310">
        <v>0</v>
      </c>
      <c r="D18" s="311">
        <v>0</v>
      </c>
      <c r="E18" s="312">
        <v>0</v>
      </c>
      <c r="F18" s="313">
        <v>0</v>
      </c>
      <c r="G18" s="313">
        <v>1</v>
      </c>
      <c r="H18" s="313">
        <v>0</v>
      </c>
      <c r="I18" s="313">
        <v>1</v>
      </c>
      <c r="J18" s="313">
        <v>1</v>
      </c>
      <c r="K18" s="314">
        <v>3</v>
      </c>
      <c r="L18" s="315">
        <v>3</v>
      </c>
      <c r="M18" s="309">
        <v>0</v>
      </c>
      <c r="N18" s="313">
        <v>0</v>
      </c>
      <c r="O18" s="310">
        <v>0</v>
      </c>
      <c r="P18" s="312">
        <v>0</v>
      </c>
      <c r="Q18" s="313">
        <v>0</v>
      </c>
      <c r="R18" s="313">
        <v>0</v>
      </c>
      <c r="S18" s="313">
        <v>0</v>
      </c>
      <c r="T18" s="313">
        <v>0</v>
      </c>
      <c r="U18" s="313">
        <v>0</v>
      </c>
      <c r="V18" s="310">
        <v>0</v>
      </c>
      <c r="W18" s="315">
        <v>0</v>
      </c>
      <c r="X18" s="309">
        <v>0</v>
      </c>
      <c r="Y18" s="313">
        <v>0</v>
      </c>
      <c r="Z18" s="310">
        <v>0</v>
      </c>
      <c r="AA18" s="312">
        <v>0</v>
      </c>
      <c r="AB18" s="313">
        <v>10</v>
      </c>
      <c r="AC18" s="313">
        <v>13</v>
      </c>
      <c r="AD18" s="313">
        <v>2</v>
      </c>
      <c r="AE18" s="313">
        <v>1</v>
      </c>
      <c r="AF18" s="313">
        <v>1</v>
      </c>
      <c r="AG18" s="310">
        <v>27</v>
      </c>
      <c r="AH18" s="315">
        <v>27</v>
      </c>
      <c r="AI18" s="309">
        <v>0</v>
      </c>
      <c r="AJ18" s="313">
        <v>0</v>
      </c>
      <c r="AK18" s="310">
        <v>0</v>
      </c>
      <c r="AL18" s="312">
        <v>0</v>
      </c>
      <c r="AM18" s="313">
        <v>2</v>
      </c>
      <c r="AN18" s="313">
        <v>0</v>
      </c>
      <c r="AO18" s="313">
        <v>2</v>
      </c>
      <c r="AP18" s="313">
        <v>0</v>
      </c>
      <c r="AQ18" s="313">
        <v>0</v>
      </c>
      <c r="AR18" s="310">
        <v>4</v>
      </c>
      <c r="AS18" s="315">
        <v>4</v>
      </c>
      <c r="AT18" s="309">
        <v>0</v>
      </c>
      <c r="AU18" s="313">
        <v>0</v>
      </c>
      <c r="AV18" s="310">
        <v>0</v>
      </c>
      <c r="AW18" s="312">
        <v>0</v>
      </c>
      <c r="AX18" s="313">
        <v>0</v>
      </c>
      <c r="AY18" s="313">
        <v>1</v>
      </c>
      <c r="AZ18" s="313">
        <v>2</v>
      </c>
      <c r="BA18" s="313">
        <v>0</v>
      </c>
      <c r="BB18" s="313">
        <v>0</v>
      </c>
      <c r="BC18" s="310">
        <v>3</v>
      </c>
      <c r="BD18" s="315">
        <v>3</v>
      </c>
      <c r="BE18" s="309">
        <v>0</v>
      </c>
      <c r="BF18" s="313">
        <v>0</v>
      </c>
      <c r="BG18" s="310">
        <v>0</v>
      </c>
      <c r="BH18" s="312">
        <v>0</v>
      </c>
      <c r="BI18" s="313">
        <v>2</v>
      </c>
      <c r="BJ18" s="313">
        <v>7</v>
      </c>
      <c r="BK18" s="313">
        <v>1</v>
      </c>
      <c r="BL18" s="313">
        <v>1</v>
      </c>
      <c r="BM18" s="313">
        <v>2</v>
      </c>
      <c r="BN18" s="314">
        <v>13</v>
      </c>
      <c r="BO18" s="315">
        <v>13</v>
      </c>
      <c r="BP18" s="309">
        <v>0</v>
      </c>
      <c r="BQ18" s="313">
        <v>0</v>
      </c>
      <c r="BR18" s="310">
        <v>0</v>
      </c>
      <c r="BS18" s="312">
        <v>0</v>
      </c>
      <c r="BT18" s="313">
        <v>0</v>
      </c>
      <c r="BU18" s="313">
        <v>0</v>
      </c>
      <c r="BV18" s="313">
        <v>0</v>
      </c>
      <c r="BW18" s="313">
        <v>0</v>
      </c>
      <c r="BX18" s="313">
        <v>0</v>
      </c>
      <c r="BY18" s="310">
        <v>0</v>
      </c>
      <c r="BZ18" s="315">
        <v>0</v>
      </c>
      <c r="CA18" s="309">
        <v>0</v>
      </c>
      <c r="CB18" s="313">
        <v>0</v>
      </c>
      <c r="CC18" s="310">
        <v>0</v>
      </c>
      <c r="CD18" s="312">
        <v>0</v>
      </c>
      <c r="CE18" s="313">
        <v>0</v>
      </c>
      <c r="CF18" s="313">
        <v>0</v>
      </c>
      <c r="CG18" s="313">
        <v>0</v>
      </c>
      <c r="CH18" s="313">
        <v>0</v>
      </c>
      <c r="CI18" s="313">
        <v>0</v>
      </c>
      <c r="CJ18" s="310">
        <v>0</v>
      </c>
      <c r="CK18" s="315">
        <v>0</v>
      </c>
      <c r="CL18" s="309">
        <v>0</v>
      </c>
      <c r="CM18" s="313">
        <v>0</v>
      </c>
      <c r="CN18" s="310">
        <v>0</v>
      </c>
      <c r="CO18" s="312">
        <v>0</v>
      </c>
      <c r="CP18" s="313">
        <v>0</v>
      </c>
      <c r="CQ18" s="313">
        <v>1</v>
      </c>
      <c r="CR18" s="313">
        <v>1</v>
      </c>
      <c r="CS18" s="313">
        <v>0</v>
      </c>
      <c r="CT18" s="313">
        <v>0</v>
      </c>
      <c r="CU18" s="310">
        <v>2</v>
      </c>
      <c r="CV18" s="315">
        <v>2</v>
      </c>
    </row>
    <row r="19" spans="1:100" ht="21" customHeight="1" x14ac:dyDescent="0.2">
      <c r="A19" s="294" t="s">
        <v>17</v>
      </c>
      <c r="B19" s="309">
        <v>0</v>
      </c>
      <c r="C19" s="310">
        <v>0</v>
      </c>
      <c r="D19" s="311">
        <v>0</v>
      </c>
      <c r="E19" s="312">
        <v>0</v>
      </c>
      <c r="F19" s="313">
        <v>0</v>
      </c>
      <c r="G19" s="313">
        <v>1</v>
      </c>
      <c r="H19" s="313">
        <v>0</v>
      </c>
      <c r="I19" s="313">
        <v>0</v>
      </c>
      <c r="J19" s="313">
        <v>0</v>
      </c>
      <c r="K19" s="314">
        <v>1</v>
      </c>
      <c r="L19" s="315">
        <v>1</v>
      </c>
      <c r="M19" s="309">
        <v>0</v>
      </c>
      <c r="N19" s="313">
        <v>0</v>
      </c>
      <c r="O19" s="310">
        <v>0</v>
      </c>
      <c r="P19" s="312">
        <v>0</v>
      </c>
      <c r="Q19" s="313">
        <v>0</v>
      </c>
      <c r="R19" s="313">
        <v>0</v>
      </c>
      <c r="S19" s="313">
        <v>0</v>
      </c>
      <c r="T19" s="313">
        <v>0</v>
      </c>
      <c r="U19" s="313">
        <v>0</v>
      </c>
      <c r="V19" s="310">
        <v>0</v>
      </c>
      <c r="W19" s="315">
        <v>0</v>
      </c>
      <c r="X19" s="309">
        <v>0</v>
      </c>
      <c r="Y19" s="313">
        <v>0</v>
      </c>
      <c r="Z19" s="310">
        <v>0</v>
      </c>
      <c r="AA19" s="312">
        <v>0</v>
      </c>
      <c r="AB19" s="313">
        <v>16</v>
      </c>
      <c r="AC19" s="313">
        <v>13</v>
      </c>
      <c r="AD19" s="313">
        <v>7</v>
      </c>
      <c r="AE19" s="313">
        <v>4</v>
      </c>
      <c r="AF19" s="313">
        <v>1</v>
      </c>
      <c r="AG19" s="310">
        <v>41</v>
      </c>
      <c r="AH19" s="315">
        <v>41</v>
      </c>
      <c r="AI19" s="309">
        <v>0</v>
      </c>
      <c r="AJ19" s="313">
        <v>0</v>
      </c>
      <c r="AK19" s="310">
        <v>0</v>
      </c>
      <c r="AL19" s="312">
        <v>0</v>
      </c>
      <c r="AM19" s="313">
        <v>1</v>
      </c>
      <c r="AN19" s="313">
        <v>0</v>
      </c>
      <c r="AO19" s="313">
        <v>1</v>
      </c>
      <c r="AP19" s="313">
        <v>0</v>
      </c>
      <c r="AQ19" s="313">
        <v>0</v>
      </c>
      <c r="AR19" s="310">
        <v>2</v>
      </c>
      <c r="AS19" s="315">
        <v>2</v>
      </c>
      <c r="AT19" s="309">
        <v>0</v>
      </c>
      <c r="AU19" s="313">
        <v>0</v>
      </c>
      <c r="AV19" s="310">
        <v>0</v>
      </c>
      <c r="AW19" s="312">
        <v>0</v>
      </c>
      <c r="AX19" s="313">
        <v>0</v>
      </c>
      <c r="AY19" s="313">
        <v>3</v>
      </c>
      <c r="AZ19" s="313">
        <v>3</v>
      </c>
      <c r="BA19" s="313">
        <v>0</v>
      </c>
      <c r="BB19" s="313">
        <v>2</v>
      </c>
      <c r="BC19" s="310">
        <v>8</v>
      </c>
      <c r="BD19" s="315">
        <v>8</v>
      </c>
      <c r="BE19" s="309">
        <v>0</v>
      </c>
      <c r="BF19" s="313">
        <v>0</v>
      </c>
      <c r="BG19" s="310">
        <v>0</v>
      </c>
      <c r="BH19" s="312">
        <v>0</v>
      </c>
      <c r="BI19" s="313">
        <v>3</v>
      </c>
      <c r="BJ19" s="313">
        <v>2</v>
      </c>
      <c r="BK19" s="313">
        <v>2</v>
      </c>
      <c r="BL19" s="313">
        <v>1</v>
      </c>
      <c r="BM19" s="313">
        <v>0</v>
      </c>
      <c r="BN19" s="314">
        <v>8</v>
      </c>
      <c r="BO19" s="315">
        <v>8</v>
      </c>
      <c r="BP19" s="309">
        <v>0</v>
      </c>
      <c r="BQ19" s="313">
        <v>0</v>
      </c>
      <c r="BR19" s="310">
        <v>0</v>
      </c>
      <c r="BS19" s="312">
        <v>0</v>
      </c>
      <c r="BT19" s="313">
        <v>0</v>
      </c>
      <c r="BU19" s="313">
        <v>0</v>
      </c>
      <c r="BV19" s="313">
        <v>0</v>
      </c>
      <c r="BW19" s="313">
        <v>0</v>
      </c>
      <c r="BX19" s="313">
        <v>0</v>
      </c>
      <c r="BY19" s="310">
        <v>0</v>
      </c>
      <c r="BZ19" s="315">
        <v>0</v>
      </c>
      <c r="CA19" s="309">
        <v>0</v>
      </c>
      <c r="CB19" s="313">
        <v>0</v>
      </c>
      <c r="CC19" s="310">
        <v>0</v>
      </c>
      <c r="CD19" s="312">
        <v>0</v>
      </c>
      <c r="CE19" s="313">
        <v>0</v>
      </c>
      <c r="CF19" s="313">
        <v>1</v>
      </c>
      <c r="CG19" s="313">
        <v>1</v>
      </c>
      <c r="CH19" s="313">
        <v>0</v>
      </c>
      <c r="CI19" s="313">
        <v>1</v>
      </c>
      <c r="CJ19" s="310">
        <v>3</v>
      </c>
      <c r="CK19" s="315">
        <v>3</v>
      </c>
      <c r="CL19" s="309">
        <v>0</v>
      </c>
      <c r="CM19" s="313">
        <v>0</v>
      </c>
      <c r="CN19" s="310">
        <v>0</v>
      </c>
      <c r="CO19" s="312">
        <v>0</v>
      </c>
      <c r="CP19" s="313">
        <v>1</v>
      </c>
      <c r="CQ19" s="313">
        <v>0</v>
      </c>
      <c r="CR19" s="313">
        <v>0</v>
      </c>
      <c r="CS19" s="313">
        <v>0</v>
      </c>
      <c r="CT19" s="313">
        <v>0</v>
      </c>
      <c r="CU19" s="310">
        <v>1</v>
      </c>
      <c r="CV19" s="315">
        <v>1</v>
      </c>
    </row>
    <row r="20" spans="1:100" ht="21" customHeight="1" x14ac:dyDescent="0.2">
      <c r="A20" s="294" t="s">
        <v>18</v>
      </c>
      <c r="B20" s="309">
        <v>0</v>
      </c>
      <c r="C20" s="310">
        <v>0</v>
      </c>
      <c r="D20" s="311">
        <v>0</v>
      </c>
      <c r="E20" s="312">
        <v>0</v>
      </c>
      <c r="F20" s="313">
        <v>0</v>
      </c>
      <c r="G20" s="313">
        <v>0</v>
      </c>
      <c r="H20" s="313">
        <v>0</v>
      </c>
      <c r="I20" s="313">
        <v>0</v>
      </c>
      <c r="J20" s="313">
        <v>0</v>
      </c>
      <c r="K20" s="314">
        <v>0</v>
      </c>
      <c r="L20" s="315">
        <v>0</v>
      </c>
      <c r="M20" s="309">
        <v>0</v>
      </c>
      <c r="N20" s="313">
        <v>0</v>
      </c>
      <c r="O20" s="310">
        <v>0</v>
      </c>
      <c r="P20" s="312">
        <v>0</v>
      </c>
      <c r="Q20" s="313">
        <v>0</v>
      </c>
      <c r="R20" s="313">
        <v>0</v>
      </c>
      <c r="S20" s="313">
        <v>0</v>
      </c>
      <c r="T20" s="313">
        <v>0</v>
      </c>
      <c r="U20" s="313">
        <v>0</v>
      </c>
      <c r="V20" s="310">
        <v>0</v>
      </c>
      <c r="W20" s="315">
        <v>0</v>
      </c>
      <c r="X20" s="309">
        <v>0</v>
      </c>
      <c r="Y20" s="313">
        <v>0</v>
      </c>
      <c r="Z20" s="310">
        <v>0</v>
      </c>
      <c r="AA20" s="312">
        <v>0</v>
      </c>
      <c r="AB20" s="313">
        <v>20</v>
      </c>
      <c r="AC20" s="313">
        <v>20</v>
      </c>
      <c r="AD20" s="313">
        <v>1</v>
      </c>
      <c r="AE20" s="313">
        <v>2</v>
      </c>
      <c r="AF20" s="313">
        <v>0</v>
      </c>
      <c r="AG20" s="310">
        <v>43</v>
      </c>
      <c r="AH20" s="315">
        <v>43</v>
      </c>
      <c r="AI20" s="309">
        <v>0</v>
      </c>
      <c r="AJ20" s="313">
        <v>0</v>
      </c>
      <c r="AK20" s="310">
        <v>0</v>
      </c>
      <c r="AL20" s="312">
        <v>0</v>
      </c>
      <c r="AM20" s="313">
        <v>1</v>
      </c>
      <c r="AN20" s="313">
        <v>0</v>
      </c>
      <c r="AO20" s="313">
        <v>2</v>
      </c>
      <c r="AP20" s="313">
        <v>1</v>
      </c>
      <c r="AQ20" s="313">
        <v>0</v>
      </c>
      <c r="AR20" s="310">
        <v>4</v>
      </c>
      <c r="AS20" s="315">
        <v>4</v>
      </c>
      <c r="AT20" s="309">
        <v>2</v>
      </c>
      <c r="AU20" s="313">
        <v>0</v>
      </c>
      <c r="AV20" s="310">
        <v>2</v>
      </c>
      <c r="AW20" s="312">
        <v>0</v>
      </c>
      <c r="AX20" s="313">
        <v>3</v>
      </c>
      <c r="AY20" s="313">
        <v>4</v>
      </c>
      <c r="AZ20" s="313">
        <v>3</v>
      </c>
      <c r="BA20" s="313">
        <v>1</v>
      </c>
      <c r="BB20" s="313">
        <v>0</v>
      </c>
      <c r="BC20" s="310">
        <v>11</v>
      </c>
      <c r="BD20" s="315">
        <v>13</v>
      </c>
      <c r="BE20" s="309">
        <v>0</v>
      </c>
      <c r="BF20" s="313">
        <v>0</v>
      </c>
      <c r="BG20" s="310">
        <v>0</v>
      </c>
      <c r="BH20" s="312">
        <v>0</v>
      </c>
      <c r="BI20" s="313">
        <v>4</v>
      </c>
      <c r="BJ20" s="313">
        <v>5</v>
      </c>
      <c r="BK20" s="313">
        <v>4</v>
      </c>
      <c r="BL20" s="313">
        <v>2</v>
      </c>
      <c r="BM20" s="313">
        <v>1</v>
      </c>
      <c r="BN20" s="314">
        <v>16</v>
      </c>
      <c r="BO20" s="315">
        <v>16</v>
      </c>
      <c r="BP20" s="309">
        <v>0</v>
      </c>
      <c r="BQ20" s="313">
        <v>0</v>
      </c>
      <c r="BR20" s="310">
        <v>0</v>
      </c>
      <c r="BS20" s="312">
        <v>0</v>
      </c>
      <c r="BT20" s="313">
        <v>0</v>
      </c>
      <c r="BU20" s="313">
        <v>0</v>
      </c>
      <c r="BV20" s="313">
        <v>0</v>
      </c>
      <c r="BW20" s="313">
        <v>0</v>
      </c>
      <c r="BX20" s="313">
        <v>0</v>
      </c>
      <c r="BY20" s="310">
        <v>0</v>
      </c>
      <c r="BZ20" s="315">
        <v>0</v>
      </c>
      <c r="CA20" s="309">
        <v>0</v>
      </c>
      <c r="CB20" s="313">
        <v>0</v>
      </c>
      <c r="CC20" s="310">
        <v>0</v>
      </c>
      <c r="CD20" s="312">
        <v>0</v>
      </c>
      <c r="CE20" s="313">
        <v>0</v>
      </c>
      <c r="CF20" s="313">
        <v>0</v>
      </c>
      <c r="CG20" s="313">
        <v>0</v>
      </c>
      <c r="CH20" s="313">
        <v>1</v>
      </c>
      <c r="CI20" s="313">
        <v>0</v>
      </c>
      <c r="CJ20" s="310">
        <v>1</v>
      </c>
      <c r="CK20" s="315">
        <v>1</v>
      </c>
      <c r="CL20" s="309">
        <v>0</v>
      </c>
      <c r="CM20" s="313">
        <v>0</v>
      </c>
      <c r="CN20" s="310">
        <v>0</v>
      </c>
      <c r="CO20" s="312">
        <v>0</v>
      </c>
      <c r="CP20" s="313">
        <v>0</v>
      </c>
      <c r="CQ20" s="313">
        <v>0</v>
      </c>
      <c r="CR20" s="313">
        <v>0</v>
      </c>
      <c r="CS20" s="313">
        <v>3</v>
      </c>
      <c r="CT20" s="313">
        <v>0</v>
      </c>
      <c r="CU20" s="310">
        <v>3</v>
      </c>
      <c r="CV20" s="315">
        <v>3</v>
      </c>
    </row>
    <row r="21" spans="1:100" ht="21" customHeight="1" x14ac:dyDescent="0.2">
      <c r="A21" s="294" t="s">
        <v>19</v>
      </c>
      <c r="B21" s="309">
        <v>0</v>
      </c>
      <c r="C21" s="310">
        <v>0</v>
      </c>
      <c r="D21" s="311">
        <v>0</v>
      </c>
      <c r="E21" s="312">
        <v>0</v>
      </c>
      <c r="F21" s="313">
        <v>1</v>
      </c>
      <c r="G21" s="313">
        <v>0</v>
      </c>
      <c r="H21" s="313">
        <v>1</v>
      </c>
      <c r="I21" s="313">
        <v>0</v>
      </c>
      <c r="J21" s="313">
        <v>0</v>
      </c>
      <c r="K21" s="314">
        <v>2</v>
      </c>
      <c r="L21" s="315">
        <v>2</v>
      </c>
      <c r="M21" s="309">
        <v>0</v>
      </c>
      <c r="N21" s="313">
        <v>0</v>
      </c>
      <c r="O21" s="310">
        <v>0</v>
      </c>
      <c r="P21" s="312">
        <v>0</v>
      </c>
      <c r="Q21" s="313">
        <v>0</v>
      </c>
      <c r="R21" s="313">
        <v>0</v>
      </c>
      <c r="S21" s="313">
        <v>0</v>
      </c>
      <c r="T21" s="313">
        <v>0</v>
      </c>
      <c r="U21" s="313">
        <v>0</v>
      </c>
      <c r="V21" s="310">
        <v>0</v>
      </c>
      <c r="W21" s="315">
        <v>0</v>
      </c>
      <c r="X21" s="309">
        <v>0</v>
      </c>
      <c r="Y21" s="313">
        <v>0</v>
      </c>
      <c r="Z21" s="310">
        <v>0</v>
      </c>
      <c r="AA21" s="312">
        <v>0</v>
      </c>
      <c r="AB21" s="313">
        <v>7</v>
      </c>
      <c r="AC21" s="313">
        <v>6</v>
      </c>
      <c r="AD21" s="313">
        <v>1</v>
      </c>
      <c r="AE21" s="313">
        <v>2</v>
      </c>
      <c r="AF21" s="313">
        <v>0</v>
      </c>
      <c r="AG21" s="310">
        <v>16</v>
      </c>
      <c r="AH21" s="315">
        <v>16</v>
      </c>
      <c r="AI21" s="309">
        <v>0</v>
      </c>
      <c r="AJ21" s="313">
        <v>0</v>
      </c>
      <c r="AK21" s="310">
        <v>0</v>
      </c>
      <c r="AL21" s="312">
        <v>0</v>
      </c>
      <c r="AM21" s="313">
        <v>0</v>
      </c>
      <c r="AN21" s="313">
        <v>4</v>
      </c>
      <c r="AO21" s="313">
        <v>2</v>
      </c>
      <c r="AP21" s="313">
        <v>0</v>
      </c>
      <c r="AQ21" s="313">
        <v>0</v>
      </c>
      <c r="AR21" s="310">
        <v>6</v>
      </c>
      <c r="AS21" s="315">
        <v>6</v>
      </c>
      <c r="AT21" s="309">
        <v>0</v>
      </c>
      <c r="AU21" s="313">
        <v>0</v>
      </c>
      <c r="AV21" s="310">
        <v>0</v>
      </c>
      <c r="AW21" s="312">
        <v>0</v>
      </c>
      <c r="AX21" s="313">
        <v>1</v>
      </c>
      <c r="AY21" s="313">
        <v>2</v>
      </c>
      <c r="AZ21" s="313">
        <v>1</v>
      </c>
      <c r="BA21" s="313">
        <v>0</v>
      </c>
      <c r="BB21" s="313">
        <v>2</v>
      </c>
      <c r="BC21" s="310">
        <v>6</v>
      </c>
      <c r="BD21" s="315">
        <v>6</v>
      </c>
      <c r="BE21" s="309">
        <v>0</v>
      </c>
      <c r="BF21" s="313">
        <v>0</v>
      </c>
      <c r="BG21" s="310">
        <v>0</v>
      </c>
      <c r="BH21" s="312">
        <v>0</v>
      </c>
      <c r="BI21" s="313">
        <v>1</v>
      </c>
      <c r="BJ21" s="313">
        <v>1</v>
      </c>
      <c r="BK21" s="313">
        <v>0</v>
      </c>
      <c r="BL21" s="313">
        <v>0</v>
      </c>
      <c r="BM21" s="313">
        <v>0</v>
      </c>
      <c r="BN21" s="314">
        <v>2</v>
      </c>
      <c r="BO21" s="315">
        <v>2</v>
      </c>
      <c r="BP21" s="309">
        <v>0</v>
      </c>
      <c r="BQ21" s="313">
        <v>0</v>
      </c>
      <c r="BR21" s="310">
        <v>0</v>
      </c>
      <c r="BS21" s="312">
        <v>0</v>
      </c>
      <c r="BT21" s="313">
        <v>0</v>
      </c>
      <c r="BU21" s="313">
        <v>0</v>
      </c>
      <c r="BV21" s="313">
        <v>0</v>
      </c>
      <c r="BW21" s="313">
        <v>0</v>
      </c>
      <c r="BX21" s="313">
        <v>0</v>
      </c>
      <c r="BY21" s="310">
        <v>0</v>
      </c>
      <c r="BZ21" s="315">
        <v>0</v>
      </c>
      <c r="CA21" s="309">
        <v>0</v>
      </c>
      <c r="CB21" s="313">
        <v>0</v>
      </c>
      <c r="CC21" s="310">
        <v>0</v>
      </c>
      <c r="CD21" s="312">
        <v>0</v>
      </c>
      <c r="CE21" s="313">
        <v>0</v>
      </c>
      <c r="CF21" s="313">
        <v>0</v>
      </c>
      <c r="CG21" s="313">
        <v>0</v>
      </c>
      <c r="CH21" s="313">
        <v>0</v>
      </c>
      <c r="CI21" s="313">
        <v>0</v>
      </c>
      <c r="CJ21" s="310">
        <v>0</v>
      </c>
      <c r="CK21" s="315">
        <v>0</v>
      </c>
      <c r="CL21" s="309">
        <v>0</v>
      </c>
      <c r="CM21" s="313">
        <v>0</v>
      </c>
      <c r="CN21" s="310">
        <v>0</v>
      </c>
      <c r="CO21" s="312">
        <v>0</v>
      </c>
      <c r="CP21" s="313">
        <v>0</v>
      </c>
      <c r="CQ21" s="313">
        <v>0</v>
      </c>
      <c r="CR21" s="313">
        <v>0</v>
      </c>
      <c r="CS21" s="313">
        <v>0</v>
      </c>
      <c r="CT21" s="313">
        <v>0</v>
      </c>
      <c r="CU21" s="310">
        <v>0</v>
      </c>
      <c r="CV21" s="315">
        <v>0</v>
      </c>
    </row>
    <row r="22" spans="1:100" ht="21" customHeight="1" x14ac:dyDescent="0.2">
      <c r="A22" s="294" t="s">
        <v>20</v>
      </c>
      <c r="B22" s="309">
        <v>0</v>
      </c>
      <c r="C22" s="310">
        <v>0</v>
      </c>
      <c r="D22" s="311">
        <v>0</v>
      </c>
      <c r="E22" s="312">
        <v>0</v>
      </c>
      <c r="F22" s="313">
        <v>0</v>
      </c>
      <c r="G22" s="313">
        <v>0</v>
      </c>
      <c r="H22" s="313">
        <v>0</v>
      </c>
      <c r="I22" s="313">
        <v>0</v>
      </c>
      <c r="J22" s="313">
        <v>0</v>
      </c>
      <c r="K22" s="314">
        <v>0</v>
      </c>
      <c r="L22" s="315">
        <v>0</v>
      </c>
      <c r="M22" s="309">
        <v>0</v>
      </c>
      <c r="N22" s="313">
        <v>0</v>
      </c>
      <c r="O22" s="310">
        <v>0</v>
      </c>
      <c r="P22" s="312">
        <v>0</v>
      </c>
      <c r="Q22" s="313">
        <v>0</v>
      </c>
      <c r="R22" s="313">
        <v>0</v>
      </c>
      <c r="S22" s="313">
        <v>0</v>
      </c>
      <c r="T22" s="313">
        <v>0</v>
      </c>
      <c r="U22" s="313">
        <v>0</v>
      </c>
      <c r="V22" s="310">
        <v>0</v>
      </c>
      <c r="W22" s="315">
        <v>0</v>
      </c>
      <c r="X22" s="309">
        <v>0</v>
      </c>
      <c r="Y22" s="313">
        <v>0</v>
      </c>
      <c r="Z22" s="310">
        <v>0</v>
      </c>
      <c r="AA22" s="312">
        <v>0</v>
      </c>
      <c r="AB22" s="313">
        <v>13</v>
      </c>
      <c r="AC22" s="313">
        <v>9</v>
      </c>
      <c r="AD22" s="313">
        <v>4</v>
      </c>
      <c r="AE22" s="313">
        <v>0</v>
      </c>
      <c r="AF22" s="313">
        <v>0</v>
      </c>
      <c r="AG22" s="310">
        <v>26</v>
      </c>
      <c r="AH22" s="315">
        <v>26</v>
      </c>
      <c r="AI22" s="309">
        <v>0</v>
      </c>
      <c r="AJ22" s="313">
        <v>0</v>
      </c>
      <c r="AK22" s="310">
        <v>0</v>
      </c>
      <c r="AL22" s="312">
        <v>0</v>
      </c>
      <c r="AM22" s="313">
        <v>0</v>
      </c>
      <c r="AN22" s="313">
        <v>0</v>
      </c>
      <c r="AO22" s="313">
        <v>0</v>
      </c>
      <c r="AP22" s="313">
        <v>0</v>
      </c>
      <c r="AQ22" s="313">
        <v>0</v>
      </c>
      <c r="AR22" s="310">
        <v>0</v>
      </c>
      <c r="AS22" s="315">
        <v>0</v>
      </c>
      <c r="AT22" s="309">
        <v>0</v>
      </c>
      <c r="AU22" s="313">
        <v>0</v>
      </c>
      <c r="AV22" s="310">
        <v>0</v>
      </c>
      <c r="AW22" s="312">
        <v>0</v>
      </c>
      <c r="AX22" s="313">
        <v>0</v>
      </c>
      <c r="AY22" s="313">
        <v>0</v>
      </c>
      <c r="AZ22" s="313">
        <v>0</v>
      </c>
      <c r="BA22" s="313">
        <v>0</v>
      </c>
      <c r="BB22" s="313">
        <v>0</v>
      </c>
      <c r="BC22" s="310">
        <v>0</v>
      </c>
      <c r="BD22" s="315">
        <v>0</v>
      </c>
      <c r="BE22" s="309">
        <v>0</v>
      </c>
      <c r="BF22" s="313">
        <v>0</v>
      </c>
      <c r="BG22" s="310">
        <v>0</v>
      </c>
      <c r="BH22" s="312">
        <v>0</v>
      </c>
      <c r="BI22" s="313">
        <v>1</v>
      </c>
      <c r="BJ22" s="313">
        <v>2</v>
      </c>
      <c r="BK22" s="313">
        <v>1</v>
      </c>
      <c r="BL22" s="313">
        <v>3</v>
      </c>
      <c r="BM22" s="313">
        <v>0</v>
      </c>
      <c r="BN22" s="314">
        <v>7</v>
      </c>
      <c r="BO22" s="315">
        <v>7</v>
      </c>
      <c r="BP22" s="309">
        <v>0</v>
      </c>
      <c r="BQ22" s="313">
        <v>0</v>
      </c>
      <c r="BR22" s="310">
        <v>0</v>
      </c>
      <c r="BS22" s="312">
        <v>0</v>
      </c>
      <c r="BT22" s="313">
        <v>0</v>
      </c>
      <c r="BU22" s="313">
        <v>0</v>
      </c>
      <c r="BV22" s="313">
        <v>0</v>
      </c>
      <c r="BW22" s="313">
        <v>0</v>
      </c>
      <c r="BX22" s="313">
        <v>0</v>
      </c>
      <c r="BY22" s="310">
        <v>0</v>
      </c>
      <c r="BZ22" s="315">
        <v>0</v>
      </c>
      <c r="CA22" s="309">
        <v>0</v>
      </c>
      <c r="CB22" s="313">
        <v>0</v>
      </c>
      <c r="CC22" s="310">
        <v>0</v>
      </c>
      <c r="CD22" s="312">
        <v>0</v>
      </c>
      <c r="CE22" s="313">
        <v>0</v>
      </c>
      <c r="CF22" s="313">
        <v>0</v>
      </c>
      <c r="CG22" s="313">
        <v>0</v>
      </c>
      <c r="CH22" s="313">
        <v>0</v>
      </c>
      <c r="CI22" s="313">
        <v>0</v>
      </c>
      <c r="CJ22" s="310">
        <v>0</v>
      </c>
      <c r="CK22" s="315">
        <v>0</v>
      </c>
      <c r="CL22" s="309">
        <v>0</v>
      </c>
      <c r="CM22" s="313">
        <v>0</v>
      </c>
      <c r="CN22" s="310">
        <v>0</v>
      </c>
      <c r="CO22" s="312">
        <v>0</v>
      </c>
      <c r="CP22" s="313">
        <v>0</v>
      </c>
      <c r="CQ22" s="313">
        <v>0</v>
      </c>
      <c r="CR22" s="313">
        <v>0</v>
      </c>
      <c r="CS22" s="313">
        <v>0</v>
      </c>
      <c r="CT22" s="313">
        <v>0</v>
      </c>
      <c r="CU22" s="310">
        <v>0</v>
      </c>
      <c r="CV22" s="315">
        <v>0</v>
      </c>
    </row>
    <row r="23" spans="1:100" ht="21" customHeight="1" x14ac:dyDescent="0.2">
      <c r="A23" s="294" t="s">
        <v>21</v>
      </c>
      <c r="B23" s="309">
        <v>0</v>
      </c>
      <c r="C23" s="310">
        <v>0</v>
      </c>
      <c r="D23" s="311">
        <v>0</v>
      </c>
      <c r="E23" s="312">
        <v>0</v>
      </c>
      <c r="F23" s="313">
        <v>0</v>
      </c>
      <c r="G23" s="313">
        <v>0</v>
      </c>
      <c r="H23" s="313">
        <v>0</v>
      </c>
      <c r="I23" s="313">
        <v>0</v>
      </c>
      <c r="J23" s="313">
        <v>0</v>
      </c>
      <c r="K23" s="314">
        <v>0</v>
      </c>
      <c r="L23" s="315">
        <v>0</v>
      </c>
      <c r="M23" s="309">
        <v>0</v>
      </c>
      <c r="N23" s="313">
        <v>0</v>
      </c>
      <c r="O23" s="310">
        <v>0</v>
      </c>
      <c r="P23" s="312">
        <v>0</v>
      </c>
      <c r="Q23" s="313">
        <v>0</v>
      </c>
      <c r="R23" s="313">
        <v>0</v>
      </c>
      <c r="S23" s="313">
        <v>0</v>
      </c>
      <c r="T23" s="313">
        <v>0</v>
      </c>
      <c r="U23" s="313">
        <v>0</v>
      </c>
      <c r="V23" s="310">
        <v>0</v>
      </c>
      <c r="W23" s="315">
        <v>0</v>
      </c>
      <c r="X23" s="309">
        <v>0</v>
      </c>
      <c r="Y23" s="313">
        <v>0</v>
      </c>
      <c r="Z23" s="310">
        <v>0</v>
      </c>
      <c r="AA23" s="312">
        <v>0</v>
      </c>
      <c r="AB23" s="313">
        <v>14</v>
      </c>
      <c r="AC23" s="313">
        <v>13</v>
      </c>
      <c r="AD23" s="313">
        <v>4</v>
      </c>
      <c r="AE23" s="313">
        <v>3</v>
      </c>
      <c r="AF23" s="313">
        <v>1</v>
      </c>
      <c r="AG23" s="310">
        <v>35</v>
      </c>
      <c r="AH23" s="315">
        <v>35</v>
      </c>
      <c r="AI23" s="309">
        <v>0</v>
      </c>
      <c r="AJ23" s="313">
        <v>0</v>
      </c>
      <c r="AK23" s="310">
        <v>0</v>
      </c>
      <c r="AL23" s="312">
        <v>0</v>
      </c>
      <c r="AM23" s="313">
        <v>0</v>
      </c>
      <c r="AN23" s="313">
        <v>0</v>
      </c>
      <c r="AO23" s="313">
        <v>0</v>
      </c>
      <c r="AP23" s="313">
        <v>0</v>
      </c>
      <c r="AQ23" s="313">
        <v>0</v>
      </c>
      <c r="AR23" s="310">
        <v>0</v>
      </c>
      <c r="AS23" s="315">
        <v>0</v>
      </c>
      <c r="AT23" s="309">
        <v>0</v>
      </c>
      <c r="AU23" s="313">
        <v>0</v>
      </c>
      <c r="AV23" s="310">
        <v>0</v>
      </c>
      <c r="AW23" s="312">
        <v>0</v>
      </c>
      <c r="AX23" s="313">
        <v>0</v>
      </c>
      <c r="AY23" s="313">
        <v>0</v>
      </c>
      <c r="AZ23" s="313">
        <v>2</v>
      </c>
      <c r="BA23" s="313">
        <v>0</v>
      </c>
      <c r="BB23" s="313">
        <v>0</v>
      </c>
      <c r="BC23" s="310">
        <v>2</v>
      </c>
      <c r="BD23" s="315">
        <v>2</v>
      </c>
      <c r="BE23" s="309">
        <v>0</v>
      </c>
      <c r="BF23" s="313">
        <v>0</v>
      </c>
      <c r="BG23" s="310">
        <v>0</v>
      </c>
      <c r="BH23" s="312">
        <v>0</v>
      </c>
      <c r="BI23" s="313">
        <v>2</v>
      </c>
      <c r="BJ23" s="313">
        <v>0</v>
      </c>
      <c r="BK23" s="313">
        <v>1</v>
      </c>
      <c r="BL23" s="313">
        <v>1</v>
      </c>
      <c r="BM23" s="313">
        <v>0</v>
      </c>
      <c r="BN23" s="314">
        <v>4</v>
      </c>
      <c r="BO23" s="315">
        <v>4</v>
      </c>
      <c r="BP23" s="309">
        <v>0</v>
      </c>
      <c r="BQ23" s="313">
        <v>0</v>
      </c>
      <c r="BR23" s="310">
        <v>0</v>
      </c>
      <c r="BS23" s="312">
        <v>0</v>
      </c>
      <c r="BT23" s="313">
        <v>0</v>
      </c>
      <c r="BU23" s="313">
        <v>0</v>
      </c>
      <c r="BV23" s="313">
        <v>0</v>
      </c>
      <c r="BW23" s="313">
        <v>0</v>
      </c>
      <c r="BX23" s="313">
        <v>0</v>
      </c>
      <c r="BY23" s="310">
        <v>0</v>
      </c>
      <c r="BZ23" s="315">
        <v>0</v>
      </c>
      <c r="CA23" s="309">
        <v>0</v>
      </c>
      <c r="CB23" s="313">
        <v>0</v>
      </c>
      <c r="CC23" s="310">
        <v>0</v>
      </c>
      <c r="CD23" s="312">
        <v>0</v>
      </c>
      <c r="CE23" s="313">
        <v>0</v>
      </c>
      <c r="CF23" s="313">
        <v>0</v>
      </c>
      <c r="CG23" s="313">
        <v>0</v>
      </c>
      <c r="CH23" s="313">
        <v>0</v>
      </c>
      <c r="CI23" s="313">
        <v>0</v>
      </c>
      <c r="CJ23" s="310">
        <v>0</v>
      </c>
      <c r="CK23" s="315">
        <v>0</v>
      </c>
      <c r="CL23" s="309">
        <v>0</v>
      </c>
      <c r="CM23" s="313">
        <v>0</v>
      </c>
      <c r="CN23" s="310">
        <v>0</v>
      </c>
      <c r="CO23" s="312">
        <v>0</v>
      </c>
      <c r="CP23" s="313">
        <v>0</v>
      </c>
      <c r="CQ23" s="313">
        <v>0</v>
      </c>
      <c r="CR23" s="313">
        <v>0</v>
      </c>
      <c r="CS23" s="313">
        <v>0</v>
      </c>
      <c r="CT23" s="313">
        <v>0</v>
      </c>
      <c r="CU23" s="310">
        <v>0</v>
      </c>
      <c r="CV23" s="315">
        <v>0</v>
      </c>
    </row>
    <row r="24" spans="1:100" ht="21" customHeight="1" x14ac:dyDescent="0.2">
      <c r="A24" s="294" t="s">
        <v>22</v>
      </c>
      <c r="B24" s="309">
        <v>0</v>
      </c>
      <c r="C24" s="310">
        <v>0</v>
      </c>
      <c r="D24" s="311">
        <v>0</v>
      </c>
      <c r="E24" s="312">
        <v>0</v>
      </c>
      <c r="F24" s="313">
        <v>0</v>
      </c>
      <c r="G24" s="313">
        <v>0</v>
      </c>
      <c r="H24" s="313">
        <v>1</v>
      </c>
      <c r="I24" s="313">
        <v>0</v>
      </c>
      <c r="J24" s="313">
        <v>0</v>
      </c>
      <c r="K24" s="314">
        <v>1</v>
      </c>
      <c r="L24" s="315">
        <v>1</v>
      </c>
      <c r="M24" s="309">
        <v>0</v>
      </c>
      <c r="N24" s="313">
        <v>0</v>
      </c>
      <c r="O24" s="310">
        <v>0</v>
      </c>
      <c r="P24" s="312">
        <v>0</v>
      </c>
      <c r="Q24" s="313">
        <v>0</v>
      </c>
      <c r="R24" s="313">
        <v>0</v>
      </c>
      <c r="S24" s="313">
        <v>0</v>
      </c>
      <c r="T24" s="313">
        <v>0</v>
      </c>
      <c r="U24" s="313">
        <v>0</v>
      </c>
      <c r="V24" s="310">
        <v>0</v>
      </c>
      <c r="W24" s="315">
        <v>0</v>
      </c>
      <c r="X24" s="309">
        <v>0</v>
      </c>
      <c r="Y24" s="313">
        <v>0</v>
      </c>
      <c r="Z24" s="310">
        <v>0</v>
      </c>
      <c r="AA24" s="312">
        <v>0</v>
      </c>
      <c r="AB24" s="313">
        <v>7</v>
      </c>
      <c r="AC24" s="313">
        <v>6</v>
      </c>
      <c r="AD24" s="313">
        <v>2</v>
      </c>
      <c r="AE24" s="313">
        <v>2</v>
      </c>
      <c r="AF24" s="313">
        <v>0</v>
      </c>
      <c r="AG24" s="310">
        <v>17</v>
      </c>
      <c r="AH24" s="315">
        <v>17</v>
      </c>
      <c r="AI24" s="309">
        <v>0</v>
      </c>
      <c r="AJ24" s="313">
        <v>0</v>
      </c>
      <c r="AK24" s="310">
        <v>0</v>
      </c>
      <c r="AL24" s="312">
        <v>0</v>
      </c>
      <c r="AM24" s="313">
        <v>1</v>
      </c>
      <c r="AN24" s="313">
        <v>0</v>
      </c>
      <c r="AO24" s="313">
        <v>1</v>
      </c>
      <c r="AP24" s="313">
        <v>1</v>
      </c>
      <c r="AQ24" s="313">
        <v>0</v>
      </c>
      <c r="AR24" s="310">
        <v>3</v>
      </c>
      <c r="AS24" s="315">
        <v>3</v>
      </c>
      <c r="AT24" s="309">
        <v>1</v>
      </c>
      <c r="AU24" s="313">
        <v>0</v>
      </c>
      <c r="AV24" s="310">
        <v>1</v>
      </c>
      <c r="AW24" s="312">
        <v>0</v>
      </c>
      <c r="AX24" s="313">
        <v>5</v>
      </c>
      <c r="AY24" s="313">
        <v>1</v>
      </c>
      <c r="AZ24" s="313">
        <v>0</v>
      </c>
      <c r="BA24" s="313">
        <v>1</v>
      </c>
      <c r="BB24" s="313">
        <v>0</v>
      </c>
      <c r="BC24" s="310">
        <v>7</v>
      </c>
      <c r="BD24" s="315">
        <v>8</v>
      </c>
      <c r="BE24" s="309">
        <v>0</v>
      </c>
      <c r="BF24" s="313">
        <v>0</v>
      </c>
      <c r="BG24" s="310">
        <v>0</v>
      </c>
      <c r="BH24" s="312">
        <v>0</v>
      </c>
      <c r="BI24" s="313">
        <v>1</v>
      </c>
      <c r="BJ24" s="313">
        <v>1</v>
      </c>
      <c r="BK24" s="313">
        <v>0</v>
      </c>
      <c r="BL24" s="313">
        <v>0</v>
      </c>
      <c r="BM24" s="313">
        <v>0</v>
      </c>
      <c r="BN24" s="314">
        <v>2</v>
      </c>
      <c r="BO24" s="315">
        <v>2</v>
      </c>
      <c r="BP24" s="309">
        <v>0</v>
      </c>
      <c r="BQ24" s="313">
        <v>0</v>
      </c>
      <c r="BR24" s="310">
        <v>0</v>
      </c>
      <c r="BS24" s="312">
        <v>0</v>
      </c>
      <c r="BT24" s="313">
        <v>0</v>
      </c>
      <c r="BU24" s="313">
        <v>0</v>
      </c>
      <c r="BV24" s="313">
        <v>0</v>
      </c>
      <c r="BW24" s="313">
        <v>0</v>
      </c>
      <c r="BX24" s="313">
        <v>0</v>
      </c>
      <c r="BY24" s="310">
        <v>0</v>
      </c>
      <c r="BZ24" s="315">
        <v>0</v>
      </c>
      <c r="CA24" s="309">
        <v>0</v>
      </c>
      <c r="CB24" s="313">
        <v>0</v>
      </c>
      <c r="CC24" s="310">
        <v>0</v>
      </c>
      <c r="CD24" s="312">
        <v>0</v>
      </c>
      <c r="CE24" s="313">
        <v>0</v>
      </c>
      <c r="CF24" s="313">
        <v>0</v>
      </c>
      <c r="CG24" s="313">
        <v>0</v>
      </c>
      <c r="CH24" s="313">
        <v>2</v>
      </c>
      <c r="CI24" s="313">
        <v>2</v>
      </c>
      <c r="CJ24" s="310">
        <v>4</v>
      </c>
      <c r="CK24" s="315">
        <v>4</v>
      </c>
      <c r="CL24" s="309">
        <v>0</v>
      </c>
      <c r="CM24" s="313">
        <v>0</v>
      </c>
      <c r="CN24" s="310">
        <v>0</v>
      </c>
      <c r="CO24" s="312">
        <v>0</v>
      </c>
      <c r="CP24" s="313">
        <v>0</v>
      </c>
      <c r="CQ24" s="313">
        <v>0</v>
      </c>
      <c r="CR24" s="313">
        <v>0</v>
      </c>
      <c r="CS24" s="313">
        <v>0</v>
      </c>
      <c r="CT24" s="313">
        <v>0</v>
      </c>
      <c r="CU24" s="310">
        <v>0</v>
      </c>
      <c r="CV24" s="315">
        <v>0</v>
      </c>
    </row>
    <row r="25" spans="1:100" ht="21" customHeight="1" x14ac:dyDescent="0.2">
      <c r="A25" s="294" t="s">
        <v>23</v>
      </c>
      <c r="B25" s="309">
        <v>0</v>
      </c>
      <c r="C25" s="310">
        <v>0</v>
      </c>
      <c r="D25" s="311">
        <v>0</v>
      </c>
      <c r="E25" s="312">
        <v>0</v>
      </c>
      <c r="F25" s="313">
        <v>0</v>
      </c>
      <c r="G25" s="313">
        <v>0</v>
      </c>
      <c r="H25" s="313">
        <v>0</v>
      </c>
      <c r="I25" s="313">
        <v>0</v>
      </c>
      <c r="J25" s="313">
        <v>0</v>
      </c>
      <c r="K25" s="314">
        <v>0</v>
      </c>
      <c r="L25" s="315">
        <v>0</v>
      </c>
      <c r="M25" s="309">
        <v>0</v>
      </c>
      <c r="N25" s="313">
        <v>0</v>
      </c>
      <c r="O25" s="310">
        <v>0</v>
      </c>
      <c r="P25" s="312">
        <v>0</v>
      </c>
      <c r="Q25" s="313">
        <v>0</v>
      </c>
      <c r="R25" s="313">
        <v>0</v>
      </c>
      <c r="S25" s="313">
        <v>0</v>
      </c>
      <c r="T25" s="313">
        <v>0</v>
      </c>
      <c r="U25" s="313">
        <v>0</v>
      </c>
      <c r="V25" s="310">
        <v>0</v>
      </c>
      <c r="W25" s="315">
        <v>0</v>
      </c>
      <c r="X25" s="309">
        <v>0</v>
      </c>
      <c r="Y25" s="313">
        <v>0</v>
      </c>
      <c r="Z25" s="310">
        <v>0</v>
      </c>
      <c r="AA25" s="312">
        <v>0</v>
      </c>
      <c r="AB25" s="313">
        <v>3</v>
      </c>
      <c r="AC25" s="313">
        <v>2</v>
      </c>
      <c r="AD25" s="313">
        <v>2</v>
      </c>
      <c r="AE25" s="313">
        <v>1</v>
      </c>
      <c r="AF25" s="313">
        <v>0</v>
      </c>
      <c r="AG25" s="310">
        <v>8</v>
      </c>
      <c r="AH25" s="315">
        <v>8</v>
      </c>
      <c r="AI25" s="309">
        <v>0</v>
      </c>
      <c r="AJ25" s="313">
        <v>0</v>
      </c>
      <c r="AK25" s="310">
        <v>0</v>
      </c>
      <c r="AL25" s="312">
        <v>0</v>
      </c>
      <c r="AM25" s="313">
        <v>0</v>
      </c>
      <c r="AN25" s="313">
        <v>0</v>
      </c>
      <c r="AO25" s="313">
        <v>0</v>
      </c>
      <c r="AP25" s="313">
        <v>0</v>
      </c>
      <c r="AQ25" s="313">
        <v>0</v>
      </c>
      <c r="AR25" s="310">
        <v>0</v>
      </c>
      <c r="AS25" s="315">
        <v>0</v>
      </c>
      <c r="AT25" s="309">
        <v>0</v>
      </c>
      <c r="AU25" s="313">
        <v>0</v>
      </c>
      <c r="AV25" s="310">
        <v>0</v>
      </c>
      <c r="AW25" s="312">
        <v>0</v>
      </c>
      <c r="AX25" s="313">
        <v>0</v>
      </c>
      <c r="AY25" s="313">
        <v>0</v>
      </c>
      <c r="AZ25" s="313">
        <v>0</v>
      </c>
      <c r="BA25" s="313">
        <v>0</v>
      </c>
      <c r="BB25" s="313">
        <v>0</v>
      </c>
      <c r="BC25" s="310">
        <v>0</v>
      </c>
      <c r="BD25" s="315">
        <v>0</v>
      </c>
      <c r="BE25" s="309">
        <v>0</v>
      </c>
      <c r="BF25" s="313">
        <v>0</v>
      </c>
      <c r="BG25" s="310">
        <v>0</v>
      </c>
      <c r="BH25" s="312">
        <v>0</v>
      </c>
      <c r="BI25" s="313">
        <v>3</v>
      </c>
      <c r="BJ25" s="313">
        <v>4</v>
      </c>
      <c r="BK25" s="313">
        <v>0</v>
      </c>
      <c r="BL25" s="313">
        <v>1</v>
      </c>
      <c r="BM25" s="313">
        <v>0</v>
      </c>
      <c r="BN25" s="314">
        <v>8</v>
      </c>
      <c r="BO25" s="315">
        <v>8</v>
      </c>
      <c r="BP25" s="309">
        <v>0</v>
      </c>
      <c r="BQ25" s="313">
        <v>0</v>
      </c>
      <c r="BR25" s="310">
        <v>0</v>
      </c>
      <c r="BS25" s="312">
        <v>0</v>
      </c>
      <c r="BT25" s="313">
        <v>0</v>
      </c>
      <c r="BU25" s="313">
        <v>0</v>
      </c>
      <c r="BV25" s="313">
        <v>0</v>
      </c>
      <c r="BW25" s="313">
        <v>0</v>
      </c>
      <c r="BX25" s="313">
        <v>0</v>
      </c>
      <c r="BY25" s="310">
        <v>0</v>
      </c>
      <c r="BZ25" s="315">
        <v>0</v>
      </c>
      <c r="CA25" s="309">
        <v>0</v>
      </c>
      <c r="CB25" s="313">
        <v>0</v>
      </c>
      <c r="CC25" s="310">
        <v>0</v>
      </c>
      <c r="CD25" s="312">
        <v>0</v>
      </c>
      <c r="CE25" s="313">
        <v>0</v>
      </c>
      <c r="CF25" s="313">
        <v>0</v>
      </c>
      <c r="CG25" s="313">
        <v>0</v>
      </c>
      <c r="CH25" s="313">
        <v>0</v>
      </c>
      <c r="CI25" s="313">
        <v>0</v>
      </c>
      <c r="CJ25" s="310">
        <v>0</v>
      </c>
      <c r="CK25" s="315">
        <v>0</v>
      </c>
      <c r="CL25" s="309">
        <v>0</v>
      </c>
      <c r="CM25" s="313">
        <v>0</v>
      </c>
      <c r="CN25" s="310">
        <v>0</v>
      </c>
      <c r="CO25" s="312">
        <v>0</v>
      </c>
      <c r="CP25" s="313">
        <v>0</v>
      </c>
      <c r="CQ25" s="313">
        <v>0</v>
      </c>
      <c r="CR25" s="313">
        <v>0</v>
      </c>
      <c r="CS25" s="313">
        <v>0</v>
      </c>
      <c r="CT25" s="313">
        <v>0</v>
      </c>
      <c r="CU25" s="310">
        <v>0</v>
      </c>
      <c r="CV25" s="315">
        <v>0</v>
      </c>
    </row>
    <row r="26" spans="1:100" ht="21" customHeight="1" x14ac:dyDescent="0.2">
      <c r="A26" s="294" t="s">
        <v>24</v>
      </c>
      <c r="B26" s="309">
        <v>0</v>
      </c>
      <c r="C26" s="310">
        <v>0</v>
      </c>
      <c r="D26" s="311">
        <v>0</v>
      </c>
      <c r="E26" s="312">
        <v>0</v>
      </c>
      <c r="F26" s="313">
        <v>0</v>
      </c>
      <c r="G26" s="313">
        <v>0</v>
      </c>
      <c r="H26" s="313">
        <v>0</v>
      </c>
      <c r="I26" s="313">
        <v>0</v>
      </c>
      <c r="J26" s="313">
        <v>0</v>
      </c>
      <c r="K26" s="314">
        <v>0</v>
      </c>
      <c r="L26" s="315">
        <v>0</v>
      </c>
      <c r="M26" s="309">
        <v>0</v>
      </c>
      <c r="N26" s="313">
        <v>0</v>
      </c>
      <c r="O26" s="310">
        <v>0</v>
      </c>
      <c r="P26" s="312">
        <v>0</v>
      </c>
      <c r="Q26" s="313">
        <v>0</v>
      </c>
      <c r="R26" s="313">
        <v>0</v>
      </c>
      <c r="S26" s="313">
        <v>0</v>
      </c>
      <c r="T26" s="313">
        <v>0</v>
      </c>
      <c r="U26" s="313">
        <v>0</v>
      </c>
      <c r="V26" s="310">
        <v>0</v>
      </c>
      <c r="W26" s="315">
        <v>0</v>
      </c>
      <c r="X26" s="309">
        <v>0</v>
      </c>
      <c r="Y26" s="313">
        <v>0</v>
      </c>
      <c r="Z26" s="310">
        <v>0</v>
      </c>
      <c r="AA26" s="312">
        <v>0</v>
      </c>
      <c r="AB26" s="313">
        <v>5</v>
      </c>
      <c r="AC26" s="313">
        <v>0</v>
      </c>
      <c r="AD26" s="313">
        <v>3</v>
      </c>
      <c r="AE26" s="313">
        <v>2</v>
      </c>
      <c r="AF26" s="313">
        <v>0</v>
      </c>
      <c r="AG26" s="310">
        <v>10</v>
      </c>
      <c r="AH26" s="315">
        <v>10</v>
      </c>
      <c r="AI26" s="309">
        <v>0</v>
      </c>
      <c r="AJ26" s="313">
        <v>0</v>
      </c>
      <c r="AK26" s="310">
        <v>0</v>
      </c>
      <c r="AL26" s="312">
        <v>0</v>
      </c>
      <c r="AM26" s="313">
        <v>0</v>
      </c>
      <c r="AN26" s="313">
        <v>0</v>
      </c>
      <c r="AO26" s="313">
        <v>1</v>
      </c>
      <c r="AP26" s="313">
        <v>0</v>
      </c>
      <c r="AQ26" s="313">
        <v>0</v>
      </c>
      <c r="AR26" s="310">
        <v>1</v>
      </c>
      <c r="AS26" s="315">
        <v>1</v>
      </c>
      <c r="AT26" s="309">
        <v>1</v>
      </c>
      <c r="AU26" s="313">
        <v>0</v>
      </c>
      <c r="AV26" s="310">
        <v>1</v>
      </c>
      <c r="AW26" s="312">
        <v>0</v>
      </c>
      <c r="AX26" s="313">
        <v>2</v>
      </c>
      <c r="AY26" s="313">
        <v>1</v>
      </c>
      <c r="AZ26" s="313">
        <v>1</v>
      </c>
      <c r="BA26" s="313">
        <v>1</v>
      </c>
      <c r="BB26" s="313">
        <v>0</v>
      </c>
      <c r="BC26" s="310">
        <v>5</v>
      </c>
      <c r="BD26" s="315">
        <v>6</v>
      </c>
      <c r="BE26" s="309">
        <v>0</v>
      </c>
      <c r="BF26" s="313">
        <v>0</v>
      </c>
      <c r="BG26" s="310">
        <v>0</v>
      </c>
      <c r="BH26" s="312">
        <v>0</v>
      </c>
      <c r="BI26" s="313">
        <v>0</v>
      </c>
      <c r="BJ26" s="313">
        <v>0</v>
      </c>
      <c r="BK26" s="313">
        <v>2</v>
      </c>
      <c r="BL26" s="313">
        <v>1</v>
      </c>
      <c r="BM26" s="313">
        <v>0</v>
      </c>
      <c r="BN26" s="314">
        <v>3</v>
      </c>
      <c r="BO26" s="315">
        <v>3</v>
      </c>
      <c r="BP26" s="309">
        <v>0</v>
      </c>
      <c r="BQ26" s="313">
        <v>0</v>
      </c>
      <c r="BR26" s="310">
        <v>0</v>
      </c>
      <c r="BS26" s="312">
        <v>0</v>
      </c>
      <c r="BT26" s="313">
        <v>0</v>
      </c>
      <c r="BU26" s="313">
        <v>0</v>
      </c>
      <c r="BV26" s="313">
        <v>0</v>
      </c>
      <c r="BW26" s="313">
        <v>0</v>
      </c>
      <c r="BX26" s="313">
        <v>0</v>
      </c>
      <c r="BY26" s="310">
        <v>0</v>
      </c>
      <c r="BZ26" s="315">
        <v>0</v>
      </c>
      <c r="CA26" s="309">
        <v>0</v>
      </c>
      <c r="CB26" s="313">
        <v>0</v>
      </c>
      <c r="CC26" s="310">
        <v>0</v>
      </c>
      <c r="CD26" s="312">
        <v>0</v>
      </c>
      <c r="CE26" s="313">
        <v>0</v>
      </c>
      <c r="CF26" s="313">
        <v>0</v>
      </c>
      <c r="CG26" s="313">
        <v>0</v>
      </c>
      <c r="CH26" s="313">
        <v>0</v>
      </c>
      <c r="CI26" s="313">
        <v>0</v>
      </c>
      <c r="CJ26" s="310">
        <v>0</v>
      </c>
      <c r="CK26" s="315">
        <v>0</v>
      </c>
      <c r="CL26" s="309">
        <v>0</v>
      </c>
      <c r="CM26" s="313">
        <v>0</v>
      </c>
      <c r="CN26" s="310">
        <v>0</v>
      </c>
      <c r="CO26" s="312">
        <v>0</v>
      </c>
      <c r="CP26" s="313">
        <v>0</v>
      </c>
      <c r="CQ26" s="313">
        <v>0</v>
      </c>
      <c r="CR26" s="313">
        <v>0</v>
      </c>
      <c r="CS26" s="313">
        <v>0</v>
      </c>
      <c r="CT26" s="313">
        <v>0</v>
      </c>
      <c r="CU26" s="310">
        <v>0</v>
      </c>
      <c r="CV26" s="315">
        <v>0</v>
      </c>
    </row>
    <row r="27" spans="1:100" ht="21" customHeight="1" x14ac:dyDescent="0.2">
      <c r="A27" s="294" t="s">
        <v>25</v>
      </c>
      <c r="B27" s="309">
        <v>0</v>
      </c>
      <c r="C27" s="310">
        <v>0</v>
      </c>
      <c r="D27" s="311">
        <v>0</v>
      </c>
      <c r="E27" s="312">
        <v>0</v>
      </c>
      <c r="F27" s="313">
        <v>0</v>
      </c>
      <c r="G27" s="313">
        <v>0</v>
      </c>
      <c r="H27" s="313">
        <v>0</v>
      </c>
      <c r="I27" s="313">
        <v>0</v>
      </c>
      <c r="J27" s="313">
        <v>0</v>
      </c>
      <c r="K27" s="314">
        <v>0</v>
      </c>
      <c r="L27" s="315">
        <v>0</v>
      </c>
      <c r="M27" s="309">
        <v>0</v>
      </c>
      <c r="N27" s="313">
        <v>0</v>
      </c>
      <c r="O27" s="310">
        <v>0</v>
      </c>
      <c r="P27" s="312">
        <v>0</v>
      </c>
      <c r="Q27" s="313">
        <v>0</v>
      </c>
      <c r="R27" s="313">
        <v>0</v>
      </c>
      <c r="S27" s="313">
        <v>0</v>
      </c>
      <c r="T27" s="313">
        <v>0</v>
      </c>
      <c r="U27" s="313">
        <v>0</v>
      </c>
      <c r="V27" s="310">
        <v>0</v>
      </c>
      <c r="W27" s="315">
        <v>0</v>
      </c>
      <c r="X27" s="309">
        <v>0</v>
      </c>
      <c r="Y27" s="313">
        <v>0</v>
      </c>
      <c r="Z27" s="310">
        <v>0</v>
      </c>
      <c r="AA27" s="312">
        <v>0</v>
      </c>
      <c r="AB27" s="313">
        <v>5</v>
      </c>
      <c r="AC27" s="313">
        <v>1</v>
      </c>
      <c r="AD27" s="313">
        <v>0</v>
      </c>
      <c r="AE27" s="313">
        <v>1</v>
      </c>
      <c r="AF27" s="313">
        <v>0</v>
      </c>
      <c r="AG27" s="310">
        <v>7</v>
      </c>
      <c r="AH27" s="315">
        <v>7</v>
      </c>
      <c r="AI27" s="309">
        <v>0</v>
      </c>
      <c r="AJ27" s="313">
        <v>0</v>
      </c>
      <c r="AK27" s="310">
        <v>0</v>
      </c>
      <c r="AL27" s="312">
        <v>0</v>
      </c>
      <c r="AM27" s="313">
        <v>0</v>
      </c>
      <c r="AN27" s="313">
        <v>0</v>
      </c>
      <c r="AO27" s="313">
        <v>0</v>
      </c>
      <c r="AP27" s="313">
        <v>0</v>
      </c>
      <c r="AQ27" s="313">
        <v>0</v>
      </c>
      <c r="AR27" s="310">
        <v>0</v>
      </c>
      <c r="AS27" s="315">
        <v>0</v>
      </c>
      <c r="AT27" s="309">
        <v>0</v>
      </c>
      <c r="AU27" s="313">
        <v>0</v>
      </c>
      <c r="AV27" s="310">
        <v>0</v>
      </c>
      <c r="AW27" s="312">
        <v>0</v>
      </c>
      <c r="AX27" s="313">
        <v>0</v>
      </c>
      <c r="AY27" s="313">
        <v>0</v>
      </c>
      <c r="AZ27" s="313">
        <v>0</v>
      </c>
      <c r="BA27" s="313">
        <v>0</v>
      </c>
      <c r="BB27" s="313">
        <v>0</v>
      </c>
      <c r="BC27" s="310">
        <v>0</v>
      </c>
      <c r="BD27" s="315">
        <v>0</v>
      </c>
      <c r="BE27" s="309">
        <v>0</v>
      </c>
      <c r="BF27" s="313">
        <v>0</v>
      </c>
      <c r="BG27" s="310">
        <v>0</v>
      </c>
      <c r="BH27" s="312">
        <v>0</v>
      </c>
      <c r="BI27" s="313">
        <v>0</v>
      </c>
      <c r="BJ27" s="313">
        <v>0</v>
      </c>
      <c r="BK27" s="313">
        <v>1</v>
      </c>
      <c r="BL27" s="313">
        <v>0</v>
      </c>
      <c r="BM27" s="313">
        <v>0</v>
      </c>
      <c r="BN27" s="314">
        <v>1</v>
      </c>
      <c r="BO27" s="315">
        <v>1</v>
      </c>
      <c r="BP27" s="309">
        <v>0</v>
      </c>
      <c r="BQ27" s="313">
        <v>0</v>
      </c>
      <c r="BR27" s="310">
        <v>0</v>
      </c>
      <c r="BS27" s="312">
        <v>0</v>
      </c>
      <c r="BT27" s="313">
        <v>0</v>
      </c>
      <c r="BU27" s="313">
        <v>0</v>
      </c>
      <c r="BV27" s="313">
        <v>0</v>
      </c>
      <c r="BW27" s="313">
        <v>0</v>
      </c>
      <c r="BX27" s="313">
        <v>0</v>
      </c>
      <c r="BY27" s="310">
        <v>0</v>
      </c>
      <c r="BZ27" s="315">
        <v>0</v>
      </c>
      <c r="CA27" s="309">
        <v>0</v>
      </c>
      <c r="CB27" s="313">
        <v>0</v>
      </c>
      <c r="CC27" s="310">
        <v>0</v>
      </c>
      <c r="CD27" s="312">
        <v>0</v>
      </c>
      <c r="CE27" s="313">
        <v>0</v>
      </c>
      <c r="CF27" s="313">
        <v>0</v>
      </c>
      <c r="CG27" s="313">
        <v>0</v>
      </c>
      <c r="CH27" s="313">
        <v>0</v>
      </c>
      <c r="CI27" s="313">
        <v>0</v>
      </c>
      <c r="CJ27" s="310">
        <v>0</v>
      </c>
      <c r="CK27" s="315">
        <v>0</v>
      </c>
      <c r="CL27" s="309">
        <v>0</v>
      </c>
      <c r="CM27" s="313">
        <v>0</v>
      </c>
      <c r="CN27" s="310">
        <v>0</v>
      </c>
      <c r="CO27" s="312">
        <v>0</v>
      </c>
      <c r="CP27" s="313">
        <v>0</v>
      </c>
      <c r="CQ27" s="313">
        <v>0</v>
      </c>
      <c r="CR27" s="313">
        <v>0</v>
      </c>
      <c r="CS27" s="313">
        <v>0</v>
      </c>
      <c r="CT27" s="313">
        <v>0</v>
      </c>
      <c r="CU27" s="310">
        <v>0</v>
      </c>
      <c r="CV27" s="315">
        <v>0</v>
      </c>
    </row>
    <row r="28" spans="1:100" ht="21" customHeight="1" x14ac:dyDescent="0.2">
      <c r="A28" s="294" t="s">
        <v>26</v>
      </c>
      <c r="B28" s="309">
        <v>0</v>
      </c>
      <c r="C28" s="310">
        <v>0</v>
      </c>
      <c r="D28" s="311">
        <v>0</v>
      </c>
      <c r="E28" s="312">
        <v>0</v>
      </c>
      <c r="F28" s="313">
        <v>0</v>
      </c>
      <c r="G28" s="313">
        <v>0</v>
      </c>
      <c r="H28" s="313">
        <v>0</v>
      </c>
      <c r="I28" s="313">
        <v>0</v>
      </c>
      <c r="J28" s="313">
        <v>0</v>
      </c>
      <c r="K28" s="314">
        <v>0</v>
      </c>
      <c r="L28" s="315">
        <v>0</v>
      </c>
      <c r="M28" s="309">
        <v>0</v>
      </c>
      <c r="N28" s="313">
        <v>0</v>
      </c>
      <c r="O28" s="310">
        <v>0</v>
      </c>
      <c r="P28" s="312">
        <v>0</v>
      </c>
      <c r="Q28" s="313">
        <v>0</v>
      </c>
      <c r="R28" s="313">
        <v>0</v>
      </c>
      <c r="S28" s="313">
        <v>0</v>
      </c>
      <c r="T28" s="313">
        <v>0</v>
      </c>
      <c r="U28" s="313">
        <v>0</v>
      </c>
      <c r="V28" s="310">
        <v>0</v>
      </c>
      <c r="W28" s="315">
        <v>0</v>
      </c>
      <c r="X28" s="309">
        <v>0</v>
      </c>
      <c r="Y28" s="313">
        <v>0</v>
      </c>
      <c r="Z28" s="310">
        <v>0</v>
      </c>
      <c r="AA28" s="312">
        <v>0</v>
      </c>
      <c r="AB28" s="313">
        <v>3</v>
      </c>
      <c r="AC28" s="313">
        <v>3</v>
      </c>
      <c r="AD28" s="313">
        <v>1</v>
      </c>
      <c r="AE28" s="313">
        <v>1</v>
      </c>
      <c r="AF28" s="313">
        <v>2</v>
      </c>
      <c r="AG28" s="310">
        <v>10</v>
      </c>
      <c r="AH28" s="315">
        <v>10</v>
      </c>
      <c r="AI28" s="309">
        <v>0</v>
      </c>
      <c r="AJ28" s="313">
        <v>0</v>
      </c>
      <c r="AK28" s="310">
        <v>0</v>
      </c>
      <c r="AL28" s="312">
        <v>0</v>
      </c>
      <c r="AM28" s="313">
        <v>0</v>
      </c>
      <c r="AN28" s="313">
        <v>0</v>
      </c>
      <c r="AO28" s="313">
        <v>0</v>
      </c>
      <c r="AP28" s="313">
        <v>0</v>
      </c>
      <c r="AQ28" s="313">
        <v>0</v>
      </c>
      <c r="AR28" s="310">
        <v>0</v>
      </c>
      <c r="AS28" s="315">
        <v>0</v>
      </c>
      <c r="AT28" s="309">
        <v>0</v>
      </c>
      <c r="AU28" s="313">
        <v>0</v>
      </c>
      <c r="AV28" s="310">
        <v>0</v>
      </c>
      <c r="AW28" s="312">
        <v>0</v>
      </c>
      <c r="AX28" s="313">
        <v>0</v>
      </c>
      <c r="AY28" s="313">
        <v>0</v>
      </c>
      <c r="AZ28" s="313">
        <v>0</v>
      </c>
      <c r="BA28" s="313">
        <v>0</v>
      </c>
      <c r="BB28" s="313">
        <v>0</v>
      </c>
      <c r="BC28" s="310">
        <v>0</v>
      </c>
      <c r="BD28" s="315">
        <v>0</v>
      </c>
      <c r="BE28" s="309">
        <v>0</v>
      </c>
      <c r="BF28" s="313">
        <v>0</v>
      </c>
      <c r="BG28" s="310">
        <v>0</v>
      </c>
      <c r="BH28" s="312">
        <v>0</v>
      </c>
      <c r="BI28" s="313">
        <v>0</v>
      </c>
      <c r="BJ28" s="313">
        <v>0</v>
      </c>
      <c r="BK28" s="313">
        <v>2</v>
      </c>
      <c r="BL28" s="313">
        <v>0</v>
      </c>
      <c r="BM28" s="313">
        <v>0</v>
      </c>
      <c r="BN28" s="314">
        <v>2</v>
      </c>
      <c r="BO28" s="315">
        <v>2</v>
      </c>
      <c r="BP28" s="309">
        <v>0</v>
      </c>
      <c r="BQ28" s="313">
        <v>0</v>
      </c>
      <c r="BR28" s="310">
        <v>0</v>
      </c>
      <c r="BS28" s="312">
        <v>0</v>
      </c>
      <c r="BT28" s="313">
        <v>0</v>
      </c>
      <c r="BU28" s="313">
        <v>0</v>
      </c>
      <c r="BV28" s="313">
        <v>0</v>
      </c>
      <c r="BW28" s="313">
        <v>0</v>
      </c>
      <c r="BX28" s="313">
        <v>0</v>
      </c>
      <c r="BY28" s="310">
        <v>0</v>
      </c>
      <c r="BZ28" s="315">
        <v>0</v>
      </c>
      <c r="CA28" s="309">
        <v>0</v>
      </c>
      <c r="CB28" s="313">
        <v>0</v>
      </c>
      <c r="CC28" s="310">
        <v>0</v>
      </c>
      <c r="CD28" s="312">
        <v>0</v>
      </c>
      <c r="CE28" s="313">
        <v>0</v>
      </c>
      <c r="CF28" s="313">
        <v>0</v>
      </c>
      <c r="CG28" s="313">
        <v>0</v>
      </c>
      <c r="CH28" s="313">
        <v>0</v>
      </c>
      <c r="CI28" s="313">
        <v>0</v>
      </c>
      <c r="CJ28" s="310">
        <v>0</v>
      </c>
      <c r="CK28" s="315">
        <v>0</v>
      </c>
      <c r="CL28" s="309">
        <v>0</v>
      </c>
      <c r="CM28" s="313">
        <v>0</v>
      </c>
      <c r="CN28" s="310">
        <v>0</v>
      </c>
      <c r="CO28" s="312">
        <v>0</v>
      </c>
      <c r="CP28" s="313">
        <v>0</v>
      </c>
      <c r="CQ28" s="313">
        <v>0</v>
      </c>
      <c r="CR28" s="313">
        <v>0</v>
      </c>
      <c r="CS28" s="313">
        <v>0</v>
      </c>
      <c r="CT28" s="313">
        <v>0</v>
      </c>
      <c r="CU28" s="310">
        <v>0</v>
      </c>
      <c r="CV28" s="315">
        <v>0</v>
      </c>
    </row>
    <row r="29" spans="1:100" ht="21" customHeight="1" x14ac:dyDescent="0.2">
      <c r="A29" s="294" t="s">
        <v>27</v>
      </c>
      <c r="B29" s="309">
        <v>0</v>
      </c>
      <c r="C29" s="310">
        <v>0</v>
      </c>
      <c r="D29" s="311">
        <v>0</v>
      </c>
      <c r="E29" s="312">
        <v>0</v>
      </c>
      <c r="F29" s="313">
        <v>0</v>
      </c>
      <c r="G29" s="313">
        <v>1</v>
      </c>
      <c r="H29" s="313">
        <v>0</v>
      </c>
      <c r="I29" s="313">
        <v>0</v>
      </c>
      <c r="J29" s="313">
        <v>0</v>
      </c>
      <c r="K29" s="314">
        <v>1</v>
      </c>
      <c r="L29" s="315">
        <v>1</v>
      </c>
      <c r="M29" s="309">
        <v>0</v>
      </c>
      <c r="N29" s="313">
        <v>0</v>
      </c>
      <c r="O29" s="310">
        <v>0</v>
      </c>
      <c r="P29" s="312">
        <v>0</v>
      </c>
      <c r="Q29" s="313">
        <v>0</v>
      </c>
      <c r="R29" s="313">
        <v>0</v>
      </c>
      <c r="S29" s="313">
        <v>0</v>
      </c>
      <c r="T29" s="313">
        <v>0</v>
      </c>
      <c r="U29" s="313">
        <v>0</v>
      </c>
      <c r="V29" s="310">
        <v>0</v>
      </c>
      <c r="W29" s="315">
        <v>0</v>
      </c>
      <c r="X29" s="309">
        <v>0</v>
      </c>
      <c r="Y29" s="313">
        <v>0</v>
      </c>
      <c r="Z29" s="310">
        <v>0</v>
      </c>
      <c r="AA29" s="312">
        <v>0</v>
      </c>
      <c r="AB29" s="313">
        <v>2</v>
      </c>
      <c r="AC29" s="313">
        <v>1</v>
      </c>
      <c r="AD29" s="313">
        <v>1</v>
      </c>
      <c r="AE29" s="313">
        <v>0</v>
      </c>
      <c r="AF29" s="313">
        <v>0</v>
      </c>
      <c r="AG29" s="310">
        <v>4</v>
      </c>
      <c r="AH29" s="315">
        <v>4</v>
      </c>
      <c r="AI29" s="309">
        <v>0</v>
      </c>
      <c r="AJ29" s="313">
        <v>0</v>
      </c>
      <c r="AK29" s="310">
        <v>0</v>
      </c>
      <c r="AL29" s="312">
        <v>0</v>
      </c>
      <c r="AM29" s="313">
        <v>1</v>
      </c>
      <c r="AN29" s="313">
        <v>1</v>
      </c>
      <c r="AO29" s="313">
        <v>0</v>
      </c>
      <c r="AP29" s="313">
        <v>0</v>
      </c>
      <c r="AQ29" s="313">
        <v>0</v>
      </c>
      <c r="AR29" s="310">
        <v>2</v>
      </c>
      <c r="AS29" s="315">
        <v>2</v>
      </c>
      <c r="AT29" s="309">
        <v>0</v>
      </c>
      <c r="AU29" s="313">
        <v>0</v>
      </c>
      <c r="AV29" s="310">
        <v>0</v>
      </c>
      <c r="AW29" s="312">
        <v>0</v>
      </c>
      <c r="AX29" s="313">
        <v>0</v>
      </c>
      <c r="AY29" s="313">
        <v>0</v>
      </c>
      <c r="AZ29" s="313">
        <v>0</v>
      </c>
      <c r="BA29" s="313">
        <v>0</v>
      </c>
      <c r="BB29" s="313">
        <v>0</v>
      </c>
      <c r="BC29" s="310">
        <v>0</v>
      </c>
      <c r="BD29" s="315">
        <v>0</v>
      </c>
      <c r="BE29" s="309">
        <v>0</v>
      </c>
      <c r="BF29" s="313">
        <v>0</v>
      </c>
      <c r="BG29" s="310">
        <v>0</v>
      </c>
      <c r="BH29" s="312">
        <v>0</v>
      </c>
      <c r="BI29" s="313">
        <v>0</v>
      </c>
      <c r="BJ29" s="313">
        <v>3</v>
      </c>
      <c r="BK29" s="313">
        <v>1</v>
      </c>
      <c r="BL29" s="313">
        <v>1</v>
      </c>
      <c r="BM29" s="313">
        <v>0</v>
      </c>
      <c r="BN29" s="314">
        <v>5</v>
      </c>
      <c r="BO29" s="315">
        <v>5</v>
      </c>
      <c r="BP29" s="309">
        <v>0</v>
      </c>
      <c r="BQ29" s="313">
        <v>0</v>
      </c>
      <c r="BR29" s="310">
        <v>0</v>
      </c>
      <c r="BS29" s="312">
        <v>0</v>
      </c>
      <c r="BT29" s="313">
        <v>0</v>
      </c>
      <c r="BU29" s="313">
        <v>0</v>
      </c>
      <c r="BV29" s="313">
        <v>0</v>
      </c>
      <c r="BW29" s="313">
        <v>0</v>
      </c>
      <c r="BX29" s="313">
        <v>0</v>
      </c>
      <c r="BY29" s="310">
        <v>0</v>
      </c>
      <c r="BZ29" s="315">
        <v>0</v>
      </c>
      <c r="CA29" s="309">
        <v>0</v>
      </c>
      <c r="CB29" s="313">
        <v>0</v>
      </c>
      <c r="CC29" s="310">
        <v>0</v>
      </c>
      <c r="CD29" s="312">
        <v>0</v>
      </c>
      <c r="CE29" s="313">
        <v>0</v>
      </c>
      <c r="CF29" s="313">
        <v>0</v>
      </c>
      <c r="CG29" s="313">
        <v>2</v>
      </c>
      <c r="CH29" s="313">
        <v>0</v>
      </c>
      <c r="CI29" s="313">
        <v>1</v>
      </c>
      <c r="CJ29" s="310">
        <v>3</v>
      </c>
      <c r="CK29" s="315">
        <v>3</v>
      </c>
      <c r="CL29" s="309">
        <v>0</v>
      </c>
      <c r="CM29" s="313">
        <v>0</v>
      </c>
      <c r="CN29" s="310">
        <v>0</v>
      </c>
      <c r="CO29" s="312">
        <v>0</v>
      </c>
      <c r="CP29" s="313">
        <v>0</v>
      </c>
      <c r="CQ29" s="313">
        <v>0</v>
      </c>
      <c r="CR29" s="313">
        <v>0</v>
      </c>
      <c r="CS29" s="313">
        <v>0</v>
      </c>
      <c r="CT29" s="313">
        <v>0</v>
      </c>
      <c r="CU29" s="310">
        <v>0</v>
      </c>
      <c r="CV29" s="315">
        <v>0</v>
      </c>
    </row>
    <row r="30" spans="1:100" ht="21" customHeight="1" x14ac:dyDescent="0.2">
      <c r="A30" s="294" t="s">
        <v>28</v>
      </c>
      <c r="B30" s="309">
        <v>0</v>
      </c>
      <c r="C30" s="310">
        <v>0</v>
      </c>
      <c r="D30" s="311">
        <v>0</v>
      </c>
      <c r="E30" s="312">
        <v>0</v>
      </c>
      <c r="F30" s="313">
        <v>0</v>
      </c>
      <c r="G30" s="313">
        <v>0</v>
      </c>
      <c r="H30" s="313">
        <v>0</v>
      </c>
      <c r="I30" s="313">
        <v>0</v>
      </c>
      <c r="J30" s="313">
        <v>0</v>
      </c>
      <c r="K30" s="314">
        <v>0</v>
      </c>
      <c r="L30" s="315">
        <v>0</v>
      </c>
      <c r="M30" s="309">
        <v>0</v>
      </c>
      <c r="N30" s="313">
        <v>0</v>
      </c>
      <c r="O30" s="310">
        <v>0</v>
      </c>
      <c r="P30" s="312">
        <v>0</v>
      </c>
      <c r="Q30" s="313">
        <v>0</v>
      </c>
      <c r="R30" s="313">
        <v>0</v>
      </c>
      <c r="S30" s="313">
        <v>0</v>
      </c>
      <c r="T30" s="313">
        <v>0</v>
      </c>
      <c r="U30" s="313">
        <v>0</v>
      </c>
      <c r="V30" s="310">
        <v>0</v>
      </c>
      <c r="W30" s="315">
        <v>0</v>
      </c>
      <c r="X30" s="309">
        <v>0</v>
      </c>
      <c r="Y30" s="313">
        <v>0</v>
      </c>
      <c r="Z30" s="310">
        <v>0</v>
      </c>
      <c r="AA30" s="312">
        <v>0</v>
      </c>
      <c r="AB30" s="313">
        <v>3</v>
      </c>
      <c r="AC30" s="313">
        <v>2</v>
      </c>
      <c r="AD30" s="313">
        <v>0</v>
      </c>
      <c r="AE30" s="313">
        <v>0</v>
      </c>
      <c r="AF30" s="313">
        <v>0</v>
      </c>
      <c r="AG30" s="310">
        <v>5</v>
      </c>
      <c r="AH30" s="315">
        <v>5</v>
      </c>
      <c r="AI30" s="309">
        <v>0</v>
      </c>
      <c r="AJ30" s="313">
        <v>0</v>
      </c>
      <c r="AK30" s="310">
        <v>0</v>
      </c>
      <c r="AL30" s="312">
        <v>0</v>
      </c>
      <c r="AM30" s="313">
        <v>0</v>
      </c>
      <c r="AN30" s="313">
        <v>0</v>
      </c>
      <c r="AO30" s="313">
        <v>1</v>
      </c>
      <c r="AP30" s="313">
        <v>0</v>
      </c>
      <c r="AQ30" s="313">
        <v>0</v>
      </c>
      <c r="AR30" s="310">
        <v>1</v>
      </c>
      <c r="AS30" s="315">
        <v>1</v>
      </c>
      <c r="AT30" s="309">
        <v>0</v>
      </c>
      <c r="AU30" s="313">
        <v>0</v>
      </c>
      <c r="AV30" s="310">
        <v>0</v>
      </c>
      <c r="AW30" s="312">
        <v>0</v>
      </c>
      <c r="AX30" s="313">
        <v>0</v>
      </c>
      <c r="AY30" s="313">
        <v>0</v>
      </c>
      <c r="AZ30" s="313">
        <v>0</v>
      </c>
      <c r="BA30" s="313">
        <v>0</v>
      </c>
      <c r="BB30" s="313">
        <v>0</v>
      </c>
      <c r="BC30" s="310">
        <v>0</v>
      </c>
      <c r="BD30" s="315">
        <v>0</v>
      </c>
      <c r="BE30" s="309">
        <v>0</v>
      </c>
      <c r="BF30" s="313">
        <v>0</v>
      </c>
      <c r="BG30" s="310">
        <v>0</v>
      </c>
      <c r="BH30" s="312">
        <v>0</v>
      </c>
      <c r="BI30" s="313">
        <v>0</v>
      </c>
      <c r="BJ30" s="313">
        <v>0</v>
      </c>
      <c r="BK30" s="313">
        <v>1</v>
      </c>
      <c r="BL30" s="313">
        <v>0</v>
      </c>
      <c r="BM30" s="313">
        <v>0</v>
      </c>
      <c r="BN30" s="314">
        <v>1</v>
      </c>
      <c r="BO30" s="315">
        <v>1</v>
      </c>
      <c r="BP30" s="309">
        <v>0</v>
      </c>
      <c r="BQ30" s="313">
        <v>0</v>
      </c>
      <c r="BR30" s="310">
        <v>0</v>
      </c>
      <c r="BS30" s="312">
        <v>0</v>
      </c>
      <c r="BT30" s="313">
        <v>0</v>
      </c>
      <c r="BU30" s="313">
        <v>0</v>
      </c>
      <c r="BV30" s="313">
        <v>0</v>
      </c>
      <c r="BW30" s="313">
        <v>0</v>
      </c>
      <c r="BX30" s="313">
        <v>0</v>
      </c>
      <c r="BY30" s="310">
        <v>0</v>
      </c>
      <c r="BZ30" s="315">
        <v>0</v>
      </c>
      <c r="CA30" s="309">
        <v>0</v>
      </c>
      <c r="CB30" s="313">
        <v>0</v>
      </c>
      <c r="CC30" s="310">
        <v>0</v>
      </c>
      <c r="CD30" s="312">
        <v>0</v>
      </c>
      <c r="CE30" s="313">
        <v>0</v>
      </c>
      <c r="CF30" s="313">
        <v>0</v>
      </c>
      <c r="CG30" s="313">
        <v>0</v>
      </c>
      <c r="CH30" s="313">
        <v>0</v>
      </c>
      <c r="CI30" s="313">
        <v>0</v>
      </c>
      <c r="CJ30" s="310">
        <v>0</v>
      </c>
      <c r="CK30" s="315">
        <v>0</v>
      </c>
      <c r="CL30" s="309">
        <v>0</v>
      </c>
      <c r="CM30" s="313">
        <v>0</v>
      </c>
      <c r="CN30" s="310">
        <v>0</v>
      </c>
      <c r="CO30" s="312">
        <v>0</v>
      </c>
      <c r="CP30" s="313">
        <v>0</v>
      </c>
      <c r="CQ30" s="313">
        <v>0</v>
      </c>
      <c r="CR30" s="313">
        <v>0</v>
      </c>
      <c r="CS30" s="313">
        <v>0</v>
      </c>
      <c r="CT30" s="313">
        <v>0</v>
      </c>
      <c r="CU30" s="310">
        <v>0</v>
      </c>
      <c r="CV30" s="315">
        <v>0</v>
      </c>
    </row>
    <row r="31" spans="1:100" ht="21" customHeight="1" x14ac:dyDescent="0.2">
      <c r="A31" s="294" t="s">
        <v>29</v>
      </c>
      <c r="B31" s="309">
        <v>0</v>
      </c>
      <c r="C31" s="310">
        <v>0</v>
      </c>
      <c r="D31" s="311">
        <v>0</v>
      </c>
      <c r="E31" s="312">
        <v>0</v>
      </c>
      <c r="F31" s="313">
        <v>0</v>
      </c>
      <c r="G31" s="313">
        <v>0</v>
      </c>
      <c r="H31" s="313">
        <v>0</v>
      </c>
      <c r="I31" s="313">
        <v>0</v>
      </c>
      <c r="J31" s="313">
        <v>0</v>
      </c>
      <c r="K31" s="314">
        <v>0</v>
      </c>
      <c r="L31" s="315">
        <v>0</v>
      </c>
      <c r="M31" s="309">
        <v>0</v>
      </c>
      <c r="N31" s="313">
        <v>0</v>
      </c>
      <c r="O31" s="310">
        <v>0</v>
      </c>
      <c r="P31" s="312">
        <v>0</v>
      </c>
      <c r="Q31" s="313">
        <v>0</v>
      </c>
      <c r="R31" s="313">
        <v>0</v>
      </c>
      <c r="S31" s="313">
        <v>0</v>
      </c>
      <c r="T31" s="313">
        <v>0</v>
      </c>
      <c r="U31" s="313">
        <v>0</v>
      </c>
      <c r="V31" s="310">
        <v>0</v>
      </c>
      <c r="W31" s="315">
        <v>0</v>
      </c>
      <c r="X31" s="309">
        <v>0</v>
      </c>
      <c r="Y31" s="313">
        <v>0</v>
      </c>
      <c r="Z31" s="310">
        <v>0</v>
      </c>
      <c r="AA31" s="312">
        <v>0</v>
      </c>
      <c r="AB31" s="313">
        <v>0</v>
      </c>
      <c r="AC31" s="313">
        <v>3</v>
      </c>
      <c r="AD31" s="313">
        <v>0</v>
      </c>
      <c r="AE31" s="313">
        <v>0</v>
      </c>
      <c r="AF31" s="313">
        <v>0</v>
      </c>
      <c r="AG31" s="310">
        <v>3</v>
      </c>
      <c r="AH31" s="315">
        <v>3</v>
      </c>
      <c r="AI31" s="309">
        <v>0</v>
      </c>
      <c r="AJ31" s="313">
        <v>0</v>
      </c>
      <c r="AK31" s="310">
        <v>0</v>
      </c>
      <c r="AL31" s="312">
        <v>0</v>
      </c>
      <c r="AM31" s="313">
        <v>0</v>
      </c>
      <c r="AN31" s="313">
        <v>0</v>
      </c>
      <c r="AO31" s="313">
        <v>0</v>
      </c>
      <c r="AP31" s="313">
        <v>0</v>
      </c>
      <c r="AQ31" s="313">
        <v>0</v>
      </c>
      <c r="AR31" s="310">
        <v>0</v>
      </c>
      <c r="AS31" s="315">
        <v>0</v>
      </c>
      <c r="AT31" s="309">
        <v>0</v>
      </c>
      <c r="AU31" s="313">
        <v>0</v>
      </c>
      <c r="AV31" s="310">
        <v>0</v>
      </c>
      <c r="AW31" s="312">
        <v>0</v>
      </c>
      <c r="AX31" s="313">
        <v>0</v>
      </c>
      <c r="AY31" s="313">
        <v>0</v>
      </c>
      <c r="AZ31" s="313">
        <v>0</v>
      </c>
      <c r="BA31" s="313">
        <v>0</v>
      </c>
      <c r="BB31" s="313">
        <v>0</v>
      </c>
      <c r="BC31" s="310">
        <v>0</v>
      </c>
      <c r="BD31" s="315">
        <v>0</v>
      </c>
      <c r="BE31" s="309">
        <v>0</v>
      </c>
      <c r="BF31" s="313">
        <v>0</v>
      </c>
      <c r="BG31" s="310">
        <v>0</v>
      </c>
      <c r="BH31" s="312">
        <v>0</v>
      </c>
      <c r="BI31" s="313">
        <v>0</v>
      </c>
      <c r="BJ31" s="313">
        <v>0</v>
      </c>
      <c r="BK31" s="313">
        <v>0</v>
      </c>
      <c r="BL31" s="313">
        <v>0</v>
      </c>
      <c r="BM31" s="313">
        <v>0</v>
      </c>
      <c r="BN31" s="314">
        <v>0</v>
      </c>
      <c r="BO31" s="315">
        <v>0</v>
      </c>
      <c r="BP31" s="309">
        <v>0</v>
      </c>
      <c r="BQ31" s="313">
        <v>0</v>
      </c>
      <c r="BR31" s="310">
        <v>0</v>
      </c>
      <c r="BS31" s="312">
        <v>0</v>
      </c>
      <c r="BT31" s="313">
        <v>0</v>
      </c>
      <c r="BU31" s="313">
        <v>0</v>
      </c>
      <c r="BV31" s="313">
        <v>0</v>
      </c>
      <c r="BW31" s="313">
        <v>0</v>
      </c>
      <c r="BX31" s="313">
        <v>0</v>
      </c>
      <c r="BY31" s="310">
        <v>0</v>
      </c>
      <c r="BZ31" s="315">
        <v>0</v>
      </c>
      <c r="CA31" s="309">
        <v>0</v>
      </c>
      <c r="CB31" s="313">
        <v>0</v>
      </c>
      <c r="CC31" s="310">
        <v>0</v>
      </c>
      <c r="CD31" s="312">
        <v>0</v>
      </c>
      <c r="CE31" s="313">
        <v>0</v>
      </c>
      <c r="CF31" s="313">
        <v>0</v>
      </c>
      <c r="CG31" s="313">
        <v>0</v>
      </c>
      <c r="CH31" s="313">
        <v>0</v>
      </c>
      <c r="CI31" s="313">
        <v>1</v>
      </c>
      <c r="CJ31" s="310">
        <v>1</v>
      </c>
      <c r="CK31" s="315">
        <v>1</v>
      </c>
      <c r="CL31" s="309">
        <v>0</v>
      </c>
      <c r="CM31" s="313">
        <v>0</v>
      </c>
      <c r="CN31" s="310">
        <v>0</v>
      </c>
      <c r="CO31" s="312">
        <v>0</v>
      </c>
      <c r="CP31" s="313">
        <v>0</v>
      </c>
      <c r="CQ31" s="313">
        <v>0</v>
      </c>
      <c r="CR31" s="313">
        <v>0</v>
      </c>
      <c r="CS31" s="313">
        <v>0</v>
      </c>
      <c r="CT31" s="313">
        <v>0</v>
      </c>
      <c r="CU31" s="310">
        <v>0</v>
      </c>
      <c r="CV31" s="315">
        <v>0</v>
      </c>
    </row>
    <row r="32" spans="1:100" ht="21" customHeight="1" x14ac:dyDescent="0.2">
      <c r="A32" s="294" t="s">
        <v>30</v>
      </c>
      <c r="B32" s="309">
        <v>0</v>
      </c>
      <c r="C32" s="310">
        <v>0</v>
      </c>
      <c r="D32" s="311">
        <v>0</v>
      </c>
      <c r="E32" s="312">
        <v>0</v>
      </c>
      <c r="F32" s="313">
        <v>0</v>
      </c>
      <c r="G32" s="313">
        <v>0</v>
      </c>
      <c r="H32" s="313">
        <v>0</v>
      </c>
      <c r="I32" s="313">
        <v>0</v>
      </c>
      <c r="J32" s="313">
        <v>0</v>
      </c>
      <c r="K32" s="314">
        <v>0</v>
      </c>
      <c r="L32" s="315">
        <v>0</v>
      </c>
      <c r="M32" s="309">
        <v>0</v>
      </c>
      <c r="N32" s="313">
        <v>0</v>
      </c>
      <c r="O32" s="310">
        <v>0</v>
      </c>
      <c r="P32" s="312">
        <v>0</v>
      </c>
      <c r="Q32" s="313">
        <v>0</v>
      </c>
      <c r="R32" s="313">
        <v>0</v>
      </c>
      <c r="S32" s="313">
        <v>0</v>
      </c>
      <c r="T32" s="313">
        <v>0</v>
      </c>
      <c r="U32" s="313">
        <v>0</v>
      </c>
      <c r="V32" s="310">
        <v>0</v>
      </c>
      <c r="W32" s="315">
        <v>0</v>
      </c>
      <c r="X32" s="309">
        <v>0</v>
      </c>
      <c r="Y32" s="313">
        <v>0</v>
      </c>
      <c r="Z32" s="310">
        <v>0</v>
      </c>
      <c r="AA32" s="312">
        <v>0</v>
      </c>
      <c r="AB32" s="313">
        <v>0</v>
      </c>
      <c r="AC32" s="313">
        <v>1</v>
      </c>
      <c r="AD32" s="313">
        <v>0</v>
      </c>
      <c r="AE32" s="313">
        <v>0</v>
      </c>
      <c r="AF32" s="313">
        <v>0</v>
      </c>
      <c r="AG32" s="310">
        <v>1</v>
      </c>
      <c r="AH32" s="315">
        <v>1</v>
      </c>
      <c r="AI32" s="309">
        <v>1</v>
      </c>
      <c r="AJ32" s="313">
        <v>0</v>
      </c>
      <c r="AK32" s="310">
        <v>1</v>
      </c>
      <c r="AL32" s="312">
        <v>0</v>
      </c>
      <c r="AM32" s="313">
        <v>0</v>
      </c>
      <c r="AN32" s="313">
        <v>0</v>
      </c>
      <c r="AO32" s="313">
        <v>0</v>
      </c>
      <c r="AP32" s="313">
        <v>0</v>
      </c>
      <c r="AQ32" s="313">
        <v>0</v>
      </c>
      <c r="AR32" s="310">
        <v>0</v>
      </c>
      <c r="AS32" s="315">
        <v>1</v>
      </c>
      <c r="AT32" s="309">
        <v>0</v>
      </c>
      <c r="AU32" s="313">
        <v>0</v>
      </c>
      <c r="AV32" s="310">
        <v>0</v>
      </c>
      <c r="AW32" s="312">
        <v>0</v>
      </c>
      <c r="AX32" s="313">
        <v>0</v>
      </c>
      <c r="AY32" s="313">
        <v>0</v>
      </c>
      <c r="AZ32" s="313">
        <v>0</v>
      </c>
      <c r="BA32" s="313">
        <v>0</v>
      </c>
      <c r="BB32" s="313">
        <v>0</v>
      </c>
      <c r="BC32" s="310">
        <v>0</v>
      </c>
      <c r="BD32" s="315">
        <v>0</v>
      </c>
      <c r="BE32" s="309">
        <v>0</v>
      </c>
      <c r="BF32" s="313">
        <v>0</v>
      </c>
      <c r="BG32" s="310">
        <v>0</v>
      </c>
      <c r="BH32" s="312">
        <v>0</v>
      </c>
      <c r="BI32" s="313">
        <v>0</v>
      </c>
      <c r="BJ32" s="313">
        <v>1</v>
      </c>
      <c r="BK32" s="313">
        <v>1</v>
      </c>
      <c r="BL32" s="313">
        <v>0</v>
      </c>
      <c r="BM32" s="313">
        <v>0</v>
      </c>
      <c r="BN32" s="314">
        <v>2</v>
      </c>
      <c r="BO32" s="315">
        <v>2</v>
      </c>
      <c r="BP32" s="309">
        <v>0</v>
      </c>
      <c r="BQ32" s="313">
        <v>0</v>
      </c>
      <c r="BR32" s="310">
        <v>0</v>
      </c>
      <c r="BS32" s="312">
        <v>0</v>
      </c>
      <c r="BT32" s="313">
        <v>0</v>
      </c>
      <c r="BU32" s="313">
        <v>0</v>
      </c>
      <c r="BV32" s="313">
        <v>0</v>
      </c>
      <c r="BW32" s="313">
        <v>0</v>
      </c>
      <c r="BX32" s="313">
        <v>0</v>
      </c>
      <c r="BY32" s="310">
        <v>0</v>
      </c>
      <c r="BZ32" s="315">
        <v>0</v>
      </c>
      <c r="CA32" s="309">
        <v>0</v>
      </c>
      <c r="CB32" s="313">
        <v>0</v>
      </c>
      <c r="CC32" s="310">
        <v>0</v>
      </c>
      <c r="CD32" s="312">
        <v>0</v>
      </c>
      <c r="CE32" s="313">
        <v>0</v>
      </c>
      <c r="CF32" s="313">
        <v>0</v>
      </c>
      <c r="CG32" s="313">
        <v>0</v>
      </c>
      <c r="CH32" s="313">
        <v>0</v>
      </c>
      <c r="CI32" s="313">
        <v>0</v>
      </c>
      <c r="CJ32" s="310">
        <v>0</v>
      </c>
      <c r="CK32" s="315">
        <v>0</v>
      </c>
      <c r="CL32" s="309">
        <v>0</v>
      </c>
      <c r="CM32" s="313">
        <v>0</v>
      </c>
      <c r="CN32" s="310">
        <v>0</v>
      </c>
      <c r="CO32" s="312">
        <v>0</v>
      </c>
      <c r="CP32" s="313">
        <v>0</v>
      </c>
      <c r="CQ32" s="313">
        <v>0</v>
      </c>
      <c r="CR32" s="313">
        <v>0</v>
      </c>
      <c r="CS32" s="313">
        <v>0</v>
      </c>
      <c r="CT32" s="313">
        <v>0</v>
      </c>
      <c r="CU32" s="310">
        <v>0</v>
      </c>
      <c r="CV32" s="315">
        <v>0</v>
      </c>
    </row>
    <row r="33" spans="1:100" ht="21" customHeight="1" x14ac:dyDescent="0.2">
      <c r="A33" s="294" t="s">
        <v>31</v>
      </c>
      <c r="B33" s="309">
        <v>0</v>
      </c>
      <c r="C33" s="310">
        <v>0</v>
      </c>
      <c r="D33" s="311">
        <v>0</v>
      </c>
      <c r="E33" s="312">
        <v>0</v>
      </c>
      <c r="F33" s="313">
        <v>0</v>
      </c>
      <c r="G33" s="313">
        <v>0</v>
      </c>
      <c r="H33" s="313">
        <v>0</v>
      </c>
      <c r="I33" s="313">
        <v>0</v>
      </c>
      <c r="J33" s="313">
        <v>0</v>
      </c>
      <c r="K33" s="314">
        <v>0</v>
      </c>
      <c r="L33" s="315">
        <v>0</v>
      </c>
      <c r="M33" s="309">
        <v>0</v>
      </c>
      <c r="N33" s="313">
        <v>0</v>
      </c>
      <c r="O33" s="310">
        <v>0</v>
      </c>
      <c r="P33" s="312">
        <v>0</v>
      </c>
      <c r="Q33" s="313">
        <v>0</v>
      </c>
      <c r="R33" s="313">
        <v>0</v>
      </c>
      <c r="S33" s="313">
        <v>0</v>
      </c>
      <c r="T33" s="313">
        <v>0</v>
      </c>
      <c r="U33" s="313">
        <v>0</v>
      </c>
      <c r="V33" s="310">
        <v>0</v>
      </c>
      <c r="W33" s="315">
        <v>0</v>
      </c>
      <c r="X33" s="309">
        <v>0</v>
      </c>
      <c r="Y33" s="313">
        <v>0</v>
      </c>
      <c r="Z33" s="310">
        <v>0</v>
      </c>
      <c r="AA33" s="312">
        <v>0</v>
      </c>
      <c r="AB33" s="313">
        <v>1</v>
      </c>
      <c r="AC33" s="313">
        <v>1</v>
      </c>
      <c r="AD33" s="313">
        <v>0</v>
      </c>
      <c r="AE33" s="313">
        <v>0</v>
      </c>
      <c r="AF33" s="313">
        <v>0</v>
      </c>
      <c r="AG33" s="310">
        <v>2</v>
      </c>
      <c r="AH33" s="315">
        <v>2</v>
      </c>
      <c r="AI33" s="309">
        <v>0</v>
      </c>
      <c r="AJ33" s="313">
        <v>0</v>
      </c>
      <c r="AK33" s="310">
        <v>0</v>
      </c>
      <c r="AL33" s="312">
        <v>0</v>
      </c>
      <c r="AM33" s="313">
        <v>0</v>
      </c>
      <c r="AN33" s="313">
        <v>0</v>
      </c>
      <c r="AO33" s="313">
        <v>1</v>
      </c>
      <c r="AP33" s="313">
        <v>0</v>
      </c>
      <c r="AQ33" s="313">
        <v>0</v>
      </c>
      <c r="AR33" s="310">
        <v>1</v>
      </c>
      <c r="AS33" s="315">
        <v>1</v>
      </c>
      <c r="AT33" s="309">
        <v>0</v>
      </c>
      <c r="AU33" s="313">
        <v>0</v>
      </c>
      <c r="AV33" s="310">
        <v>0</v>
      </c>
      <c r="AW33" s="312">
        <v>0</v>
      </c>
      <c r="AX33" s="313">
        <v>0</v>
      </c>
      <c r="AY33" s="313">
        <v>1</v>
      </c>
      <c r="AZ33" s="313">
        <v>0</v>
      </c>
      <c r="BA33" s="313">
        <v>0</v>
      </c>
      <c r="BB33" s="313">
        <v>0</v>
      </c>
      <c r="BC33" s="310">
        <v>1</v>
      </c>
      <c r="BD33" s="315">
        <v>1</v>
      </c>
      <c r="BE33" s="309">
        <v>0</v>
      </c>
      <c r="BF33" s="313">
        <v>0</v>
      </c>
      <c r="BG33" s="310">
        <v>0</v>
      </c>
      <c r="BH33" s="312">
        <v>0</v>
      </c>
      <c r="BI33" s="313">
        <v>0</v>
      </c>
      <c r="BJ33" s="313">
        <v>3</v>
      </c>
      <c r="BK33" s="313">
        <v>0</v>
      </c>
      <c r="BL33" s="313">
        <v>1</v>
      </c>
      <c r="BM33" s="313">
        <v>1</v>
      </c>
      <c r="BN33" s="314">
        <v>5</v>
      </c>
      <c r="BO33" s="315">
        <v>5</v>
      </c>
      <c r="BP33" s="309">
        <v>0</v>
      </c>
      <c r="BQ33" s="313">
        <v>0</v>
      </c>
      <c r="BR33" s="310">
        <v>0</v>
      </c>
      <c r="BS33" s="312">
        <v>0</v>
      </c>
      <c r="BT33" s="313">
        <v>0</v>
      </c>
      <c r="BU33" s="313">
        <v>0</v>
      </c>
      <c r="BV33" s="313">
        <v>0</v>
      </c>
      <c r="BW33" s="313">
        <v>0</v>
      </c>
      <c r="BX33" s="313">
        <v>0</v>
      </c>
      <c r="BY33" s="310">
        <v>0</v>
      </c>
      <c r="BZ33" s="315">
        <v>0</v>
      </c>
      <c r="CA33" s="309">
        <v>0</v>
      </c>
      <c r="CB33" s="313">
        <v>0</v>
      </c>
      <c r="CC33" s="310">
        <v>0</v>
      </c>
      <c r="CD33" s="312">
        <v>0</v>
      </c>
      <c r="CE33" s="313">
        <v>0</v>
      </c>
      <c r="CF33" s="313">
        <v>0</v>
      </c>
      <c r="CG33" s="313">
        <v>0</v>
      </c>
      <c r="CH33" s="313">
        <v>0</v>
      </c>
      <c r="CI33" s="313">
        <v>0</v>
      </c>
      <c r="CJ33" s="310">
        <v>0</v>
      </c>
      <c r="CK33" s="315">
        <v>0</v>
      </c>
      <c r="CL33" s="309">
        <v>0</v>
      </c>
      <c r="CM33" s="313">
        <v>0</v>
      </c>
      <c r="CN33" s="310">
        <v>0</v>
      </c>
      <c r="CO33" s="312">
        <v>0</v>
      </c>
      <c r="CP33" s="313">
        <v>0</v>
      </c>
      <c r="CQ33" s="313">
        <v>0</v>
      </c>
      <c r="CR33" s="313">
        <v>0</v>
      </c>
      <c r="CS33" s="313">
        <v>0</v>
      </c>
      <c r="CT33" s="313">
        <v>0</v>
      </c>
      <c r="CU33" s="310">
        <v>0</v>
      </c>
      <c r="CV33" s="315">
        <v>0</v>
      </c>
    </row>
    <row r="34" spans="1:100" ht="21" customHeight="1" x14ac:dyDescent="0.2">
      <c r="A34" s="294" t="s">
        <v>32</v>
      </c>
      <c r="B34" s="309">
        <v>0</v>
      </c>
      <c r="C34" s="310">
        <v>0</v>
      </c>
      <c r="D34" s="311">
        <v>0</v>
      </c>
      <c r="E34" s="312">
        <v>0</v>
      </c>
      <c r="F34" s="313">
        <v>0</v>
      </c>
      <c r="G34" s="313">
        <v>0</v>
      </c>
      <c r="H34" s="313">
        <v>0</v>
      </c>
      <c r="I34" s="313">
        <v>0</v>
      </c>
      <c r="J34" s="313">
        <v>0</v>
      </c>
      <c r="K34" s="314">
        <v>0</v>
      </c>
      <c r="L34" s="315">
        <v>0</v>
      </c>
      <c r="M34" s="309">
        <v>0</v>
      </c>
      <c r="N34" s="313">
        <v>0</v>
      </c>
      <c r="O34" s="310">
        <v>0</v>
      </c>
      <c r="P34" s="312">
        <v>0</v>
      </c>
      <c r="Q34" s="313">
        <v>0</v>
      </c>
      <c r="R34" s="313">
        <v>0</v>
      </c>
      <c r="S34" s="313">
        <v>0</v>
      </c>
      <c r="T34" s="313">
        <v>0</v>
      </c>
      <c r="U34" s="313">
        <v>0</v>
      </c>
      <c r="V34" s="310">
        <v>0</v>
      </c>
      <c r="W34" s="315">
        <v>0</v>
      </c>
      <c r="X34" s="309">
        <v>0</v>
      </c>
      <c r="Y34" s="313">
        <v>0</v>
      </c>
      <c r="Z34" s="310">
        <v>0</v>
      </c>
      <c r="AA34" s="312">
        <v>0</v>
      </c>
      <c r="AB34" s="313">
        <v>3</v>
      </c>
      <c r="AC34" s="313">
        <v>1</v>
      </c>
      <c r="AD34" s="313">
        <v>1</v>
      </c>
      <c r="AE34" s="313">
        <v>1</v>
      </c>
      <c r="AF34" s="313">
        <v>0</v>
      </c>
      <c r="AG34" s="310">
        <v>6</v>
      </c>
      <c r="AH34" s="315">
        <v>6</v>
      </c>
      <c r="AI34" s="309">
        <v>0</v>
      </c>
      <c r="AJ34" s="313">
        <v>0</v>
      </c>
      <c r="AK34" s="310">
        <v>0</v>
      </c>
      <c r="AL34" s="312">
        <v>0</v>
      </c>
      <c r="AM34" s="313">
        <v>1</v>
      </c>
      <c r="AN34" s="313">
        <v>0</v>
      </c>
      <c r="AO34" s="313">
        <v>0</v>
      </c>
      <c r="AP34" s="313">
        <v>0</v>
      </c>
      <c r="AQ34" s="313">
        <v>0</v>
      </c>
      <c r="AR34" s="310">
        <v>1</v>
      </c>
      <c r="AS34" s="315">
        <v>1</v>
      </c>
      <c r="AT34" s="309">
        <v>0</v>
      </c>
      <c r="AU34" s="313">
        <v>0</v>
      </c>
      <c r="AV34" s="310">
        <v>0</v>
      </c>
      <c r="AW34" s="312">
        <v>0</v>
      </c>
      <c r="AX34" s="313">
        <v>0</v>
      </c>
      <c r="AY34" s="313">
        <v>0</v>
      </c>
      <c r="AZ34" s="313">
        <v>0</v>
      </c>
      <c r="BA34" s="313">
        <v>0</v>
      </c>
      <c r="BB34" s="313">
        <v>0</v>
      </c>
      <c r="BC34" s="310">
        <v>0</v>
      </c>
      <c r="BD34" s="315">
        <v>0</v>
      </c>
      <c r="BE34" s="309">
        <v>0</v>
      </c>
      <c r="BF34" s="313">
        <v>0</v>
      </c>
      <c r="BG34" s="310">
        <v>0</v>
      </c>
      <c r="BH34" s="312">
        <v>0</v>
      </c>
      <c r="BI34" s="313">
        <v>0</v>
      </c>
      <c r="BJ34" s="313">
        <v>1</v>
      </c>
      <c r="BK34" s="313">
        <v>1</v>
      </c>
      <c r="BL34" s="313">
        <v>0</v>
      </c>
      <c r="BM34" s="313">
        <v>0</v>
      </c>
      <c r="BN34" s="314">
        <v>2</v>
      </c>
      <c r="BO34" s="315">
        <v>2</v>
      </c>
      <c r="BP34" s="309">
        <v>0</v>
      </c>
      <c r="BQ34" s="313">
        <v>0</v>
      </c>
      <c r="BR34" s="310">
        <v>0</v>
      </c>
      <c r="BS34" s="312">
        <v>0</v>
      </c>
      <c r="BT34" s="313">
        <v>0</v>
      </c>
      <c r="BU34" s="313">
        <v>0</v>
      </c>
      <c r="BV34" s="313">
        <v>0</v>
      </c>
      <c r="BW34" s="313">
        <v>0</v>
      </c>
      <c r="BX34" s="313">
        <v>0</v>
      </c>
      <c r="BY34" s="310">
        <v>0</v>
      </c>
      <c r="BZ34" s="315">
        <v>0</v>
      </c>
      <c r="CA34" s="309">
        <v>0</v>
      </c>
      <c r="CB34" s="313">
        <v>0</v>
      </c>
      <c r="CC34" s="310">
        <v>0</v>
      </c>
      <c r="CD34" s="312">
        <v>0</v>
      </c>
      <c r="CE34" s="313">
        <v>0</v>
      </c>
      <c r="CF34" s="313">
        <v>0</v>
      </c>
      <c r="CG34" s="313">
        <v>0</v>
      </c>
      <c r="CH34" s="313">
        <v>0</v>
      </c>
      <c r="CI34" s="313">
        <v>0</v>
      </c>
      <c r="CJ34" s="310">
        <v>0</v>
      </c>
      <c r="CK34" s="315">
        <v>0</v>
      </c>
      <c r="CL34" s="309">
        <v>0</v>
      </c>
      <c r="CM34" s="313">
        <v>0</v>
      </c>
      <c r="CN34" s="310">
        <v>0</v>
      </c>
      <c r="CO34" s="312">
        <v>0</v>
      </c>
      <c r="CP34" s="313">
        <v>0</v>
      </c>
      <c r="CQ34" s="313">
        <v>0</v>
      </c>
      <c r="CR34" s="313">
        <v>0</v>
      </c>
      <c r="CS34" s="313">
        <v>0</v>
      </c>
      <c r="CT34" s="313">
        <v>0</v>
      </c>
      <c r="CU34" s="310">
        <v>0</v>
      </c>
      <c r="CV34" s="315">
        <v>0</v>
      </c>
    </row>
    <row r="35" spans="1:100" ht="21" customHeight="1" x14ac:dyDescent="0.2">
      <c r="A35" s="294" t="s">
        <v>33</v>
      </c>
      <c r="B35" s="309">
        <v>0</v>
      </c>
      <c r="C35" s="310">
        <v>0</v>
      </c>
      <c r="D35" s="311">
        <v>0</v>
      </c>
      <c r="E35" s="312">
        <v>0</v>
      </c>
      <c r="F35" s="313">
        <v>0</v>
      </c>
      <c r="G35" s="313">
        <v>0</v>
      </c>
      <c r="H35" s="313">
        <v>0</v>
      </c>
      <c r="I35" s="313">
        <v>0</v>
      </c>
      <c r="J35" s="313">
        <v>0</v>
      </c>
      <c r="K35" s="314">
        <v>0</v>
      </c>
      <c r="L35" s="315">
        <v>0</v>
      </c>
      <c r="M35" s="309">
        <v>0</v>
      </c>
      <c r="N35" s="313">
        <v>0</v>
      </c>
      <c r="O35" s="310">
        <v>0</v>
      </c>
      <c r="P35" s="312">
        <v>0</v>
      </c>
      <c r="Q35" s="313">
        <v>0</v>
      </c>
      <c r="R35" s="313">
        <v>0</v>
      </c>
      <c r="S35" s="313">
        <v>0</v>
      </c>
      <c r="T35" s="313">
        <v>0</v>
      </c>
      <c r="U35" s="313">
        <v>0</v>
      </c>
      <c r="V35" s="310">
        <v>0</v>
      </c>
      <c r="W35" s="315">
        <v>0</v>
      </c>
      <c r="X35" s="309">
        <v>0</v>
      </c>
      <c r="Y35" s="313">
        <v>0</v>
      </c>
      <c r="Z35" s="310">
        <v>0</v>
      </c>
      <c r="AA35" s="312">
        <v>0</v>
      </c>
      <c r="AB35" s="313">
        <v>2</v>
      </c>
      <c r="AC35" s="313">
        <v>0</v>
      </c>
      <c r="AD35" s="313">
        <v>0</v>
      </c>
      <c r="AE35" s="313">
        <v>0</v>
      </c>
      <c r="AF35" s="313">
        <v>0</v>
      </c>
      <c r="AG35" s="310">
        <v>2</v>
      </c>
      <c r="AH35" s="315">
        <v>2</v>
      </c>
      <c r="AI35" s="309">
        <v>0</v>
      </c>
      <c r="AJ35" s="313">
        <v>0</v>
      </c>
      <c r="AK35" s="310">
        <v>0</v>
      </c>
      <c r="AL35" s="312">
        <v>0</v>
      </c>
      <c r="AM35" s="313">
        <v>0</v>
      </c>
      <c r="AN35" s="313">
        <v>0</v>
      </c>
      <c r="AO35" s="313">
        <v>0</v>
      </c>
      <c r="AP35" s="313">
        <v>0</v>
      </c>
      <c r="AQ35" s="313">
        <v>0</v>
      </c>
      <c r="AR35" s="310">
        <v>0</v>
      </c>
      <c r="AS35" s="315">
        <v>0</v>
      </c>
      <c r="AT35" s="309">
        <v>0</v>
      </c>
      <c r="AU35" s="313">
        <v>0</v>
      </c>
      <c r="AV35" s="310">
        <v>0</v>
      </c>
      <c r="AW35" s="312">
        <v>0</v>
      </c>
      <c r="AX35" s="313">
        <v>0</v>
      </c>
      <c r="AY35" s="313">
        <v>0</v>
      </c>
      <c r="AZ35" s="313">
        <v>0</v>
      </c>
      <c r="BA35" s="313">
        <v>0</v>
      </c>
      <c r="BB35" s="313">
        <v>0</v>
      </c>
      <c r="BC35" s="310">
        <v>0</v>
      </c>
      <c r="BD35" s="315">
        <v>0</v>
      </c>
      <c r="BE35" s="309">
        <v>0</v>
      </c>
      <c r="BF35" s="313">
        <v>0</v>
      </c>
      <c r="BG35" s="310">
        <v>0</v>
      </c>
      <c r="BH35" s="312">
        <v>0</v>
      </c>
      <c r="BI35" s="313">
        <v>0</v>
      </c>
      <c r="BJ35" s="313">
        <v>0</v>
      </c>
      <c r="BK35" s="313">
        <v>1</v>
      </c>
      <c r="BL35" s="313">
        <v>0</v>
      </c>
      <c r="BM35" s="313">
        <v>0</v>
      </c>
      <c r="BN35" s="314">
        <v>1</v>
      </c>
      <c r="BO35" s="315">
        <v>1</v>
      </c>
      <c r="BP35" s="309">
        <v>0</v>
      </c>
      <c r="BQ35" s="313">
        <v>0</v>
      </c>
      <c r="BR35" s="310">
        <v>0</v>
      </c>
      <c r="BS35" s="312">
        <v>0</v>
      </c>
      <c r="BT35" s="313">
        <v>0</v>
      </c>
      <c r="BU35" s="313">
        <v>0</v>
      </c>
      <c r="BV35" s="313">
        <v>0</v>
      </c>
      <c r="BW35" s="313">
        <v>0</v>
      </c>
      <c r="BX35" s="313">
        <v>0</v>
      </c>
      <c r="BY35" s="310">
        <v>0</v>
      </c>
      <c r="BZ35" s="315">
        <v>0</v>
      </c>
      <c r="CA35" s="309">
        <v>0</v>
      </c>
      <c r="CB35" s="313">
        <v>0</v>
      </c>
      <c r="CC35" s="310">
        <v>0</v>
      </c>
      <c r="CD35" s="312">
        <v>0</v>
      </c>
      <c r="CE35" s="313">
        <v>0</v>
      </c>
      <c r="CF35" s="313">
        <v>0</v>
      </c>
      <c r="CG35" s="313">
        <v>0</v>
      </c>
      <c r="CH35" s="313">
        <v>0</v>
      </c>
      <c r="CI35" s="313">
        <v>0</v>
      </c>
      <c r="CJ35" s="310">
        <v>0</v>
      </c>
      <c r="CK35" s="315">
        <v>0</v>
      </c>
      <c r="CL35" s="309">
        <v>0</v>
      </c>
      <c r="CM35" s="313">
        <v>0</v>
      </c>
      <c r="CN35" s="310">
        <v>0</v>
      </c>
      <c r="CO35" s="312">
        <v>0</v>
      </c>
      <c r="CP35" s="313">
        <v>1</v>
      </c>
      <c r="CQ35" s="313">
        <v>1</v>
      </c>
      <c r="CR35" s="313">
        <v>0</v>
      </c>
      <c r="CS35" s="313">
        <v>0</v>
      </c>
      <c r="CT35" s="313">
        <v>0</v>
      </c>
      <c r="CU35" s="310">
        <v>2</v>
      </c>
      <c r="CV35" s="315">
        <v>2</v>
      </c>
    </row>
    <row r="36" spans="1:100" ht="21" customHeight="1" x14ac:dyDescent="0.2">
      <c r="A36" s="294" t="s">
        <v>34</v>
      </c>
      <c r="B36" s="309">
        <v>0</v>
      </c>
      <c r="C36" s="310">
        <v>0</v>
      </c>
      <c r="D36" s="311">
        <v>0</v>
      </c>
      <c r="E36" s="312">
        <v>0</v>
      </c>
      <c r="F36" s="313">
        <v>0</v>
      </c>
      <c r="G36" s="313">
        <v>0</v>
      </c>
      <c r="H36" s="313">
        <v>0</v>
      </c>
      <c r="I36" s="313">
        <v>0</v>
      </c>
      <c r="J36" s="313">
        <v>0</v>
      </c>
      <c r="K36" s="314">
        <v>0</v>
      </c>
      <c r="L36" s="315">
        <v>0</v>
      </c>
      <c r="M36" s="309">
        <v>0</v>
      </c>
      <c r="N36" s="313">
        <v>0</v>
      </c>
      <c r="O36" s="310">
        <v>0</v>
      </c>
      <c r="P36" s="312">
        <v>0</v>
      </c>
      <c r="Q36" s="313">
        <v>0</v>
      </c>
      <c r="R36" s="313">
        <v>0</v>
      </c>
      <c r="S36" s="313">
        <v>0</v>
      </c>
      <c r="T36" s="313">
        <v>0</v>
      </c>
      <c r="U36" s="313">
        <v>0</v>
      </c>
      <c r="V36" s="310">
        <v>0</v>
      </c>
      <c r="W36" s="315">
        <v>0</v>
      </c>
      <c r="X36" s="309">
        <v>0</v>
      </c>
      <c r="Y36" s="313">
        <v>0</v>
      </c>
      <c r="Z36" s="310">
        <v>0</v>
      </c>
      <c r="AA36" s="312">
        <v>0</v>
      </c>
      <c r="AB36" s="313">
        <v>3</v>
      </c>
      <c r="AC36" s="313">
        <v>0</v>
      </c>
      <c r="AD36" s="313">
        <v>0</v>
      </c>
      <c r="AE36" s="313">
        <v>0</v>
      </c>
      <c r="AF36" s="313">
        <v>0</v>
      </c>
      <c r="AG36" s="310">
        <v>3</v>
      </c>
      <c r="AH36" s="315">
        <v>3</v>
      </c>
      <c r="AI36" s="309">
        <v>0</v>
      </c>
      <c r="AJ36" s="313">
        <v>0</v>
      </c>
      <c r="AK36" s="310">
        <v>0</v>
      </c>
      <c r="AL36" s="312">
        <v>0</v>
      </c>
      <c r="AM36" s="313">
        <v>0</v>
      </c>
      <c r="AN36" s="313">
        <v>0</v>
      </c>
      <c r="AO36" s="313">
        <v>0</v>
      </c>
      <c r="AP36" s="313">
        <v>0</v>
      </c>
      <c r="AQ36" s="313">
        <v>0</v>
      </c>
      <c r="AR36" s="310">
        <v>0</v>
      </c>
      <c r="AS36" s="315">
        <v>0</v>
      </c>
      <c r="AT36" s="309">
        <v>0</v>
      </c>
      <c r="AU36" s="313">
        <v>0</v>
      </c>
      <c r="AV36" s="310">
        <v>0</v>
      </c>
      <c r="AW36" s="312">
        <v>0</v>
      </c>
      <c r="AX36" s="313">
        <v>1</v>
      </c>
      <c r="AY36" s="313">
        <v>0</v>
      </c>
      <c r="AZ36" s="313">
        <v>0</v>
      </c>
      <c r="BA36" s="313">
        <v>0</v>
      </c>
      <c r="BB36" s="313">
        <v>0</v>
      </c>
      <c r="BC36" s="310">
        <v>1</v>
      </c>
      <c r="BD36" s="315">
        <v>1</v>
      </c>
      <c r="BE36" s="309">
        <v>0</v>
      </c>
      <c r="BF36" s="313">
        <v>0</v>
      </c>
      <c r="BG36" s="310">
        <v>0</v>
      </c>
      <c r="BH36" s="312">
        <v>0</v>
      </c>
      <c r="BI36" s="313">
        <v>0</v>
      </c>
      <c r="BJ36" s="313">
        <v>0</v>
      </c>
      <c r="BK36" s="313">
        <v>0</v>
      </c>
      <c r="BL36" s="313">
        <v>0</v>
      </c>
      <c r="BM36" s="313">
        <v>0</v>
      </c>
      <c r="BN36" s="314">
        <v>0</v>
      </c>
      <c r="BO36" s="315">
        <v>0</v>
      </c>
      <c r="BP36" s="309">
        <v>0</v>
      </c>
      <c r="BQ36" s="313">
        <v>0</v>
      </c>
      <c r="BR36" s="310">
        <v>0</v>
      </c>
      <c r="BS36" s="312">
        <v>0</v>
      </c>
      <c r="BT36" s="313">
        <v>0</v>
      </c>
      <c r="BU36" s="313">
        <v>0</v>
      </c>
      <c r="BV36" s="313">
        <v>0</v>
      </c>
      <c r="BW36" s="313">
        <v>0</v>
      </c>
      <c r="BX36" s="313">
        <v>0</v>
      </c>
      <c r="BY36" s="310">
        <v>0</v>
      </c>
      <c r="BZ36" s="315">
        <v>0</v>
      </c>
      <c r="CA36" s="309">
        <v>0</v>
      </c>
      <c r="CB36" s="313">
        <v>0</v>
      </c>
      <c r="CC36" s="310">
        <v>0</v>
      </c>
      <c r="CD36" s="312">
        <v>0</v>
      </c>
      <c r="CE36" s="313">
        <v>0</v>
      </c>
      <c r="CF36" s="313">
        <v>0</v>
      </c>
      <c r="CG36" s="313">
        <v>0</v>
      </c>
      <c r="CH36" s="313">
        <v>0</v>
      </c>
      <c r="CI36" s="313">
        <v>0</v>
      </c>
      <c r="CJ36" s="310">
        <v>0</v>
      </c>
      <c r="CK36" s="315">
        <v>0</v>
      </c>
      <c r="CL36" s="309">
        <v>0</v>
      </c>
      <c r="CM36" s="313">
        <v>0</v>
      </c>
      <c r="CN36" s="310">
        <v>0</v>
      </c>
      <c r="CO36" s="312">
        <v>0</v>
      </c>
      <c r="CP36" s="313">
        <v>1</v>
      </c>
      <c r="CQ36" s="313">
        <v>0</v>
      </c>
      <c r="CR36" s="313">
        <v>0</v>
      </c>
      <c r="CS36" s="313">
        <v>0</v>
      </c>
      <c r="CT36" s="313">
        <v>0</v>
      </c>
      <c r="CU36" s="310">
        <v>1</v>
      </c>
      <c r="CV36" s="315">
        <v>1</v>
      </c>
    </row>
    <row r="37" spans="1:100" ht="21" customHeight="1" x14ac:dyDescent="0.2">
      <c r="A37" s="294" t="s">
        <v>35</v>
      </c>
      <c r="B37" s="309">
        <v>0</v>
      </c>
      <c r="C37" s="310">
        <v>0</v>
      </c>
      <c r="D37" s="311">
        <v>0</v>
      </c>
      <c r="E37" s="312">
        <v>0</v>
      </c>
      <c r="F37" s="313">
        <v>0</v>
      </c>
      <c r="G37" s="313">
        <v>1</v>
      </c>
      <c r="H37" s="313">
        <v>0</v>
      </c>
      <c r="I37" s="313">
        <v>0</v>
      </c>
      <c r="J37" s="313">
        <v>0</v>
      </c>
      <c r="K37" s="314">
        <v>1</v>
      </c>
      <c r="L37" s="315">
        <v>1</v>
      </c>
      <c r="M37" s="309">
        <v>0</v>
      </c>
      <c r="N37" s="313">
        <v>0</v>
      </c>
      <c r="O37" s="310">
        <v>0</v>
      </c>
      <c r="P37" s="312">
        <v>0</v>
      </c>
      <c r="Q37" s="313">
        <v>0</v>
      </c>
      <c r="R37" s="313">
        <v>0</v>
      </c>
      <c r="S37" s="313">
        <v>0</v>
      </c>
      <c r="T37" s="313">
        <v>0</v>
      </c>
      <c r="U37" s="313">
        <v>0</v>
      </c>
      <c r="V37" s="310">
        <v>0</v>
      </c>
      <c r="W37" s="315">
        <v>0</v>
      </c>
      <c r="X37" s="309">
        <v>0</v>
      </c>
      <c r="Y37" s="313">
        <v>0</v>
      </c>
      <c r="Z37" s="310">
        <v>0</v>
      </c>
      <c r="AA37" s="312">
        <v>0</v>
      </c>
      <c r="AB37" s="313">
        <v>0</v>
      </c>
      <c r="AC37" s="313">
        <v>1</v>
      </c>
      <c r="AD37" s="313">
        <v>0</v>
      </c>
      <c r="AE37" s="313">
        <v>0</v>
      </c>
      <c r="AF37" s="313">
        <v>0</v>
      </c>
      <c r="AG37" s="310">
        <v>1</v>
      </c>
      <c r="AH37" s="315">
        <v>1</v>
      </c>
      <c r="AI37" s="309">
        <v>0</v>
      </c>
      <c r="AJ37" s="313">
        <v>0</v>
      </c>
      <c r="AK37" s="310">
        <v>0</v>
      </c>
      <c r="AL37" s="312">
        <v>0</v>
      </c>
      <c r="AM37" s="313">
        <v>0</v>
      </c>
      <c r="AN37" s="313">
        <v>0</v>
      </c>
      <c r="AO37" s="313">
        <v>0</v>
      </c>
      <c r="AP37" s="313">
        <v>0</v>
      </c>
      <c r="AQ37" s="313">
        <v>0</v>
      </c>
      <c r="AR37" s="310">
        <v>0</v>
      </c>
      <c r="AS37" s="315">
        <v>0</v>
      </c>
      <c r="AT37" s="309">
        <v>0</v>
      </c>
      <c r="AU37" s="313">
        <v>0</v>
      </c>
      <c r="AV37" s="310">
        <v>0</v>
      </c>
      <c r="AW37" s="312">
        <v>0</v>
      </c>
      <c r="AX37" s="313">
        <v>1</v>
      </c>
      <c r="AY37" s="313">
        <v>0</v>
      </c>
      <c r="AZ37" s="313">
        <v>0</v>
      </c>
      <c r="BA37" s="313">
        <v>0</v>
      </c>
      <c r="BB37" s="313">
        <v>0</v>
      </c>
      <c r="BC37" s="310">
        <v>1</v>
      </c>
      <c r="BD37" s="315">
        <v>1</v>
      </c>
      <c r="BE37" s="309">
        <v>0</v>
      </c>
      <c r="BF37" s="313">
        <v>0</v>
      </c>
      <c r="BG37" s="310">
        <v>0</v>
      </c>
      <c r="BH37" s="312">
        <v>0</v>
      </c>
      <c r="BI37" s="313">
        <v>0</v>
      </c>
      <c r="BJ37" s="313">
        <v>1</v>
      </c>
      <c r="BK37" s="313">
        <v>0</v>
      </c>
      <c r="BL37" s="313">
        <v>1</v>
      </c>
      <c r="BM37" s="313">
        <v>0</v>
      </c>
      <c r="BN37" s="314">
        <v>2</v>
      </c>
      <c r="BO37" s="315">
        <v>2</v>
      </c>
      <c r="BP37" s="309">
        <v>0</v>
      </c>
      <c r="BQ37" s="313">
        <v>0</v>
      </c>
      <c r="BR37" s="310">
        <v>0</v>
      </c>
      <c r="BS37" s="312">
        <v>0</v>
      </c>
      <c r="BT37" s="313">
        <v>0</v>
      </c>
      <c r="BU37" s="313">
        <v>0</v>
      </c>
      <c r="BV37" s="313">
        <v>0</v>
      </c>
      <c r="BW37" s="313">
        <v>0</v>
      </c>
      <c r="BX37" s="313">
        <v>0</v>
      </c>
      <c r="BY37" s="310">
        <v>0</v>
      </c>
      <c r="BZ37" s="315">
        <v>0</v>
      </c>
      <c r="CA37" s="309">
        <v>0</v>
      </c>
      <c r="CB37" s="313">
        <v>0</v>
      </c>
      <c r="CC37" s="310">
        <v>0</v>
      </c>
      <c r="CD37" s="312">
        <v>0</v>
      </c>
      <c r="CE37" s="313">
        <v>0</v>
      </c>
      <c r="CF37" s="313">
        <v>0</v>
      </c>
      <c r="CG37" s="313">
        <v>0</v>
      </c>
      <c r="CH37" s="313">
        <v>0</v>
      </c>
      <c r="CI37" s="313">
        <v>0</v>
      </c>
      <c r="CJ37" s="310">
        <v>0</v>
      </c>
      <c r="CK37" s="315">
        <v>0</v>
      </c>
      <c r="CL37" s="309">
        <v>0</v>
      </c>
      <c r="CM37" s="313">
        <v>0</v>
      </c>
      <c r="CN37" s="310">
        <v>0</v>
      </c>
      <c r="CO37" s="312">
        <v>0</v>
      </c>
      <c r="CP37" s="313">
        <v>0</v>
      </c>
      <c r="CQ37" s="313">
        <v>0</v>
      </c>
      <c r="CR37" s="313">
        <v>0</v>
      </c>
      <c r="CS37" s="313">
        <v>0</v>
      </c>
      <c r="CT37" s="313">
        <v>0</v>
      </c>
      <c r="CU37" s="310">
        <v>0</v>
      </c>
      <c r="CV37" s="315">
        <v>0</v>
      </c>
    </row>
    <row r="38" spans="1:100" ht="21" customHeight="1" x14ac:dyDescent="0.2">
      <c r="A38" s="294" t="s">
        <v>36</v>
      </c>
      <c r="B38" s="309">
        <v>0</v>
      </c>
      <c r="C38" s="310">
        <v>0</v>
      </c>
      <c r="D38" s="311">
        <v>0</v>
      </c>
      <c r="E38" s="312">
        <v>0</v>
      </c>
      <c r="F38" s="313">
        <v>0</v>
      </c>
      <c r="G38" s="313">
        <v>0</v>
      </c>
      <c r="H38" s="313">
        <v>0</v>
      </c>
      <c r="I38" s="313">
        <v>0</v>
      </c>
      <c r="J38" s="313">
        <v>0</v>
      </c>
      <c r="K38" s="314">
        <v>0</v>
      </c>
      <c r="L38" s="315">
        <v>0</v>
      </c>
      <c r="M38" s="309">
        <v>0</v>
      </c>
      <c r="N38" s="313">
        <v>0</v>
      </c>
      <c r="O38" s="310">
        <v>0</v>
      </c>
      <c r="P38" s="312">
        <v>0</v>
      </c>
      <c r="Q38" s="313">
        <v>0</v>
      </c>
      <c r="R38" s="313">
        <v>0</v>
      </c>
      <c r="S38" s="313">
        <v>0</v>
      </c>
      <c r="T38" s="313">
        <v>0</v>
      </c>
      <c r="U38" s="313">
        <v>0</v>
      </c>
      <c r="V38" s="310">
        <v>0</v>
      </c>
      <c r="W38" s="315">
        <v>0</v>
      </c>
      <c r="X38" s="309">
        <v>0</v>
      </c>
      <c r="Y38" s="313">
        <v>0</v>
      </c>
      <c r="Z38" s="310">
        <v>0</v>
      </c>
      <c r="AA38" s="312">
        <v>0</v>
      </c>
      <c r="AB38" s="313">
        <v>2</v>
      </c>
      <c r="AC38" s="313">
        <v>1</v>
      </c>
      <c r="AD38" s="313">
        <v>0</v>
      </c>
      <c r="AE38" s="313">
        <v>0</v>
      </c>
      <c r="AF38" s="313">
        <v>1</v>
      </c>
      <c r="AG38" s="310">
        <v>4</v>
      </c>
      <c r="AH38" s="315">
        <v>4</v>
      </c>
      <c r="AI38" s="309">
        <v>0</v>
      </c>
      <c r="AJ38" s="313">
        <v>0</v>
      </c>
      <c r="AK38" s="310">
        <v>0</v>
      </c>
      <c r="AL38" s="312">
        <v>0</v>
      </c>
      <c r="AM38" s="313">
        <v>0</v>
      </c>
      <c r="AN38" s="313">
        <v>0</v>
      </c>
      <c r="AO38" s="313">
        <v>0</v>
      </c>
      <c r="AP38" s="313">
        <v>0</v>
      </c>
      <c r="AQ38" s="313">
        <v>0</v>
      </c>
      <c r="AR38" s="310">
        <v>0</v>
      </c>
      <c r="AS38" s="315">
        <v>0</v>
      </c>
      <c r="AT38" s="309">
        <v>0</v>
      </c>
      <c r="AU38" s="313">
        <v>0</v>
      </c>
      <c r="AV38" s="310">
        <v>0</v>
      </c>
      <c r="AW38" s="312">
        <v>0</v>
      </c>
      <c r="AX38" s="313">
        <v>0</v>
      </c>
      <c r="AY38" s="313">
        <v>0</v>
      </c>
      <c r="AZ38" s="313">
        <v>0</v>
      </c>
      <c r="BA38" s="313">
        <v>1</v>
      </c>
      <c r="BB38" s="313">
        <v>0</v>
      </c>
      <c r="BC38" s="310">
        <v>1</v>
      </c>
      <c r="BD38" s="315">
        <v>1</v>
      </c>
      <c r="BE38" s="309">
        <v>0</v>
      </c>
      <c r="BF38" s="313">
        <v>0</v>
      </c>
      <c r="BG38" s="310">
        <v>0</v>
      </c>
      <c r="BH38" s="312">
        <v>0</v>
      </c>
      <c r="BI38" s="313">
        <v>0</v>
      </c>
      <c r="BJ38" s="313">
        <v>0</v>
      </c>
      <c r="BK38" s="313">
        <v>2</v>
      </c>
      <c r="BL38" s="313">
        <v>0</v>
      </c>
      <c r="BM38" s="313">
        <v>0</v>
      </c>
      <c r="BN38" s="314">
        <v>2</v>
      </c>
      <c r="BO38" s="315">
        <v>2</v>
      </c>
      <c r="BP38" s="309">
        <v>0</v>
      </c>
      <c r="BQ38" s="313">
        <v>0</v>
      </c>
      <c r="BR38" s="310">
        <v>0</v>
      </c>
      <c r="BS38" s="312">
        <v>0</v>
      </c>
      <c r="BT38" s="313">
        <v>0</v>
      </c>
      <c r="BU38" s="313">
        <v>0</v>
      </c>
      <c r="BV38" s="313">
        <v>0</v>
      </c>
      <c r="BW38" s="313">
        <v>0</v>
      </c>
      <c r="BX38" s="313">
        <v>0</v>
      </c>
      <c r="BY38" s="310">
        <v>0</v>
      </c>
      <c r="BZ38" s="315">
        <v>0</v>
      </c>
      <c r="CA38" s="309">
        <v>0</v>
      </c>
      <c r="CB38" s="313">
        <v>0</v>
      </c>
      <c r="CC38" s="310">
        <v>0</v>
      </c>
      <c r="CD38" s="312">
        <v>0</v>
      </c>
      <c r="CE38" s="313">
        <v>0</v>
      </c>
      <c r="CF38" s="313">
        <v>0</v>
      </c>
      <c r="CG38" s="313">
        <v>0</v>
      </c>
      <c r="CH38" s="313">
        <v>0</v>
      </c>
      <c r="CI38" s="313">
        <v>0</v>
      </c>
      <c r="CJ38" s="310">
        <v>0</v>
      </c>
      <c r="CK38" s="315">
        <v>0</v>
      </c>
      <c r="CL38" s="309">
        <v>0</v>
      </c>
      <c r="CM38" s="313">
        <v>0</v>
      </c>
      <c r="CN38" s="310">
        <v>0</v>
      </c>
      <c r="CO38" s="312">
        <v>0</v>
      </c>
      <c r="CP38" s="313">
        <v>0</v>
      </c>
      <c r="CQ38" s="313">
        <v>0</v>
      </c>
      <c r="CR38" s="313">
        <v>0</v>
      </c>
      <c r="CS38" s="313">
        <v>0</v>
      </c>
      <c r="CT38" s="313">
        <v>0</v>
      </c>
      <c r="CU38" s="310">
        <v>0</v>
      </c>
      <c r="CV38" s="315">
        <v>0</v>
      </c>
    </row>
    <row r="39" spans="1:100" ht="21" customHeight="1" thickBot="1" x14ac:dyDescent="0.25">
      <c r="A39" s="295" t="s">
        <v>37</v>
      </c>
      <c r="B39" s="316">
        <v>0</v>
      </c>
      <c r="C39" s="317">
        <v>0</v>
      </c>
      <c r="D39" s="318">
        <v>0</v>
      </c>
      <c r="E39" s="319">
        <v>0</v>
      </c>
      <c r="F39" s="320">
        <v>0</v>
      </c>
      <c r="G39" s="320">
        <v>0</v>
      </c>
      <c r="H39" s="320">
        <v>0</v>
      </c>
      <c r="I39" s="320">
        <v>0</v>
      </c>
      <c r="J39" s="320">
        <v>0</v>
      </c>
      <c r="K39" s="321">
        <v>0</v>
      </c>
      <c r="L39" s="322">
        <v>0</v>
      </c>
      <c r="M39" s="316">
        <v>0</v>
      </c>
      <c r="N39" s="320">
        <v>0</v>
      </c>
      <c r="O39" s="317">
        <v>0</v>
      </c>
      <c r="P39" s="319">
        <v>0</v>
      </c>
      <c r="Q39" s="320">
        <v>0</v>
      </c>
      <c r="R39" s="320">
        <v>0</v>
      </c>
      <c r="S39" s="320">
        <v>0</v>
      </c>
      <c r="T39" s="320">
        <v>0</v>
      </c>
      <c r="U39" s="320">
        <v>0</v>
      </c>
      <c r="V39" s="317">
        <v>0</v>
      </c>
      <c r="W39" s="322">
        <v>0</v>
      </c>
      <c r="X39" s="316">
        <v>0</v>
      </c>
      <c r="Y39" s="320">
        <v>0</v>
      </c>
      <c r="Z39" s="317">
        <v>0</v>
      </c>
      <c r="AA39" s="319">
        <v>0</v>
      </c>
      <c r="AB39" s="320">
        <v>0</v>
      </c>
      <c r="AC39" s="320">
        <v>0</v>
      </c>
      <c r="AD39" s="320">
        <v>0</v>
      </c>
      <c r="AE39" s="320">
        <v>0</v>
      </c>
      <c r="AF39" s="320">
        <v>0</v>
      </c>
      <c r="AG39" s="317">
        <v>0</v>
      </c>
      <c r="AH39" s="322">
        <v>0</v>
      </c>
      <c r="AI39" s="316">
        <v>0</v>
      </c>
      <c r="AJ39" s="320">
        <v>0</v>
      </c>
      <c r="AK39" s="317">
        <v>0</v>
      </c>
      <c r="AL39" s="319">
        <v>0</v>
      </c>
      <c r="AM39" s="320">
        <v>0</v>
      </c>
      <c r="AN39" s="320">
        <v>0</v>
      </c>
      <c r="AO39" s="320">
        <v>0</v>
      </c>
      <c r="AP39" s="320">
        <v>0</v>
      </c>
      <c r="AQ39" s="320">
        <v>0</v>
      </c>
      <c r="AR39" s="317">
        <v>0</v>
      </c>
      <c r="AS39" s="322">
        <v>0</v>
      </c>
      <c r="AT39" s="316">
        <v>0</v>
      </c>
      <c r="AU39" s="320">
        <v>0</v>
      </c>
      <c r="AV39" s="317">
        <v>0</v>
      </c>
      <c r="AW39" s="319">
        <v>0</v>
      </c>
      <c r="AX39" s="320">
        <v>0</v>
      </c>
      <c r="AY39" s="320">
        <v>0</v>
      </c>
      <c r="AZ39" s="320">
        <v>0</v>
      </c>
      <c r="BA39" s="320">
        <v>0</v>
      </c>
      <c r="BB39" s="320">
        <v>0</v>
      </c>
      <c r="BC39" s="317">
        <v>0</v>
      </c>
      <c r="BD39" s="322">
        <v>0</v>
      </c>
      <c r="BE39" s="316">
        <v>0</v>
      </c>
      <c r="BF39" s="320">
        <v>0</v>
      </c>
      <c r="BG39" s="317">
        <v>0</v>
      </c>
      <c r="BH39" s="319">
        <v>0</v>
      </c>
      <c r="BI39" s="320">
        <v>0</v>
      </c>
      <c r="BJ39" s="320">
        <v>0</v>
      </c>
      <c r="BK39" s="320">
        <v>0</v>
      </c>
      <c r="BL39" s="320">
        <v>0</v>
      </c>
      <c r="BM39" s="320">
        <v>0</v>
      </c>
      <c r="BN39" s="321">
        <v>0</v>
      </c>
      <c r="BO39" s="322">
        <v>0</v>
      </c>
      <c r="BP39" s="316">
        <v>0</v>
      </c>
      <c r="BQ39" s="320">
        <v>0</v>
      </c>
      <c r="BR39" s="317">
        <v>0</v>
      </c>
      <c r="BS39" s="319">
        <v>0</v>
      </c>
      <c r="BT39" s="320">
        <v>0</v>
      </c>
      <c r="BU39" s="320">
        <v>0</v>
      </c>
      <c r="BV39" s="320">
        <v>0</v>
      </c>
      <c r="BW39" s="320">
        <v>0</v>
      </c>
      <c r="BX39" s="320">
        <v>0</v>
      </c>
      <c r="BY39" s="317">
        <v>0</v>
      </c>
      <c r="BZ39" s="322">
        <v>0</v>
      </c>
      <c r="CA39" s="316">
        <v>0</v>
      </c>
      <c r="CB39" s="320">
        <v>0</v>
      </c>
      <c r="CC39" s="317">
        <v>0</v>
      </c>
      <c r="CD39" s="319">
        <v>0</v>
      </c>
      <c r="CE39" s="320">
        <v>0</v>
      </c>
      <c r="CF39" s="320">
        <v>0</v>
      </c>
      <c r="CG39" s="320">
        <v>0</v>
      </c>
      <c r="CH39" s="320">
        <v>0</v>
      </c>
      <c r="CI39" s="320">
        <v>0</v>
      </c>
      <c r="CJ39" s="317">
        <v>0</v>
      </c>
      <c r="CK39" s="322">
        <v>0</v>
      </c>
      <c r="CL39" s="316">
        <v>0</v>
      </c>
      <c r="CM39" s="320">
        <v>0</v>
      </c>
      <c r="CN39" s="317">
        <v>0</v>
      </c>
      <c r="CO39" s="319">
        <v>0</v>
      </c>
      <c r="CP39" s="320">
        <v>0</v>
      </c>
      <c r="CQ39" s="320">
        <v>0</v>
      </c>
      <c r="CR39" s="320">
        <v>0</v>
      </c>
      <c r="CS39" s="320">
        <v>0</v>
      </c>
      <c r="CT39" s="320">
        <v>0</v>
      </c>
      <c r="CU39" s="317">
        <v>0</v>
      </c>
      <c r="CV39" s="322">
        <v>0</v>
      </c>
    </row>
  </sheetData>
  <mergeCells count="39">
    <mergeCell ref="X3:AH3"/>
    <mergeCell ref="X4:Z4"/>
    <mergeCell ref="AA4:AG4"/>
    <mergeCell ref="AH4:AH5"/>
    <mergeCell ref="AI3:AS3"/>
    <mergeCell ref="AL4:AR4"/>
    <mergeCell ref="AS4:AS5"/>
    <mergeCell ref="H1:I1"/>
    <mergeCell ref="K1:L1"/>
    <mergeCell ref="A3:A5"/>
    <mergeCell ref="B3:L3"/>
    <mergeCell ref="M3:W3"/>
    <mergeCell ref="W4:W5"/>
    <mergeCell ref="B4:D4"/>
    <mergeCell ref="E4:K4"/>
    <mergeCell ref="L4:L5"/>
    <mergeCell ref="M4:O4"/>
    <mergeCell ref="P4:V4"/>
    <mergeCell ref="AT4:AV4"/>
    <mergeCell ref="AI4:AK4"/>
    <mergeCell ref="AW4:BC4"/>
    <mergeCell ref="CA4:CC4"/>
    <mergeCell ref="AT3:BD3"/>
    <mergeCell ref="BD4:BD5"/>
    <mergeCell ref="BE3:BO3"/>
    <mergeCell ref="BO4:BO5"/>
    <mergeCell ref="BP3:BZ3"/>
    <mergeCell ref="BZ4:BZ5"/>
    <mergeCell ref="CL3:CV3"/>
    <mergeCell ref="CL4:CN4"/>
    <mergeCell ref="CO4:CU4"/>
    <mergeCell ref="CD4:CJ4"/>
    <mergeCell ref="BE4:BG4"/>
    <mergeCell ref="BH4:BN4"/>
    <mergeCell ref="BP4:BR4"/>
    <mergeCell ref="BS4:BY4"/>
    <mergeCell ref="CA3:CK3"/>
    <mergeCell ref="CK4:CK5"/>
    <mergeCell ref="CV4:CV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88"/>
    <col min="4" max="4" width="10.33203125" style="288" customWidth="1"/>
    <col min="5" max="5" width="7.6640625" style="288" customWidth="1"/>
    <col min="6" max="6" width="8.44140625" style="288" customWidth="1"/>
    <col min="7" max="7" width="8.77734375" style="288" customWidth="1"/>
    <col min="8" max="15" width="9" style="288"/>
    <col min="16" max="16" width="7.21875" style="288" customWidth="1"/>
    <col min="17" max="26" width="9" style="288"/>
    <col min="27" max="27" width="7.6640625" style="288" customWidth="1"/>
    <col min="28" max="37" width="9" style="288"/>
    <col min="38" max="38" width="7.6640625" style="288" customWidth="1"/>
    <col min="39" max="48" width="9" style="288"/>
    <col min="49" max="49" width="7.6640625" style="288" customWidth="1"/>
    <col min="50" max="59" width="9" style="288"/>
    <col min="60" max="60" width="7.21875" style="288" customWidth="1"/>
    <col min="61" max="70" width="9" style="288"/>
    <col min="71" max="71" width="7.21875" style="288" customWidth="1"/>
    <col min="72" max="81" width="9" style="288"/>
    <col min="82" max="82" width="7.33203125" style="288" customWidth="1"/>
    <col min="83" max="92" width="9" style="288"/>
    <col min="93" max="93" width="7.44140625" style="288" customWidth="1"/>
    <col min="94" max="16384" width="9" style="288"/>
  </cols>
  <sheetData>
    <row r="1" spans="1:100" ht="22.5" customHeight="1" x14ac:dyDescent="0.2">
      <c r="A1" s="323" t="s">
        <v>124</v>
      </c>
      <c r="H1" s="457">
        <f>第１表!F2</f>
        <v>3</v>
      </c>
      <c r="I1" s="457"/>
      <c r="J1" s="280">
        <f>第１表!G2</f>
        <v>12</v>
      </c>
      <c r="K1" s="458">
        <f>IF(J1&lt;3,J1+12-2,J1-2)</f>
        <v>10</v>
      </c>
      <c r="L1" s="458"/>
    </row>
    <row r="2" spans="1:100" s="324" customFormat="1" ht="21" customHeight="1" thickBot="1" x14ac:dyDescent="0.25">
      <c r="A2" s="323" t="s">
        <v>155</v>
      </c>
    </row>
    <row r="3" spans="1:100" ht="23.25" customHeight="1" thickBot="1" x14ac:dyDescent="0.25">
      <c r="A3" s="466"/>
      <c r="B3" s="469" t="s">
        <v>94</v>
      </c>
      <c r="C3" s="470"/>
      <c r="D3" s="470"/>
      <c r="E3" s="470"/>
      <c r="F3" s="470"/>
      <c r="G3" s="470"/>
      <c r="H3" s="470"/>
      <c r="I3" s="470"/>
      <c r="J3" s="470"/>
      <c r="K3" s="470"/>
      <c r="L3" s="471"/>
      <c r="M3" s="469" t="s">
        <v>88</v>
      </c>
      <c r="N3" s="470"/>
      <c r="O3" s="470"/>
      <c r="P3" s="470"/>
      <c r="Q3" s="470"/>
      <c r="R3" s="470"/>
      <c r="S3" s="470"/>
      <c r="T3" s="470"/>
      <c r="U3" s="470"/>
      <c r="V3" s="470"/>
      <c r="W3" s="471"/>
      <c r="X3" s="469" t="s">
        <v>142</v>
      </c>
      <c r="Y3" s="470"/>
      <c r="Z3" s="470"/>
      <c r="AA3" s="470"/>
      <c r="AB3" s="470"/>
      <c r="AC3" s="470"/>
      <c r="AD3" s="470"/>
      <c r="AE3" s="470"/>
      <c r="AF3" s="470"/>
      <c r="AG3" s="470"/>
      <c r="AH3" s="471"/>
      <c r="AI3" s="469" t="s">
        <v>90</v>
      </c>
      <c r="AJ3" s="470"/>
      <c r="AK3" s="470"/>
      <c r="AL3" s="470"/>
      <c r="AM3" s="470"/>
      <c r="AN3" s="470"/>
      <c r="AO3" s="470"/>
      <c r="AP3" s="470"/>
      <c r="AQ3" s="470"/>
      <c r="AR3" s="470"/>
      <c r="AS3" s="471"/>
      <c r="AT3" s="475" t="s">
        <v>89</v>
      </c>
      <c r="AU3" s="476"/>
      <c r="AV3" s="476"/>
      <c r="AW3" s="476"/>
      <c r="AX3" s="476"/>
      <c r="AY3" s="476"/>
      <c r="AZ3" s="476"/>
      <c r="BA3" s="476"/>
      <c r="BB3" s="476"/>
      <c r="BC3" s="476"/>
      <c r="BD3" s="477"/>
      <c r="BE3" s="475" t="s">
        <v>91</v>
      </c>
      <c r="BF3" s="476"/>
      <c r="BG3" s="476"/>
      <c r="BH3" s="476"/>
      <c r="BI3" s="476"/>
      <c r="BJ3" s="476"/>
      <c r="BK3" s="476"/>
      <c r="BL3" s="476"/>
      <c r="BM3" s="476"/>
      <c r="BN3" s="476"/>
      <c r="BO3" s="477"/>
      <c r="BP3" s="475" t="s">
        <v>92</v>
      </c>
      <c r="BQ3" s="476"/>
      <c r="BR3" s="476"/>
      <c r="BS3" s="476"/>
      <c r="BT3" s="476"/>
      <c r="BU3" s="476"/>
      <c r="BV3" s="476"/>
      <c r="BW3" s="476"/>
      <c r="BX3" s="476"/>
      <c r="BY3" s="476"/>
      <c r="BZ3" s="477"/>
      <c r="CA3" s="475" t="s">
        <v>93</v>
      </c>
      <c r="CB3" s="476"/>
      <c r="CC3" s="476"/>
      <c r="CD3" s="476"/>
      <c r="CE3" s="476"/>
      <c r="CF3" s="476"/>
      <c r="CG3" s="476"/>
      <c r="CH3" s="476"/>
      <c r="CI3" s="476"/>
      <c r="CJ3" s="476"/>
      <c r="CK3" s="477"/>
      <c r="CL3" s="476" t="s">
        <v>141</v>
      </c>
      <c r="CM3" s="476"/>
      <c r="CN3" s="476"/>
      <c r="CO3" s="476"/>
      <c r="CP3" s="476"/>
      <c r="CQ3" s="476"/>
      <c r="CR3" s="476"/>
      <c r="CS3" s="476"/>
      <c r="CT3" s="476"/>
      <c r="CU3" s="476"/>
      <c r="CV3" s="477"/>
    </row>
    <row r="4" spans="1:100" ht="22.5" customHeight="1" x14ac:dyDescent="0.2">
      <c r="A4" s="467"/>
      <c r="B4" s="461" t="s">
        <v>61</v>
      </c>
      <c r="C4" s="462"/>
      <c r="D4" s="463"/>
      <c r="E4" s="464" t="s">
        <v>62</v>
      </c>
      <c r="F4" s="462"/>
      <c r="G4" s="462"/>
      <c r="H4" s="462"/>
      <c r="I4" s="462"/>
      <c r="J4" s="462"/>
      <c r="K4" s="465"/>
      <c r="L4" s="459" t="s">
        <v>52</v>
      </c>
      <c r="M4" s="461" t="s">
        <v>61</v>
      </c>
      <c r="N4" s="462"/>
      <c r="O4" s="463"/>
      <c r="P4" s="464" t="s">
        <v>62</v>
      </c>
      <c r="Q4" s="462"/>
      <c r="R4" s="462"/>
      <c r="S4" s="462"/>
      <c r="T4" s="462"/>
      <c r="U4" s="462"/>
      <c r="V4" s="463"/>
      <c r="W4" s="459" t="s">
        <v>52</v>
      </c>
      <c r="X4" s="461" t="s">
        <v>61</v>
      </c>
      <c r="Y4" s="462"/>
      <c r="Z4" s="463"/>
      <c r="AA4" s="464" t="s">
        <v>62</v>
      </c>
      <c r="AB4" s="462"/>
      <c r="AC4" s="462"/>
      <c r="AD4" s="462"/>
      <c r="AE4" s="462"/>
      <c r="AF4" s="462"/>
      <c r="AG4" s="463"/>
      <c r="AH4" s="459" t="s">
        <v>52</v>
      </c>
      <c r="AI4" s="461" t="s">
        <v>61</v>
      </c>
      <c r="AJ4" s="462"/>
      <c r="AK4" s="463"/>
      <c r="AL4" s="464" t="s">
        <v>62</v>
      </c>
      <c r="AM4" s="462"/>
      <c r="AN4" s="462"/>
      <c r="AO4" s="462"/>
      <c r="AP4" s="462"/>
      <c r="AQ4" s="462"/>
      <c r="AR4" s="463"/>
      <c r="AS4" s="459" t="s">
        <v>52</v>
      </c>
      <c r="AT4" s="491" t="s">
        <v>61</v>
      </c>
      <c r="AU4" s="489"/>
      <c r="AV4" s="490"/>
      <c r="AW4" s="488" t="s">
        <v>62</v>
      </c>
      <c r="AX4" s="489"/>
      <c r="AY4" s="489"/>
      <c r="AZ4" s="489"/>
      <c r="BA4" s="489"/>
      <c r="BB4" s="489"/>
      <c r="BC4" s="490"/>
      <c r="BD4" s="492" t="s">
        <v>52</v>
      </c>
      <c r="BE4" s="491" t="s">
        <v>61</v>
      </c>
      <c r="BF4" s="489"/>
      <c r="BG4" s="490"/>
      <c r="BH4" s="488" t="s">
        <v>62</v>
      </c>
      <c r="BI4" s="489"/>
      <c r="BJ4" s="489"/>
      <c r="BK4" s="489"/>
      <c r="BL4" s="489"/>
      <c r="BM4" s="489"/>
      <c r="BN4" s="490"/>
      <c r="BO4" s="492" t="s">
        <v>52</v>
      </c>
      <c r="BP4" s="491" t="s">
        <v>61</v>
      </c>
      <c r="BQ4" s="489"/>
      <c r="BR4" s="490"/>
      <c r="BS4" s="488" t="s">
        <v>62</v>
      </c>
      <c r="BT4" s="489"/>
      <c r="BU4" s="489"/>
      <c r="BV4" s="489"/>
      <c r="BW4" s="489"/>
      <c r="BX4" s="489"/>
      <c r="BY4" s="490"/>
      <c r="BZ4" s="492" t="s">
        <v>52</v>
      </c>
      <c r="CA4" s="491" t="s">
        <v>61</v>
      </c>
      <c r="CB4" s="489"/>
      <c r="CC4" s="490"/>
      <c r="CD4" s="488" t="s">
        <v>62</v>
      </c>
      <c r="CE4" s="489"/>
      <c r="CF4" s="489"/>
      <c r="CG4" s="489"/>
      <c r="CH4" s="489"/>
      <c r="CI4" s="489"/>
      <c r="CJ4" s="490"/>
      <c r="CK4" s="492" t="s">
        <v>52</v>
      </c>
      <c r="CL4" s="491" t="s">
        <v>61</v>
      </c>
      <c r="CM4" s="489"/>
      <c r="CN4" s="490"/>
      <c r="CO4" s="488" t="s">
        <v>62</v>
      </c>
      <c r="CP4" s="489"/>
      <c r="CQ4" s="489"/>
      <c r="CR4" s="489"/>
      <c r="CS4" s="489"/>
      <c r="CT4" s="489"/>
      <c r="CU4" s="490"/>
      <c r="CV4" s="492" t="s">
        <v>52</v>
      </c>
    </row>
    <row r="5" spans="1:100" ht="34.5" customHeight="1" thickBot="1" x14ac:dyDescent="0.25">
      <c r="A5" s="468"/>
      <c r="B5" s="398" t="s">
        <v>43</v>
      </c>
      <c r="C5" s="298" t="s">
        <v>44</v>
      </c>
      <c r="D5" s="299" t="s">
        <v>45</v>
      </c>
      <c r="E5" s="300" t="s">
        <v>83</v>
      </c>
      <c r="F5" s="292" t="s">
        <v>47</v>
      </c>
      <c r="G5" s="292" t="s">
        <v>48</v>
      </c>
      <c r="H5" s="292" t="s">
        <v>49</v>
      </c>
      <c r="I5" s="292" t="s">
        <v>50</v>
      </c>
      <c r="J5" s="292" t="s">
        <v>51</v>
      </c>
      <c r="K5" s="301" t="s">
        <v>45</v>
      </c>
      <c r="L5" s="460"/>
      <c r="M5" s="398" t="s">
        <v>43</v>
      </c>
      <c r="N5" s="292" t="s">
        <v>44</v>
      </c>
      <c r="O5" s="298" t="s">
        <v>45</v>
      </c>
      <c r="P5" s="300" t="s">
        <v>83</v>
      </c>
      <c r="Q5" s="292" t="s">
        <v>47</v>
      </c>
      <c r="R5" s="292" t="s">
        <v>48</v>
      </c>
      <c r="S5" s="292" t="s">
        <v>49</v>
      </c>
      <c r="T5" s="292" t="s">
        <v>50</v>
      </c>
      <c r="U5" s="292" t="s">
        <v>51</v>
      </c>
      <c r="V5" s="298" t="s">
        <v>45</v>
      </c>
      <c r="W5" s="460"/>
      <c r="X5" s="398" t="s">
        <v>43</v>
      </c>
      <c r="Y5" s="292" t="s">
        <v>44</v>
      </c>
      <c r="Z5" s="298" t="s">
        <v>45</v>
      </c>
      <c r="AA5" s="300" t="s">
        <v>83</v>
      </c>
      <c r="AB5" s="292" t="s">
        <v>47</v>
      </c>
      <c r="AC5" s="292" t="s">
        <v>48</v>
      </c>
      <c r="AD5" s="292" t="s">
        <v>49</v>
      </c>
      <c r="AE5" s="292" t="s">
        <v>50</v>
      </c>
      <c r="AF5" s="292" t="s">
        <v>51</v>
      </c>
      <c r="AG5" s="298" t="s">
        <v>45</v>
      </c>
      <c r="AH5" s="460"/>
      <c r="AI5" s="398" t="s">
        <v>43</v>
      </c>
      <c r="AJ5" s="292" t="s">
        <v>44</v>
      </c>
      <c r="AK5" s="298" t="s">
        <v>45</v>
      </c>
      <c r="AL5" s="300" t="s">
        <v>83</v>
      </c>
      <c r="AM5" s="292" t="s">
        <v>47</v>
      </c>
      <c r="AN5" s="292" t="s">
        <v>48</v>
      </c>
      <c r="AO5" s="292" t="s">
        <v>49</v>
      </c>
      <c r="AP5" s="292" t="s">
        <v>50</v>
      </c>
      <c r="AQ5" s="292" t="s">
        <v>51</v>
      </c>
      <c r="AR5" s="298" t="s">
        <v>45</v>
      </c>
      <c r="AS5" s="460"/>
      <c r="AT5" s="398" t="s">
        <v>43</v>
      </c>
      <c r="AU5" s="292" t="s">
        <v>44</v>
      </c>
      <c r="AV5" s="298" t="s">
        <v>45</v>
      </c>
      <c r="AW5" s="300" t="s">
        <v>83</v>
      </c>
      <c r="AX5" s="292" t="s">
        <v>47</v>
      </c>
      <c r="AY5" s="292" t="s">
        <v>48</v>
      </c>
      <c r="AZ5" s="292" t="s">
        <v>49</v>
      </c>
      <c r="BA5" s="292" t="s">
        <v>50</v>
      </c>
      <c r="BB5" s="292" t="s">
        <v>51</v>
      </c>
      <c r="BC5" s="298" t="s">
        <v>45</v>
      </c>
      <c r="BD5" s="493"/>
      <c r="BE5" s="398" t="s">
        <v>43</v>
      </c>
      <c r="BF5" s="292" t="s">
        <v>44</v>
      </c>
      <c r="BG5" s="298" t="s">
        <v>45</v>
      </c>
      <c r="BH5" s="300" t="s">
        <v>83</v>
      </c>
      <c r="BI5" s="292" t="s">
        <v>47</v>
      </c>
      <c r="BJ5" s="292" t="s">
        <v>48</v>
      </c>
      <c r="BK5" s="292" t="s">
        <v>49</v>
      </c>
      <c r="BL5" s="292" t="s">
        <v>50</v>
      </c>
      <c r="BM5" s="292" t="s">
        <v>51</v>
      </c>
      <c r="BN5" s="298" t="s">
        <v>45</v>
      </c>
      <c r="BO5" s="493"/>
      <c r="BP5" s="398" t="s">
        <v>43</v>
      </c>
      <c r="BQ5" s="292" t="s">
        <v>44</v>
      </c>
      <c r="BR5" s="298" t="s">
        <v>45</v>
      </c>
      <c r="BS5" s="300" t="s">
        <v>83</v>
      </c>
      <c r="BT5" s="292" t="s">
        <v>47</v>
      </c>
      <c r="BU5" s="292" t="s">
        <v>48</v>
      </c>
      <c r="BV5" s="292" t="s">
        <v>49</v>
      </c>
      <c r="BW5" s="292" t="s">
        <v>50</v>
      </c>
      <c r="BX5" s="292" t="s">
        <v>51</v>
      </c>
      <c r="BY5" s="298" t="s">
        <v>45</v>
      </c>
      <c r="BZ5" s="493"/>
      <c r="CA5" s="398" t="s">
        <v>43</v>
      </c>
      <c r="CB5" s="292" t="s">
        <v>44</v>
      </c>
      <c r="CC5" s="298" t="s">
        <v>45</v>
      </c>
      <c r="CD5" s="300" t="s">
        <v>83</v>
      </c>
      <c r="CE5" s="292" t="s">
        <v>47</v>
      </c>
      <c r="CF5" s="292" t="s">
        <v>48</v>
      </c>
      <c r="CG5" s="292" t="s">
        <v>49</v>
      </c>
      <c r="CH5" s="292" t="s">
        <v>50</v>
      </c>
      <c r="CI5" s="292" t="s">
        <v>51</v>
      </c>
      <c r="CJ5" s="298" t="s">
        <v>45</v>
      </c>
      <c r="CK5" s="493"/>
      <c r="CL5" s="398" t="s">
        <v>43</v>
      </c>
      <c r="CM5" s="292" t="s">
        <v>44</v>
      </c>
      <c r="CN5" s="298" t="s">
        <v>45</v>
      </c>
      <c r="CO5" s="300" t="s">
        <v>83</v>
      </c>
      <c r="CP5" s="292" t="s">
        <v>47</v>
      </c>
      <c r="CQ5" s="292" t="s">
        <v>48</v>
      </c>
      <c r="CR5" s="292" t="s">
        <v>49</v>
      </c>
      <c r="CS5" s="292" t="s">
        <v>50</v>
      </c>
      <c r="CT5" s="292" t="s">
        <v>51</v>
      </c>
      <c r="CU5" s="298" t="s">
        <v>45</v>
      </c>
      <c r="CV5" s="493"/>
    </row>
    <row r="6" spans="1:100" ht="21" customHeight="1" x14ac:dyDescent="0.2">
      <c r="A6" s="293" t="s">
        <v>4</v>
      </c>
      <c r="B6" s="302">
        <v>0</v>
      </c>
      <c r="C6" s="303">
        <v>0</v>
      </c>
      <c r="D6" s="304">
        <v>0</v>
      </c>
      <c r="E6" s="305">
        <v>0</v>
      </c>
      <c r="F6" s="306">
        <v>24</v>
      </c>
      <c r="G6" s="306">
        <v>40</v>
      </c>
      <c r="H6" s="306">
        <v>14</v>
      </c>
      <c r="I6" s="306">
        <v>32</v>
      </c>
      <c r="J6" s="306">
        <v>19</v>
      </c>
      <c r="K6" s="307">
        <v>129</v>
      </c>
      <c r="L6" s="308">
        <v>129</v>
      </c>
      <c r="M6" s="302">
        <v>0</v>
      </c>
      <c r="N6" s="306">
        <v>0</v>
      </c>
      <c r="O6" s="303">
        <v>0</v>
      </c>
      <c r="P6" s="305">
        <v>0</v>
      </c>
      <c r="Q6" s="306">
        <v>9</v>
      </c>
      <c r="R6" s="306">
        <v>25</v>
      </c>
      <c r="S6" s="306">
        <v>36</v>
      </c>
      <c r="T6" s="306">
        <v>26</v>
      </c>
      <c r="U6" s="306">
        <v>24</v>
      </c>
      <c r="V6" s="303">
        <v>120</v>
      </c>
      <c r="W6" s="308">
        <v>120</v>
      </c>
      <c r="X6" s="302">
        <v>0</v>
      </c>
      <c r="Y6" s="306">
        <v>0</v>
      </c>
      <c r="Z6" s="303">
        <v>0</v>
      </c>
      <c r="AA6" s="305">
        <v>0</v>
      </c>
      <c r="AB6" s="306">
        <v>761</v>
      </c>
      <c r="AC6" s="306">
        <v>613</v>
      </c>
      <c r="AD6" s="306">
        <v>288</v>
      </c>
      <c r="AE6" s="306">
        <v>150</v>
      </c>
      <c r="AF6" s="306">
        <v>55</v>
      </c>
      <c r="AG6" s="303">
        <v>1867</v>
      </c>
      <c r="AH6" s="308">
        <v>1867</v>
      </c>
      <c r="AI6" s="302">
        <v>0</v>
      </c>
      <c r="AJ6" s="306">
        <v>0</v>
      </c>
      <c r="AK6" s="303">
        <v>0</v>
      </c>
      <c r="AL6" s="305">
        <v>0</v>
      </c>
      <c r="AM6" s="306">
        <v>45</v>
      </c>
      <c r="AN6" s="306">
        <v>66</v>
      </c>
      <c r="AO6" s="306">
        <v>57</v>
      </c>
      <c r="AP6" s="306">
        <v>28</v>
      </c>
      <c r="AQ6" s="306">
        <v>29</v>
      </c>
      <c r="AR6" s="303">
        <v>225</v>
      </c>
      <c r="AS6" s="308">
        <v>225</v>
      </c>
      <c r="AT6" s="302">
        <v>18</v>
      </c>
      <c r="AU6" s="306">
        <v>13</v>
      </c>
      <c r="AV6" s="303">
        <v>31</v>
      </c>
      <c r="AW6" s="305">
        <v>0</v>
      </c>
      <c r="AX6" s="306">
        <v>65</v>
      </c>
      <c r="AY6" s="306">
        <v>52</v>
      </c>
      <c r="AZ6" s="306">
        <v>56</v>
      </c>
      <c r="BA6" s="306">
        <v>43</v>
      </c>
      <c r="BB6" s="306">
        <v>14</v>
      </c>
      <c r="BC6" s="303">
        <v>230</v>
      </c>
      <c r="BD6" s="308">
        <v>261</v>
      </c>
      <c r="BE6" s="302">
        <v>0</v>
      </c>
      <c r="BF6" s="306">
        <v>0</v>
      </c>
      <c r="BG6" s="303">
        <v>0</v>
      </c>
      <c r="BH6" s="305">
        <v>0</v>
      </c>
      <c r="BI6" s="306">
        <v>78</v>
      </c>
      <c r="BJ6" s="306">
        <v>110</v>
      </c>
      <c r="BK6" s="306">
        <v>133</v>
      </c>
      <c r="BL6" s="306">
        <v>87</v>
      </c>
      <c r="BM6" s="306">
        <v>51</v>
      </c>
      <c r="BN6" s="307">
        <v>459</v>
      </c>
      <c r="BO6" s="308">
        <v>459</v>
      </c>
      <c r="BP6" s="302">
        <v>0</v>
      </c>
      <c r="BQ6" s="306">
        <v>0</v>
      </c>
      <c r="BR6" s="303">
        <v>0</v>
      </c>
      <c r="BS6" s="305">
        <v>0</v>
      </c>
      <c r="BT6" s="306">
        <v>2</v>
      </c>
      <c r="BU6" s="306">
        <v>7</v>
      </c>
      <c r="BV6" s="306">
        <v>10</v>
      </c>
      <c r="BW6" s="306">
        <v>7</v>
      </c>
      <c r="BX6" s="306">
        <v>8</v>
      </c>
      <c r="BY6" s="303">
        <v>34</v>
      </c>
      <c r="BZ6" s="308">
        <v>34</v>
      </c>
      <c r="CA6" s="302">
        <v>0</v>
      </c>
      <c r="CB6" s="306">
        <v>0</v>
      </c>
      <c r="CC6" s="303">
        <v>0</v>
      </c>
      <c r="CD6" s="305">
        <v>0</v>
      </c>
      <c r="CE6" s="306">
        <v>1</v>
      </c>
      <c r="CF6" s="306">
        <v>2</v>
      </c>
      <c r="CG6" s="306">
        <v>8</v>
      </c>
      <c r="CH6" s="306">
        <v>17</v>
      </c>
      <c r="CI6" s="306">
        <v>8</v>
      </c>
      <c r="CJ6" s="303">
        <v>36</v>
      </c>
      <c r="CK6" s="308">
        <v>36</v>
      </c>
      <c r="CL6" s="302">
        <v>0</v>
      </c>
      <c r="CM6" s="306">
        <v>0</v>
      </c>
      <c r="CN6" s="303">
        <v>0</v>
      </c>
      <c r="CO6" s="305">
        <v>0</v>
      </c>
      <c r="CP6" s="306">
        <v>4</v>
      </c>
      <c r="CQ6" s="306">
        <v>20</v>
      </c>
      <c r="CR6" s="306">
        <v>16</v>
      </c>
      <c r="CS6" s="306">
        <v>26</v>
      </c>
      <c r="CT6" s="306">
        <v>26</v>
      </c>
      <c r="CU6" s="303">
        <v>92</v>
      </c>
      <c r="CV6" s="308">
        <v>92</v>
      </c>
    </row>
    <row r="7" spans="1:100" ht="21" customHeight="1" x14ac:dyDescent="0.2">
      <c r="A7" s="294" t="s">
        <v>5</v>
      </c>
      <c r="B7" s="309">
        <v>0</v>
      </c>
      <c r="C7" s="310">
        <v>0</v>
      </c>
      <c r="D7" s="311">
        <v>0</v>
      </c>
      <c r="E7" s="312">
        <v>0</v>
      </c>
      <c r="F7" s="313">
        <v>7</v>
      </c>
      <c r="G7" s="313">
        <v>24</v>
      </c>
      <c r="H7" s="313">
        <v>7</v>
      </c>
      <c r="I7" s="313">
        <v>11</v>
      </c>
      <c r="J7" s="313">
        <v>4</v>
      </c>
      <c r="K7" s="314">
        <v>53</v>
      </c>
      <c r="L7" s="315">
        <v>53</v>
      </c>
      <c r="M7" s="309">
        <v>0</v>
      </c>
      <c r="N7" s="313">
        <v>0</v>
      </c>
      <c r="O7" s="310">
        <v>0</v>
      </c>
      <c r="P7" s="312">
        <v>0</v>
      </c>
      <c r="Q7" s="313">
        <v>8</v>
      </c>
      <c r="R7" s="313">
        <v>21</v>
      </c>
      <c r="S7" s="313">
        <v>26</v>
      </c>
      <c r="T7" s="313">
        <v>18</v>
      </c>
      <c r="U7" s="313">
        <v>12</v>
      </c>
      <c r="V7" s="310">
        <v>85</v>
      </c>
      <c r="W7" s="315">
        <v>85</v>
      </c>
      <c r="X7" s="309">
        <v>0</v>
      </c>
      <c r="Y7" s="313">
        <v>0</v>
      </c>
      <c r="Z7" s="310">
        <v>0</v>
      </c>
      <c r="AA7" s="312">
        <v>0</v>
      </c>
      <c r="AB7" s="313">
        <v>275</v>
      </c>
      <c r="AC7" s="313">
        <v>301</v>
      </c>
      <c r="AD7" s="313">
        <v>127</v>
      </c>
      <c r="AE7" s="313">
        <v>64</v>
      </c>
      <c r="AF7" s="313">
        <v>27</v>
      </c>
      <c r="AG7" s="310">
        <v>794</v>
      </c>
      <c r="AH7" s="315">
        <v>794</v>
      </c>
      <c r="AI7" s="309">
        <v>0</v>
      </c>
      <c r="AJ7" s="313">
        <v>0</v>
      </c>
      <c r="AK7" s="310">
        <v>0</v>
      </c>
      <c r="AL7" s="312">
        <v>0</v>
      </c>
      <c r="AM7" s="313">
        <v>24</v>
      </c>
      <c r="AN7" s="313">
        <v>38</v>
      </c>
      <c r="AO7" s="313">
        <v>24</v>
      </c>
      <c r="AP7" s="313">
        <v>17</v>
      </c>
      <c r="AQ7" s="313">
        <v>16</v>
      </c>
      <c r="AR7" s="310">
        <v>119</v>
      </c>
      <c r="AS7" s="315">
        <v>119</v>
      </c>
      <c r="AT7" s="309">
        <v>10</v>
      </c>
      <c r="AU7" s="313">
        <v>5</v>
      </c>
      <c r="AV7" s="310">
        <v>15</v>
      </c>
      <c r="AW7" s="312">
        <v>0</v>
      </c>
      <c r="AX7" s="313">
        <v>29</v>
      </c>
      <c r="AY7" s="313">
        <v>17</v>
      </c>
      <c r="AZ7" s="313">
        <v>27</v>
      </c>
      <c r="BA7" s="313">
        <v>21</v>
      </c>
      <c r="BB7" s="313">
        <v>7</v>
      </c>
      <c r="BC7" s="310">
        <v>101</v>
      </c>
      <c r="BD7" s="315">
        <v>116</v>
      </c>
      <c r="BE7" s="309">
        <v>0</v>
      </c>
      <c r="BF7" s="313">
        <v>0</v>
      </c>
      <c r="BG7" s="310">
        <v>0</v>
      </c>
      <c r="BH7" s="312">
        <v>0</v>
      </c>
      <c r="BI7" s="313">
        <v>29</v>
      </c>
      <c r="BJ7" s="313">
        <v>41</v>
      </c>
      <c r="BK7" s="313">
        <v>60</v>
      </c>
      <c r="BL7" s="313">
        <v>30</v>
      </c>
      <c r="BM7" s="313">
        <v>15</v>
      </c>
      <c r="BN7" s="314">
        <v>175</v>
      </c>
      <c r="BO7" s="315">
        <v>175</v>
      </c>
      <c r="BP7" s="309">
        <v>0</v>
      </c>
      <c r="BQ7" s="313">
        <v>0</v>
      </c>
      <c r="BR7" s="310">
        <v>0</v>
      </c>
      <c r="BS7" s="312">
        <v>0</v>
      </c>
      <c r="BT7" s="313">
        <v>0</v>
      </c>
      <c r="BU7" s="313">
        <v>0</v>
      </c>
      <c r="BV7" s="313">
        <v>0</v>
      </c>
      <c r="BW7" s="313">
        <v>0</v>
      </c>
      <c r="BX7" s="313">
        <v>0</v>
      </c>
      <c r="BY7" s="310">
        <v>0</v>
      </c>
      <c r="BZ7" s="315">
        <v>0</v>
      </c>
      <c r="CA7" s="309">
        <v>0</v>
      </c>
      <c r="CB7" s="313">
        <v>0</v>
      </c>
      <c r="CC7" s="310">
        <v>0</v>
      </c>
      <c r="CD7" s="312">
        <v>0</v>
      </c>
      <c r="CE7" s="313">
        <v>0</v>
      </c>
      <c r="CF7" s="313">
        <v>0</v>
      </c>
      <c r="CG7" s="313">
        <v>0</v>
      </c>
      <c r="CH7" s="313">
        <v>2</v>
      </c>
      <c r="CI7" s="313">
        <v>0</v>
      </c>
      <c r="CJ7" s="310">
        <v>2</v>
      </c>
      <c r="CK7" s="315">
        <v>2</v>
      </c>
      <c r="CL7" s="309">
        <v>0</v>
      </c>
      <c r="CM7" s="313">
        <v>0</v>
      </c>
      <c r="CN7" s="310">
        <v>0</v>
      </c>
      <c r="CO7" s="312">
        <v>0</v>
      </c>
      <c r="CP7" s="313">
        <v>1</v>
      </c>
      <c r="CQ7" s="313">
        <v>7</v>
      </c>
      <c r="CR7" s="313">
        <v>6</v>
      </c>
      <c r="CS7" s="313">
        <v>9</v>
      </c>
      <c r="CT7" s="313">
        <v>12</v>
      </c>
      <c r="CU7" s="310">
        <v>35</v>
      </c>
      <c r="CV7" s="315">
        <v>35</v>
      </c>
    </row>
    <row r="8" spans="1:100" ht="21" customHeight="1" x14ac:dyDescent="0.2">
      <c r="A8" s="294" t="s">
        <v>6</v>
      </c>
      <c r="B8" s="309">
        <v>0</v>
      </c>
      <c r="C8" s="310">
        <v>0</v>
      </c>
      <c r="D8" s="311">
        <v>0</v>
      </c>
      <c r="E8" s="312">
        <v>0</v>
      </c>
      <c r="F8" s="313">
        <v>11</v>
      </c>
      <c r="G8" s="313">
        <v>7</v>
      </c>
      <c r="H8" s="313">
        <v>2</v>
      </c>
      <c r="I8" s="313">
        <v>9</v>
      </c>
      <c r="J8" s="313">
        <v>5</v>
      </c>
      <c r="K8" s="314">
        <v>34</v>
      </c>
      <c r="L8" s="315">
        <v>34</v>
      </c>
      <c r="M8" s="309">
        <v>0</v>
      </c>
      <c r="N8" s="313">
        <v>0</v>
      </c>
      <c r="O8" s="310">
        <v>0</v>
      </c>
      <c r="P8" s="312">
        <v>0</v>
      </c>
      <c r="Q8" s="313">
        <v>0</v>
      </c>
      <c r="R8" s="313">
        <v>4</v>
      </c>
      <c r="S8" s="313">
        <v>8</v>
      </c>
      <c r="T8" s="313">
        <v>6</v>
      </c>
      <c r="U8" s="313">
        <v>10</v>
      </c>
      <c r="V8" s="310">
        <v>28</v>
      </c>
      <c r="W8" s="315">
        <v>28</v>
      </c>
      <c r="X8" s="309">
        <v>0</v>
      </c>
      <c r="Y8" s="313">
        <v>0</v>
      </c>
      <c r="Z8" s="310">
        <v>0</v>
      </c>
      <c r="AA8" s="312">
        <v>0</v>
      </c>
      <c r="AB8" s="313">
        <v>142</v>
      </c>
      <c r="AC8" s="313">
        <v>77</v>
      </c>
      <c r="AD8" s="313">
        <v>45</v>
      </c>
      <c r="AE8" s="313">
        <v>19</v>
      </c>
      <c r="AF8" s="313">
        <v>10</v>
      </c>
      <c r="AG8" s="310">
        <v>293</v>
      </c>
      <c r="AH8" s="315">
        <v>293</v>
      </c>
      <c r="AI8" s="309">
        <v>0</v>
      </c>
      <c r="AJ8" s="313">
        <v>0</v>
      </c>
      <c r="AK8" s="310">
        <v>0</v>
      </c>
      <c r="AL8" s="312">
        <v>0</v>
      </c>
      <c r="AM8" s="313">
        <v>11</v>
      </c>
      <c r="AN8" s="313">
        <v>15</v>
      </c>
      <c r="AO8" s="313">
        <v>17</v>
      </c>
      <c r="AP8" s="313">
        <v>5</v>
      </c>
      <c r="AQ8" s="313">
        <v>5</v>
      </c>
      <c r="AR8" s="310">
        <v>53</v>
      </c>
      <c r="AS8" s="315">
        <v>53</v>
      </c>
      <c r="AT8" s="309">
        <v>2</v>
      </c>
      <c r="AU8" s="313">
        <v>4</v>
      </c>
      <c r="AV8" s="310">
        <v>6</v>
      </c>
      <c r="AW8" s="312">
        <v>0</v>
      </c>
      <c r="AX8" s="313">
        <v>14</v>
      </c>
      <c r="AY8" s="313">
        <v>8</v>
      </c>
      <c r="AZ8" s="313">
        <v>9</v>
      </c>
      <c r="BA8" s="313">
        <v>6</v>
      </c>
      <c r="BB8" s="313">
        <v>1</v>
      </c>
      <c r="BC8" s="310">
        <v>38</v>
      </c>
      <c r="BD8" s="315">
        <v>44</v>
      </c>
      <c r="BE8" s="309">
        <v>0</v>
      </c>
      <c r="BF8" s="313">
        <v>0</v>
      </c>
      <c r="BG8" s="310">
        <v>0</v>
      </c>
      <c r="BH8" s="312">
        <v>0</v>
      </c>
      <c r="BI8" s="313">
        <v>17</v>
      </c>
      <c r="BJ8" s="313">
        <v>27</v>
      </c>
      <c r="BK8" s="313">
        <v>28</v>
      </c>
      <c r="BL8" s="313">
        <v>12</v>
      </c>
      <c r="BM8" s="313">
        <v>12</v>
      </c>
      <c r="BN8" s="314">
        <v>96</v>
      </c>
      <c r="BO8" s="315">
        <v>96</v>
      </c>
      <c r="BP8" s="309">
        <v>0</v>
      </c>
      <c r="BQ8" s="313">
        <v>0</v>
      </c>
      <c r="BR8" s="310">
        <v>0</v>
      </c>
      <c r="BS8" s="312">
        <v>0</v>
      </c>
      <c r="BT8" s="313">
        <v>0</v>
      </c>
      <c r="BU8" s="313">
        <v>0</v>
      </c>
      <c r="BV8" s="313">
        <v>0</v>
      </c>
      <c r="BW8" s="313">
        <v>0</v>
      </c>
      <c r="BX8" s="313">
        <v>0</v>
      </c>
      <c r="BY8" s="310">
        <v>0</v>
      </c>
      <c r="BZ8" s="315">
        <v>0</v>
      </c>
      <c r="CA8" s="309">
        <v>0</v>
      </c>
      <c r="CB8" s="313">
        <v>0</v>
      </c>
      <c r="CC8" s="310">
        <v>0</v>
      </c>
      <c r="CD8" s="312">
        <v>0</v>
      </c>
      <c r="CE8" s="313">
        <v>1</v>
      </c>
      <c r="CF8" s="313">
        <v>0</v>
      </c>
      <c r="CG8" s="313">
        <v>5</v>
      </c>
      <c r="CH8" s="313">
        <v>8</v>
      </c>
      <c r="CI8" s="313">
        <v>1</v>
      </c>
      <c r="CJ8" s="310">
        <v>15</v>
      </c>
      <c r="CK8" s="315">
        <v>15</v>
      </c>
      <c r="CL8" s="309">
        <v>0</v>
      </c>
      <c r="CM8" s="313">
        <v>0</v>
      </c>
      <c r="CN8" s="310">
        <v>0</v>
      </c>
      <c r="CO8" s="312">
        <v>0</v>
      </c>
      <c r="CP8" s="313">
        <v>2</v>
      </c>
      <c r="CQ8" s="313">
        <v>8</v>
      </c>
      <c r="CR8" s="313">
        <v>5</v>
      </c>
      <c r="CS8" s="313">
        <v>6</v>
      </c>
      <c r="CT8" s="313">
        <v>3</v>
      </c>
      <c r="CU8" s="310">
        <v>24</v>
      </c>
      <c r="CV8" s="315">
        <v>24</v>
      </c>
    </row>
    <row r="9" spans="1:100" ht="21" customHeight="1" x14ac:dyDescent="0.2">
      <c r="A9" s="294" t="s">
        <v>14</v>
      </c>
      <c r="B9" s="309">
        <v>0</v>
      </c>
      <c r="C9" s="310">
        <v>0</v>
      </c>
      <c r="D9" s="311">
        <v>0</v>
      </c>
      <c r="E9" s="312">
        <v>0</v>
      </c>
      <c r="F9" s="313">
        <v>0</v>
      </c>
      <c r="G9" s="313">
        <v>1</v>
      </c>
      <c r="H9" s="313">
        <v>1</v>
      </c>
      <c r="I9" s="313">
        <v>2</v>
      </c>
      <c r="J9" s="313">
        <v>3</v>
      </c>
      <c r="K9" s="314">
        <v>7</v>
      </c>
      <c r="L9" s="315">
        <v>7</v>
      </c>
      <c r="M9" s="309">
        <v>0</v>
      </c>
      <c r="N9" s="313">
        <v>0</v>
      </c>
      <c r="O9" s="310">
        <v>0</v>
      </c>
      <c r="P9" s="312">
        <v>0</v>
      </c>
      <c r="Q9" s="313">
        <v>0</v>
      </c>
      <c r="R9" s="313">
        <v>0</v>
      </c>
      <c r="S9" s="313">
        <v>0</v>
      </c>
      <c r="T9" s="313">
        <v>1</v>
      </c>
      <c r="U9" s="313">
        <v>0</v>
      </c>
      <c r="V9" s="310">
        <v>1</v>
      </c>
      <c r="W9" s="315">
        <v>1</v>
      </c>
      <c r="X9" s="309">
        <v>0</v>
      </c>
      <c r="Y9" s="313">
        <v>0</v>
      </c>
      <c r="Z9" s="310">
        <v>0</v>
      </c>
      <c r="AA9" s="312">
        <v>0</v>
      </c>
      <c r="AB9" s="313">
        <v>48</v>
      </c>
      <c r="AC9" s="313">
        <v>45</v>
      </c>
      <c r="AD9" s="313">
        <v>18</v>
      </c>
      <c r="AE9" s="313">
        <v>6</v>
      </c>
      <c r="AF9" s="313">
        <v>4</v>
      </c>
      <c r="AG9" s="310">
        <v>121</v>
      </c>
      <c r="AH9" s="315">
        <v>121</v>
      </c>
      <c r="AI9" s="309">
        <v>0</v>
      </c>
      <c r="AJ9" s="313">
        <v>0</v>
      </c>
      <c r="AK9" s="310">
        <v>0</v>
      </c>
      <c r="AL9" s="312">
        <v>0</v>
      </c>
      <c r="AM9" s="313">
        <v>1</v>
      </c>
      <c r="AN9" s="313">
        <v>1</v>
      </c>
      <c r="AO9" s="313">
        <v>1</v>
      </c>
      <c r="AP9" s="313">
        <v>1</v>
      </c>
      <c r="AQ9" s="313">
        <v>2</v>
      </c>
      <c r="AR9" s="310">
        <v>6</v>
      </c>
      <c r="AS9" s="315">
        <v>6</v>
      </c>
      <c r="AT9" s="309">
        <v>1</v>
      </c>
      <c r="AU9" s="313">
        <v>0</v>
      </c>
      <c r="AV9" s="310">
        <v>1</v>
      </c>
      <c r="AW9" s="312">
        <v>0</v>
      </c>
      <c r="AX9" s="313">
        <v>2</v>
      </c>
      <c r="AY9" s="313">
        <v>5</v>
      </c>
      <c r="AZ9" s="313">
        <v>5</v>
      </c>
      <c r="BA9" s="313">
        <v>1</v>
      </c>
      <c r="BB9" s="313">
        <v>1</v>
      </c>
      <c r="BC9" s="310">
        <v>14</v>
      </c>
      <c r="BD9" s="315">
        <v>15</v>
      </c>
      <c r="BE9" s="309">
        <v>0</v>
      </c>
      <c r="BF9" s="313">
        <v>0</v>
      </c>
      <c r="BG9" s="310">
        <v>0</v>
      </c>
      <c r="BH9" s="312">
        <v>0</v>
      </c>
      <c r="BI9" s="313">
        <v>9</v>
      </c>
      <c r="BJ9" s="313">
        <v>8</v>
      </c>
      <c r="BK9" s="313">
        <v>9</v>
      </c>
      <c r="BL9" s="313">
        <v>9</v>
      </c>
      <c r="BM9" s="313">
        <v>3</v>
      </c>
      <c r="BN9" s="314">
        <v>38</v>
      </c>
      <c r="BO9" s="315">
        <v>38</v>
      </c>
      <c r="BP9" s="309">
        <v>0</v>
      </c>
      <c r="BQ9" s="313">
        <v>0</v>
      </c>
      <c r="BR9" s="310">
        <v>0</v>
      </c>
      <c r="BS9" s="312">
        <v>0</v>
      </c>
      <c r="BT9" s="313">
        <v>0</v>
      </c>
      <c r="BU9" s="313">
        <v>0</v>
      </c>
      <c r="BV9" s="313">
        <v>0</v>
      </c>
      <c r="BW9" s="313">
        <v>0</v>
      </c>
      <c r="BX9" s="313">
        <v>0</v>
      </c>
      <c r="BY9" s="310">
        <v>0</v>
      </c>
      <c r="BZ9" s="315">
        <v>0</v>
      </c>
      <c r="CA9" s="309">
        <v>0</v>
      </c>
      <c r="CB9" s="313">
        <v>0</v>
      </c>
      <c r="CC9" s="310">
        <v>0</v>
      </c>
      <c r="CD9" s="312">
        <v>0</v>
      </c>
      <c r="CE9" s="313">
        <v>0</v>
      </c>
      <c r="CF9" s="313">
        <v>1</v>
      </c>
      <c r="CG9" s="313">
        <v>0</v>
      </c>
      <c r="CH9" s="313">
        <v>0</v>
      </c>
      <c r="CI9" s="313">
        <v>0</v>
      </c>
      <c r="CJ9" s="310">
        <v>1</v>
      </c>
      <c r="CK9" s="315">
        <v>1</v>
      </c>
      <c r="CL9" s="309">
        <v>0</v>
      </c>
      <c r="CM9" s="313">
        <v>0</v>
      </c>
      <c r="CN9" s="310">
        <v>0</v>
      </c>
      <c r="CO9" s="312">
        <v>0</v>
      </c>
      <c r="CP9" s="313">
        <v>1</v>
      </c>
      <c r="CQ9" s="313">
        <v>2</v>
      </c>
      <c r="CR9" s="313">
        <v>0</v>
      </c>
      <c r="CS9" s="313">
        <v>1</v>
      </c>
      <c r="CT9" s="313">
        <v>0</v>
      </c>
      <c r="CU9" s="310">
        <v>4</v>
      </c>
      <c r="CV9" s="315">
        <v>4</v>
      </c>
    </row>
    <row r="10" spans="1:100" ht="21" customHeight="1" x14ac:dyDescent="0.2">
      <c r="A10" s="294" t="s">
        <v>7</v>
      </c>
      <c r="B10" s="309">
        <v>0</v>
      </c>
      <c r="C10" s="310">
        <v>0</v>
      </c>
      <c r="D10" s="311">
        <v>0</v>
      </c>
      <c r="E10" s="312">
        <v>0</v>
      </c>
      <c r="F10" s="313">
        <v>0</v>
      </c>
      <c r="G10" s="313">
        <v>0</v>
      </c>
      <c r="H10" s="313">
        <v>1</v>
      </c>
      <c r="I10" s="313">
        <v>0</v>
      </c>
      <c r="J10" s="313">
        <v>0</v>
      </c>
      <c r="K10" s="314">
        <v>1</v>
      </c>
      <c r="L10" s="315">
        <v>1</v>
      </c>
      <c r="M10" s="309">
        <v>0</v>
      </c>
      <c r="N10" s="313">
        <v>0</v>
      </c>
      <c r="O10" s="310">
        <v>0</v>
      </c>
      <c r="P10" s="312">
        <v>0</v>
      </c>
      <c r="Q10" s="313">
        <v>0</v>
      </c>
      <c r="R10" s="313">
        <v>0</v>
      </c>
      <c r="S10" s="313">
        <v>0</v>
      </c>
      <c r="T10" s="313">
        <v>0</v>
      </c>
      <c r="U10" s="313">
        <v>0</v>
      </c>
      <c r="V10" s="310">
        <v>0</v>
      </c>
      <c r="W10" s="315">
        <v>0</v>
      </c>
      <c r="X10" s="309">
        <v>0</v>
      </c>
      <c r="Y10" s="313">
        <v>0</v>
      </c>
      <c r="Z10" s="310">
        <v>0</v>
      </c>
      <c r="AA10" s="312">
        <v>0</v>
      </c>
      <c r="AB10" s="313">
        <v>25</v>
      </c>
      <c r="AC10" s="313">
        <v>18</v>
      </c>
      <c r="AD10" s="313">
        <v>10</v>
      </c>
      <c r="AE10" s="313">
        <v>5</v>
      </c>
      <c r="AF10" s="313">
        <v>1</v>
      </c>
      <c r="AG10" s="310">
        <v>59</v>
      </c>
      <c r="AH10" s="315">
        <v>59</v>
      </c>
      <c r="AI10" s="309">
        <v>0</v>
      </c>
      <c r="AJ10" s="313">
        <v>0</v>
      </c>
      <c r="AK10" s="310">
        <v>0</v>
      </c>
      <c r="AL10" s="312">
        <v>0</v>
      </c>
      <c r="AM10" s="313">
        <v>2</v>
      </c>
      <c r="AN10" s="313">
        <v>3</v>
      </c>
      <c r="AO10" s="313">
        <v>4</v>
      </c>
      <c r="AP10" s="313">
        <v>3</v>
      </c>
      <c r="AQ10" s="313">
        <v>1</v>
      </c>
      <c r="AR10" s="310">
        <v>13</v>
      </c>
      <c r="AS10" s="315">
        <v>13</v>
      </c>
      <c r="AT10" s="309">
        <v>0</v>
      </c>
      <c r="AU10" s="313">
        <v>0</v>
      </c>
      <c r="AV10" s="310">
        <v>0</v>
      </c>
      <c r="AW10" s="312">
        <v>0</v>
      </c>
      <c r="AX10" s="313">
        <v>0</v>
      </c>
      <c r="AY10" s="313">
        <v>2</v>
      </c>
      <c r="AZ10" s="313">
        <v>1</v>
      </c>
      <c r="BA10" s="313">
        <v>1</v>
      </c>
      <c r="BB10" s="313">
        <v>0</v>
      </c>
      <c r="BC10" s="310">
        <v>4</v>
      </c>
      <c r="BD10" s="315">
        <v>4</v>
      </c>
      <c r="BE10" s="309">
        <v>0</v>
      </c>
      <c r="BF10" s="313">
        <v>0</v>
      </c>
      <c r="BG10" s="310">
        <v>0</v>
      </c>
      <c r="BH10" s="312">
        <v>0</v>
      </c>
      <c r="BI10" s="313">
        <v>4</v>
      </c>
      <c r="BJ10" s="313">
        <v>2</v>
      </c>
      <c r="BK10" s="313">
        <v>9</v>
      </c>
      <c r="BL10" s="313">
        <v>2</v>
      </c>
      <c r="BM10" s="313">
        <v>1</v>
      </c>
      <c r="BN10" s="314">
        <v>18</v>
      </c>
      <c r="BO10" s="315">
        <v>18</v>
      </c>
      <c r="BP10" s="309">
        <v>0</v>
      </c>
      <c r="BQ10" s="313">
        <v>0</v>
      </c>
      <c r="BR10" s="310">
        <v>0</v>
      </c>
      <c r="BS10" s="312">
        <v>0</v>
      </c>
      <c r="BT10" s="313">
        <v>0</v>
      </c>
      <c r="BU10" s="313">
        <v>0</v>
      </c>
      <c r="BV10" s="313">
        <v>0</v>
      </c>
      <c r="BW10" s="313">
        <v>0</v>
      </c>
      <c r="BX10" s="313">
        <v>0</v>
      </c>
      <c r="BY10" s="310">
        <v>0</v>
      </c>
      <c r="BZ10" s="315">
        <v>0</v>
      </c>
      <c r="CA10" s="309">
        <v>0</v>
      </c>
      <c r="CB10" s="313">
        <v>0</v>
      </c>
      <c r="CC10" s="310">
        <v>0</v>
      </c>
      <c r="CD10" s="312">
        <v>0</v>
      </c>
      <c r="CE10" s="313">
        <v>0</v>
      </c>
      <c r="CF10" s="313">
        <v>0</v>
      </c>
      <c r="CG10" s="313">
        <v>0</v>
      </c>
      <c r="CH10" s="313">
        <v>0</v>
      </c>
      <c r="CI10" s="313">
        <v>0</v>
      </c>
      <c r="CJ10" s="310">
        <v>0</v>
      </c>
      <c r="CK10" s="315">
        <v>0</v>
      </c>
      <c r="CL10" s="309">
        <v>0</v>
      </c>
      <c r="CM10" s="313">
        <v>0</v>
      </c>
      <c r="CN10" s="310">
        <v>0</v>
      </c>
      <c r="CO10" s="312">
        <v>0</v>
      </c>
      <c r="CP10" s="313">
        <v>0</v>
      </c>
      <c r="CQ10" s="313">
        <v>0</v>
      </c>
      <c r="CR10" s="313">
        <v>0</v>
      </c>
      <c r="CS10" s="313">
        <v>1</v>
      </c>
      <c r="CT10" s="313">
        <v>1</v>
      </c>
      <c r="CU10" s="310">
        <v>2</v>
      </c>
      <c r="CV10" s="315">
        <v>2</v>
      </c>
    </row>
    <row r="11" spans="1:100" ht="21" customHeight="1" x14ac:dyDescent="0.2">
      <c r="A11" s="294" t="s">
        <v>8</v>
      </c>
      <c r="B11" s="309">
        <v>0</v>
      </c>
      <c r="C11" s="310">
        <v>0</v>
      </c>
      <c r="D11" s="311">
        <v>0</v>
      </c>
      <c r="E11" s="312">
        <v>0</v>
      </c>
      <c r="F11" s="313">
        <v>1</v>
      </c>
      <c r="G11" s="313">
        <v>1</v>
      </c>
      <c r="H11" s="313">
        <v>0</v>
      </c>
      <c r="I11" s="313">
        <v>1</v>
      </c>
      <c r="J11" s="313">
        <v>0</v>
      </c>
      <c r="K11" s="314">
        <v>3</v>
      </c>
      <c r="L11" s="315">
        <v>3</v>
      </c>
      <c r="M11" s="309">
        <v>0</v>
      </c>
      <c r="N11" s="313">
        <v>0</v>
      </c>
      <c r="O11" s="310">
        <v>0</v>
      </c>
      <c r="P11" s="312">
        <v>0</v>
      </c>
      <c r="Q11" s="313">
        <v>0</v>
      </c>
      <c r="R11" s="313">
        <v>0</v>
      </c>
      <c r="S11" s="313">
        <v>0</v>
      </c>
      <c r="T11" s="313">
        <v>0</v>
      </c>
      <c r="U11" s="313">
        <v>0</v>
      </c>
      <c r="V11" s="310">
        <v>0</v>
      </c>
      <c r="W11" s="315">
        <v>0</v>
      </c>
      <c r="X11" s="309">
        <v>0</v>
      </c>
      <c r="Y11" s="313">
        <v>0</v>
      </c>
      <c r="Z11" s="310">
        <v>0</v>
      </c>
      <c r="AA11" s="312">
        <v>0</v>
      </c>
      <c r="AB11" s="313">
        <v>24</v>
      </c>
      <c r="AC11" s="313">
        <v>23</v>
      </c>
      <c r="AD11" s="313">
        <v>7</v>
      </c>
      <c r="AE11" s="313">
        <v>5</v>
      </c>
      <c r="AF11" s="313">
        <v>0</v>
      </c>
      <c r="AG11" s="310">
        <v>59</v>
      </c>
      <c r="AH11" s="315">
        <v>59</v>
      </c>
      <c r="AI11" s="309">
        <v>0</v>
      </c>
      <c r="AJ11" s="313">
        <v>0</v>
      </c>
      <c r="AK11" s="310">
        <v>0</v>
      </c>
      <c r="AL11" s="312">
        <v>0</v>
      </c>
      <c r="AM11" s="313">
        <v>0</v>
      </c>
      <c r="AN11" s="313">
        <v>1</v>
      </c>
      <c r="AO11" s="313">
        <v>0</v>
      </c>
      <c r="AP11" s="313">
        <v>0</v>
      </c>
      <c r="AQ11" s="313">
        <v>0</v>
      </c>
      <c r="AR11" s="310">
        <v>1</v>
      </c>
      <c r="AS11" s="315">
        <v>1</v>
      </c>
      <c r="AT11" s="309">
        <v>1</v>
      </c>
      <c r="AU11" s="313">
        <v>0</v>
      </c>
      <c r="AV11" s="310">
        <v>1</v>
      </c>
      <c r="AW11" s="312">
        <v>0</v>
      </c>
      <c r="AX11" s="313">
        <v>2</v>
      </c>
      <c r="AY11" s="313">
        <v>0</v>
      </c>
      <c r="AZ11" s="313">
        <v>1</v>
      </c>
      <c r="BA11" s="313">
        <v>1</v>
      </c>
      <c r="BB11" s="313">
        <v>0</v>
      </c>
      <c r="BC11" s="310">
        <v>4</v>
      </c>
      <c r="BD11" s="315">
        <v>5</v>
      </c>
      <c r="BE11" s="309">
        <v>0</v>
      </c>
      <c r="BF11" s="313">
        <v>0</v>
      </c>
      <c r="BG11" s="310">
        <v>0</v>
      </c>
      <c r="BH11" s="312">
        <v>0</v>
      </c>
      <c r="BI11" s="313">
        <v>0</v>
      </c>
      <c r="BJ11" s="313">
        <v>2</v>
      </c>
      <c r="BK11" s="313">
        <v>0</v>
      </c>
      <c r="BL11" s="313">
        <v>7</v>
      </c>
      <c r="BM11" s="313">
        <v>0</v>
      </c>
      <c r="BN11" s="314">
        <v>9</v>
      </c>
      <c r="BO11" s="315">
        <v>9</v>
      </c>
      <c r="BP11" s="309">
        <v>0</v>
      </c>
      <c r="BQ11" s="313">
        <v>0</v>
      </c>
      <c r="BR11" s="310">
        <v>0</v>
      </c>
      <c r="BS11" s="312">
        <v>0</v>
      </c>
      <c r="BT11" s="313">
        <v>0</v>
      </c>
      <c r="BU11" s="313">
        <v>0</v>
      </c>
      <c r="BV11" s="313">
        <v>0</v>
      </c>
      <c r="BW11" s="313">
        <v>1</v>
      </c>
      <c r="BX11" s="313">
        <v>1</v>
      </c>
      <c r="BY11" s="310">
        <v>2</v>
      </c>
      <c r="BZ11" s="315">
        <v>2</v>
      </c>
      <c r="CA11" s="309">
        <v>0</v>
      </c>
      <c r="CB11" s="313">
        <v>0</v>
      </c>
      <c r="CC11" s="310">
        <v>0</v>
      </c>
      <c r="CD11" s="312">
        <v>0</v>
      </c>
      <c r="CE11" s="313">
        <v>0</v>
      </c>
      <c r="CF11" s="313">
        <v>0</v>
      </c>
      <c r="CG11" s="313">
        <v>0</v>
      </c>
      <c r="CH11" s="313">
        <v>1</v>
      </c>
      <c r="CI11" s="313">
        <v>1</v>
      </c>
      <c r="CJ11" s="310">
        <v>2</v>
      </c>
      <c r="CK11" s="315">
        <v>2</v>
      </c>
      <c r="CL11" s="309">
        <v>0</v>
      </c>
      <c r="CM11" s="313">
        <v>0</v>
      </c>
      <c r="CN11" s="310">
        <v>0</v>
      </c>
      <c r="CO11" s="312">
        <v>0</v>
      </c>
      <c r="CP11" s="313">
        <v>0</v>
      </c>
      <c r="CQ11" s="313">
        <v>1</v>
      </c>
      <c r="CR11" s="313">
        <v>0</v>
      </c>
      <c r="CS11" s="313">
        <v>1</v>
      </c>
      <c r="CT11" s="313">
        <v>0</v>
      </c>
      <c r="CU11" s="310">
        <v>2</v>
      </c>
      <c r="CV11" s="315">
        <v>2</v>
      </c>
    </row>
    <row r="12" spans="1:100" ht="21" customHeight="1" x14ac:dyDescent="0.2">
      <c r="A12" s="294" t="s">
        <v>9</v>
      </c>
      <c r="B12" s="309">
        <v>0</v>
      </c>
      <c r="C12" s="310">
        <v>0</v>
      </c>
      <c r="D12" s="311">
        <v>0</v>
      </c>
      <c r="E12" s="312">
        <v>0</v>
      </c>
      <c r="F12" s="313">
        <v>0</v>
      </c>
      <c r="G12" s="313">
        <v>1</v>
      </c>
      <c r="H12" s="313">
        <v>0</v>
      </c>
      <c r="I12" s="313">
        <v>4</v>
      </c>
      <c r="J12" s="313">
        <v>2</v>
      </c>
      <c r="K12" s="314">
        <v>7</v>
      </c>
      <c r="L12" s="315">
        <v>7</v>
      </c>
      <c r="M12" s="309">
        <v>0</v>
      </c>
      <c r="N12" s="313">
        <v>0</v>
      </c>
      <c r="O12" s="310">
        <v>0</v>
      </c>
      <c r="P12" s="312">
        <v>0</v>
      </c>
      <c r="Q12" s="313">
        <v>0</v>
      </c>
      <c r="R12" s="313">
        <v>0</v>
      </c>
      <c r="S12" s="313">
        <v>0</v>
      </c>
      <c r="T12" s="313">
        <v>0</v>
      </c>
      <c r="U12" s="313">
        <v>0</v>
      </c>
      <c r="V12" s="310">
        <v>0</v>
      </c>
      <c r="W12" s="315">
        <v>0</v>
      </c>
      <c r="X12" s="309">
        <v>0</v>
      </c>
      <c r="Y12" s="313">
        <v>0</v>
      </c>
      <c r="Z12" s="310">
        <v>0</v>
      </c>
      <c r="AA12" s="312">
        <v>0</v>
      </c>
      <c r="AB12" s="313">
        <v>33</v>
      </c>
      <c r="AC12" s="313">
        <v>31</v>
      </c>
      <c r="AD12" s="313">
        <v>19</v>
      </c>
      <c r="AE12" s="313">
        <v>11</v>
      </c>
      <c r="AF12" s="313">
        <v>2</v>
      </c>
      <c r="AG12" s="310">
        <v>96</v>
      </c>
      <c r="AH12" s="315">
        <v>96</v>
      </c>
      <c r="AI12" s="309">
        <v>0</v>
      </c>
      <c r="AJ12" s="313">
        <v>0</v>
      </c>
      <c r="AK12" s="310">
        <v>0</v>
      </c>
      <c r="AL12" s="312">
        <v>0</v>
      </c>
      <c r="AM12" s="313">
        <v>1</v>
      </c>
      <c r="AN12" s="313">
        <v>1</v>
      </c>
      <c r="AO12" s="313">
        <v>0</v>
      </c>
      <c r="AP12" s="313">
        <v>0</v>
      </c>
      <c r="AQ12" s="313">
        <v>0</v>
      </c>
      <c r="AR12" s="310">
        <v>2</v>
      </c>
      <c r="AS12" s="315">
        <v>2</v>
      </c>
      <c r="AT12" s="309">
        <v>1</v>
      </c>
      <c r="AU12" s="313">
        <v>1</v>
      </c>
      <c r="AV12" s="310">
        <v>2</v>
      </c>
      <c r="AW12" s="312">
        <v>0</v>
      </c>
      <c r="AX12" s="313">
        <v>2</v>
      </c>
      <c r="AY12" s="313">
        <v>3</v>
      </c>
      <c r="AZ12" s="313">
        <v>3</v>
      </c>
      <c r="BA12" s="313">
        <v>3</v>
      </c>
      <c r="BB12" s="313">
        <v>1</v>
      </c>
      <c r="BC12" s="310">
        <v>12</v>
      </c>
      <c r="BD12" s="315">
        <v>14</v>
      </c>
      <c r="BE12" s="309">
        <v>0</v>
      </c>
      <c r="BF12" s="313">
        <v>0</v>
      </c>
      <c r="BG12" s="310">
        <v>0</v>
      </c>
      <c r="BH12" s="312">
        <v>0</v>
      </c>
      <c r="BI12" s="313">
        <v>0</v>
      </c>
      <c r="BJ12" s="313">
        <v>5</v>
      </c>
      <c r="BK12" s="313">
        <v>3</v>
      </c>
      <c r="BL12" s="313">
        <v>3</v>
      </c>
      <c r="BM12" s="313">
        <v>1</v>
      </c>
      <c r="BN12" s="314">
        <v>12</v>
      </c>
      <c r="BO12" s="315">
        <v>12</v>
      </c>
      <c r="BP12" s="309">
        <v>0</v>
      </c>
      <c r="BQ12" s="313">
        <v>0</v>
      </c>
      <c r="BR12" s="310">
        <v>0</v>
      </c>
      <c r="BS12" s="312">
        <v>0</v>
      </c>
      <c r="BT12" s="313">
        <v>0</v>
      </c>
      <c r="BU12" s="313">
        <v>2</v>
      </c>
      <c r="BV12" s="313">
        <v>0</v>
      </c>
      <c r="BW12" s="313">
        <v>1</v>
      </c>
      <c r="BX12" s="313">
        <v>0</v>
      </c>
      <c r="BY12" s="310">
        <v>3</v>
      </c>
      <c r="BZ12" s="315">
        <v>3</v>
      </c>
      <c r="CA12" s="309">
        <v>0</v>
      </c>
      <c r="CB12" s="313">
        <v>0</v>
      </c>
      <c r="CC12" s="310">
        <v>0</v>
      </c>
      <c r="CD12" s="312">
        <v>0</v>
      </c>
      <c r="CE12" s="313">
        <v>0</v>
      </c>
      <c r="CF12" s="313">
        <v>0</v>
      </c>
      <c r="CG12" s="313">
        <v>0</v>
      </c>
      <c r="CH12" s="313">
        <v>0</v>
      </c>
      <c r="CI12" s="313">
        <v>0</v>
      </c>
      <c r="CJ12" s="310">
        <v>0</v>
      </c>
      <c r="CK12" s="315">
        <v>0</v>
      </c>
      <c r="CL12" s="309">
        <v>0</v>
      </c>
      <c r="CM12" s="313">
        <v>0</v>
      </c>
      <c r="CN12" s="310">
        <v>0</v>
      </c>
      <c r="CO12" s="312">
        <v>0</v>
      </c>
      <c r="CP12" s="313">
        <v>0</v>
      </c>
      <c r="CQ12" s="313">
        <v>1</v>
      </c>
      <c r="CR12" s="313">
        <v>2</v>
      </c>
      <c r="CS12" s="313">
        <v>2</v>
      </c>
      <c r="CT12" s="313">
        <v>3</v>
      </c>
      <c r="CU12" s="310">
        <v>8</v>
      </c>
      <c r="CV12" s="315">
        <v>8</v>
      </c>
    </row>
    <row r="13" spans="1:100" ht="21" customHeight="1" x14ac:dyDescent="0.2">
      <c r="A13" s="294" t="s">
        <v>10</v>
      </c>
      <c r="B13" s="309">
        <v>0</v>
      </c>
      <c r="C13" s="310">
        <v>0</v>
      </c>
      <c r="D13" s="311">
        <v>0</v>
      </c>
      <c r="E13" s="312">
        <v>0</v>
      </c>
      <c r="F13" s="313">
        <v>1</v>
      </c>
      <c r="G13" s="313">
        <v>2</v>
      </c>
      <c r="H13" s="313">
        <v>0</v>
      </c>
      <c r="I13" s="313">
        <v>2</v>
      </c>
      <c r="J13" s="313">
        <v>2</v>
      </c>
      <c r="K13" s="314">
        <v>7</v>
      </c>
      <c r="L13" s="315">
        <v>7</v>
      </c>
      <c r="M13" s="309">
        <v>0</v>
      </c>
      <c r="N13" s="313">
        <v>0</v>
      </c>
      <c r="O13" s="310">
        <v>0</v>
      </c>
      <c r="P13" s="312">
        <v>0</v>
      </c>
      <c r="Q13" s="313">
        <v>0</v>
      </c>
      <c r="R13" s="313">
        <v>0</v>
      </c>
      <c r="S13" s="313">
        <v>1</v>
      </c>
      <c r="T13" s="313">
        <v>0</v>
      </c>
      <c r="U13" s="313">
        <v>2</v>
      </c>
      <c r="V13" s="310">
        <v>3</v>
      </c>
      <c r="W13" s="315">
        <v>3</v>
      </c>
      <c r="X13" s="309">
        <v>0</v>
      </c>
      <c r="Y13" s="313">
        <v>0</v>
      </c>
      <c r="Z13" s="310">
        <v>0</v>
      </c>
      <c r="AA13" s="312">
        <v>0</v>
      </c>
      <c r="AB13" s="313">
        <v>46</v>
      </c>
      <c r="AC13" s="313">
        <v>8</v>
      </c>
      <c r="AD13" s="313">
        <v>9</v>
      </c>
      <c r="AE13" s="313">
        <v>5</v>
      </c>
      <c r="AF13" s="313">
        <v>1</v>
      </c>
      <c r="AG13" s="310">
        <v>69</v>
      </c>
      <c r="AH13" s="315">
        <v>69</v>
      </c>
      <c r="AI13" s="309">
        <v>0</v>
      </c>
      <c r="AJ13" s="313">
        <v>0</v>
      </c>
      <c r="AK13" s="310">
        <v>0</v>
      </c>
      <c r="AL13" s="312">
        <v>0</v>
      </c>
      <c r="AM13" s="313">
        <v>2</v>
      </c>
      <c r="AN13" s="313">
        <v>2</v>
      </c>
      <c r="AO13" s="313">
        <v>1</v>
      </c>
      <c r="AP13" s="313">
        <v>1</v>
      </c>
      <c r="AQ13" s="313">
        <v>1</v>
      </c>
      <c r="AR13" s="310">
        <v>7</v>
      </c>
      <c r="AS13" s="315">
        <v>7</v>
      </c>
      <c r="AT13" s="309">
        <v>1</v>
      </c>
      <c r="AU13" s="313">
        <v>2</v>
      </c>
      <c r="AV13" s="310">
        <v>3</v>
      </c>
      <c r="AW13" s="312">
        <v>0</v>
      </c>
      <c r="AX13" s="313">
        <v>3</v>
      </c>
      <c r="AY13" s="313">
        <v>2</v>
      </c>
      <c r="AZ13" s="313">
        <v>3</v>
      </c>
      <c r="BA13" s="313">
        <v>3</v>
      </c>
      <c r="BB13" s="313">
        <v>1</v>
      </c>
      <c r="BC13" s="310">
        <v>12</v>
      </c>
      <c r="BD13" s="315">
        <v>15</v>
      </c>
      <c r="BE13" s="309">
        <v>0</v>
      </c>
      <c r="BF13" s="313">
        <v>0</v>
      </c>
      <c r="BG13" s="310">
        <v>0</v>
      </c>
      <c r="BH13" s="312">
        <v>0</v>
      </c>
      <c r="BI13" s="313">
        <v>4</v>
      </c>
      <c r="BJ13" s="313">
        <v>7</v>
      </c>
      <c r="BK13" s="313">
        <v>5</v>
      </c>
      <c r="BL13" s="313">
        <v>6</v>
      </c>
      <c r="BM13" s="313">
        <v>6</v>
      </c>
      <c r="BN13" s="314">
        <v>28</v>
      </c>
      <c r="BO13" s="315">
        <v>28</v>
      </c>
      <c r="BP13" s="309">
        <v>0</v>
      </c>
      <c r="BQ13" s="313">
        <v>0</v>
      </c>
      <c r="BR13" s="310">
        <v>0</v>
      </c>
      <c r="BS13" s="312">
        <v>0</v>
      </c>
      <c r="BT13" s="313">
        <v>1</v>
      </c>
      <c r="BU13" s="313">
        <v>3</v>
      </c>
      <c r="BV13" s="313">
        <v>8</v>
      </c>
      <c r="BW13" s="313">
        <v>3</v>
      </c>
      <c r="BX13" s="313">
        <v>6</v>
      </c>
      <c r="BY13" s="310">
        <v>21</v>
      </c>
      <c r="BZ13" s="315">
        <v>21</v>
      </c>
      <c r="CA13" s="309">
        <v>0</v>
      </c>
      <c r="CB13" s="313">
        <v>0</v>
      </c>
      <c r="CC13" s="310">
        <v>0</v>
      </c>
      <c r="CD13" s="312">
        <v>0</v>
      </c>
      <c r="CE13" s="313">
        <v>0</v>
      </c>
      <c r="CF13" s="313">
        <v>0</v>
      </c>
      <c r="CG13" s="313">
        <v>0</v>
      </c>
      <c r="CH13" s="313">
        <v>4</v>
      </c>
      <c r="CI13" s="313">
        <v>2</v>
      </c>
      <c r="CJ13" s="310">
        <v>6</v>
      </c>
      <c r="CK13" s="315">
        <v>6</v>
      </c>
      <c r="CL13" s="309">
        <v>0</v>
      </c>
      <c r="CM13" s="313">
        <v>0</v>
      </c>
      <c r="CN13" s="310">
        <v>0</v>
      </c>
      <c r="CO13" s="312">
        <v>0</v>
      </c>
      <c r="CP13" s="313">
        <v>0</v>
      </c>
      <c r="CQ13" s="313">
        <v>0</v>
      </c>
      <c r="CR13" s="313">
        <v>1</v>
      </c>
      <c r="CS13" s="313">
        <v>1</v>
      </c>
      <c r="CT13" s="313">
        <v>1</v>
      </c>
      <c r="CU13" s="310">
        <v>3</v>
      </c>
      <c r="CV13" s="315">
        <v>3</v>
      </c>
    </row>
    <row r="14" spans="1:100" ht="21" customHeight="1" x14ac:dyDescent="0.2">
      <c r="A14" s="294" t="s">
        <v>11</v>
      </c>
      <c r="B14" s="309">
        <v>0</v>
      </c>
      <c r="C14" s="310">
        <v>0</v>
      </c>
      <c r="D14" s="311">
        <v>0</v>
      </c>
      <c r="E14" s="312">
        <v>0</v>
      </c>
      <c r="F14" s="313">
        <v>0</v>
      </c>
      <c r="G14" s="313">
        <v>1</v>
      </c>
      <c r="H14" s="313">
        <v>2</v>
      </c>
      <c r="I14" s="313">
        <v>0</v>
      </c>
      <c r="J14" s="313">
        <v>1</v>
      </c>
      <c r="K14" s="314">
        <v>4</v>
      </c>
      <c r="L14" s="315">
        <v>4</v>
      </c>
      <c r="M14" s="309">
        <v>0</v>
      </c>
      <c r="N14" s="313">
        <v>0</v>
      </c>
      <c r="O14" s="310">
        <v>0</v>
      </c>
      <c r="P14" s="312">
        <v>0</v>
      </c>
      <c r="Q14" s="313">
        <v>1</v>
      </c>
      <c r="R14" s="313">
        <v>0</v>
      </c>
      <c r="S14" s="313">
        <v>0</v>
      </c>
      <c r="T14" s="313">
        <v>0</v>
      </c>
      <c r="U14" s="313">
        <v>0</v>
      </c>
      <c r="V14" s="310">
        <v>1</v>
      </c>
      <c r="W14" s="315">
        <v>1</v>
      </c>
      <c r="X14" s="309">
        <v>0</v>
      </c>
      <c r="Y14" s="313">
        <v>0</v>
      </c>
      <c r="Z14" s="310">
        <v>0</v>
      </c>
      <c r="AA14" s="312">
        <v>0</v>
      </c>
      <c r="AB14" s="313">
        <v>21</v>
      </c>
      <c r="AC14" s="313">
        <v>5</v>
      </c>
      <c r="AD14" s="313">
        <v>6</v>
      </c>
      <c r="AE14" s="313">
        <v>6</v>
      </c>
      <c r="AF14" s="313">
        <v>1</v>
      </c>
      <c r="AG14" s="310">
        <v>39</v>
      </c>
      <c r="AH14" s="315">
        <v>39</v>
      </c>
      <c r="AI14" s="309">
        <v>0</v>
      </c>
      <c r="AJ14" s="313">
        <v>0</v>
      </c>
      <c r="AK14" s="310">
        <v>0</v>
      </c>
      <c r="AL14" s="312">
        <v>0</v>
      </c>
      <c r="AM14" s="313">
        <v>0</v>
      </c>
      <c r="AN14" s="313">
        <v>0</v>
      </c>
      <c r="AO14" s="313">
        <v>0</v>
      </c>
      <c r="AP14" s="313">
        <v>0</v>
      </c>
      <c r="AQ14" s="313">
        <v>2</v>
      </c>
      <c r="AR14" s="310">
        <v>2</v>
      </c>
      <c r="AS14" s="315">
        <v>2</v>
      </c>
      <c r="AT14" s="309">
        <v>0</v>
      </c>
      <c r="AU14" s="313">
        <v>0</v>
      </c>
      <c r="AV14" s="310">
        <v>0</v>
      </c>
      <c r="AW14" s="312">
        <v>0</v>
      </c>
      <c r="AX14" s="313">
        <v>1</v>
      </c>
      <c r="AY14" s="313">
        <v>1</v>
      </c>
      <c r="AZ14" s="313">
        <v>1</v>
      </c>
      <c r="BA14" s="313">
        <v>0</v>
      </c>
      <c r="BB14" s="313">
        <v>0</v>
      </c>
      <c r="BC14" s="310">
        <v>3</v>
      </c>
      <c r="BD14" s="315">
        <v>3</v>
      </c>
      <c r="BE14" s="309">
        <v>0</v>
      </c>
      <c r="BF14" s="313">
        <v>0</v>
      </c>
      <c r="BG14" s="310">
        <v>0</v>
      </c>
      <c r="BH14" s="312">
        <v>0</v>
      </c>
      <c r="BI14" s="313">
        <v>0</v>
      </c>
      <c r="BJ14" s="313">
        <v>3</v>
      </c>
      <c r="BK14" s="313">
        <v>0</v>
      </c>
      <c r="BL14" s="313">
        <v>4</v>
      </c>
      <c r="BM14" s="313">
        <v>1</v>
      </c>
      <c r="BN14" s="314">
        <v>8</v>
      </c>
      <c r="BO14" s="315">
        <v>8</v>
      </c>
      <c r="BP14" s="309">
        <v>0</v>
      </c>
      <c r="BQ14" s="313">
        <v>0</v>
      </c>
      <c r="BR14" s="310">
        <v>0</v>
      </c>
      <c r="BS14" s="312">
        <v>0</v>
      </c>
      <c r="BT14" s="313">
        <v>0</v>
      </c>
      <c r="BU14" s="313">
        <v>0</v>
      </c>
      <c r="BV14" s="313">
        <v>0</v>
      </c>
      <c r="BW14" s="313">
        <v>0</v>
      </c>
      <c r="BX14" s="313">
        <v>0</v>
      </c>
      <c r="BY14" s="310">
        <v>0</v>
      </c>
      <c r="BZ14" s="315">
        <v>0</v>
      </c>
      <c r="CA14" s="309">
        <v>0</v>
      </c>
      <c r="CB14" s="313">
        <v>0</v>
      </c>
      <c r="CC14" s="310">
        <v>0</v>
      </c>
      <c r="CD14" s="312">
        <v>0</v>
      </c>
      <c r="CE14" s="313">
        <v>0</v>
      </c>
      <c r="CF14" s="313">
        <v>0</v>
      </c>
      <c r="CG14" s="313">
        <v>0</v>
      </c>
      <c r="CH14" s="313">
        <v>0</v>
      </c>
      <c r="CI14" s="313">
        <v>0</v>
      </c>
      <c r="CJ14" s="310">
        <v>0</v>
      </c>
      <c r="CK14" s="315">
        <v>0</v>
      </c>
      <c r="CL14" s="309">
        <v>0</v>
      </c>
      <c r="CM14" s="313">
        <v>0</v>
      </c>
      <c r="CN14" s="310">
        <v>0</v>
      </c>
      <c r="CO14" s="312">
        <v>0</v>
      </c>
      <c r="CP14" s="313">
        <v>0</v>
      </c>
      <c r="CQ14" s="313">
        <v>0</v>
      </c>
      <c r="CR14" s="313">
        <v>0</v>
      </c>
      <c r="CS14" s="313">
        <v>1</v>
      </c>
      <c r="CT14" s="313">
        <v>0</v>
      </c>
      <c r="CU14" s="310">
        <v>1</v>
      </c>
      <c r="CV14" s="315">
        <v>1</v>
      </c>
    </row>
    <row r="15" spans="1:100" ht="21" customHeight="1" x14ac:dyDescent="0.2">
      <c r="A15" s="294" t="s">
        <v>12</v>
      </c>
      <c r="B15" s="309">
        <v>0</v>
      </c>
      <c r="C15" s="310">
        <v>0</v>
      </c>
      <c r="D15" s="311">
        <v>0</v>
      </c>
      <c r="E15" s="312">
        <v>0</v>
      </c>
      <c r="F15" s="313">
        <v>0</v>
      </c>
      <c r="G15" s="313">
        <v>0</v>
      </c>
      <c r="H15" s="313">
        <v>0</v>
      </c>
      <c r="I15" s="313">
        <v>0</v>
      </c>
      <c r="J15" s="313">
        <v>0</v>
      </c>
      <c r="K15" s="314">
        <v>0</v>
      </c>
      <c r="L15" s="315">
        <v>0</v>
      </c>
      <c r="M15" s="309">
        <v>0</v>
      </c>
      <c r="N15" s="313">
        <v>0</v>
      </c>
      <c r="O15" s="310">
        <v>0</v>
      </c>
      <c r="P15" s="312">
        <v>0</v>
      </c>
      <c r="Q15" s="313">
        <v>0</v>
      </c>
      <c r="R15" s="313">
        <v>0</v>
      </c>
      <c r="S15" s="313">
        <v>0</v>
      </c>
      <c r="T15" s="313">
        <v>0</v>
      </c>
      <c r="U15" s="313">
        <v>0</v>
      </c>
      <c r="V15" s="310">
        <v>0</v>
      </c>
      <c r="W15" s="315">
        <v>0</v>
      </c>
      <c r="X15" s="309">
        <v>0</v>
      </c>
      <c r="Y15" s="313">
        <v>0</v>
      </c>
      <c r="Z15" s="310">
        <v>0</v>
      </c>
      <c r="AA15" s="312">
        <v>0</v>
      </c>
      <c r="AB15" s="313">
        <v>23</v>
      </c>
      <c r="AC15" s="313">
        <v>13</v>
      </c>
      <c r="AD15" s="313">
        <v>9</v>
      </c>
      <c r="AE15" s="313">
        <v>6</v>
      </c>
      <c r="AF15" s="313">
        <v>1</v>
      </c>
      <c r="AG15" s="310">
        <v>52</v>
      </c>
      <c r="AH15" s="315">
        <v>52</v>
      </c>
      <c r="AI15" s="309">
        <v>0</v>
      </c>
      <c r="AJ15" s="313">
        <v>0</v>
      </c>
      <c r="AK15" s="310">
        <v>0</v>
      </c>
      <c r="AL15" s="312">
        <v>0</v>
      </c>
      <c r="AM15" s="313">
        <v>1</v>
      </c>
      <c r="AN15" s="313">
        <v>0</v>
      </c>
      <c r="AO15" s="313">
        <v>0</v>
      </c>
      <c r="AP15" s="313">
        <v>0</v>
      </c>
      <c r="AQ15" s="313">
        <v>0</v>
      </c>
      <c r="AR15" s="310">
        <v>1</v>
      </c>
      <c r="AS15" s="315">
        <v>1</v>
      </c>
      <c r="AT15" s="309">
        <v>0</v>
      </c>
      <c r="AU15" s="313">
        <v>0</v>
      </c>
      <c r="AV15" s="310">
        <v>0</v>
      </c>
      <c r="AW15" s="312">
        <v>0</v>
      </c>
      <c r="AX15" s="313">
        <v>1</v>
      </c>
      <c r="AY15" s="313">
        <v>1</v>
      </c>
      <c r="AZ15" s="313">
        <v>2</v>
      </c>
      <c r="BA15" s="313">
        <v>1</v>
      </c>
      <c r="BB15" s="313">
        <v>0</v>
      </c>
      <c r="BC15" s="310">
        <v>5</v>
      </c>
      <c r="BD15" s="315">
        <v>5</v>
      </c>
      <c r="BE15" s="309">
        <v>0</v>
      </c>
      <c r="BF15" s="313">
        <v>0</v>
      </c>
      <c r="BG15" s="310">
        <v>0</v>
      </c>
      <c r="BH15" s="312">
        <v>0</v>
      </c>
      <c r="BI15" s="313">
        <v>5</v>
      </c>
      <c r="BJ15" s="313">
        <v>1</v>
      </c>
      <c r="BK15" s="313">
        <v>1</v>
      </c>
      <c r="BL15" s="313">
        <v>1</v>
      </c>
      <c r="BM15" s="313">
        <v>0</v>
      </c>
      <c r="BN15" s="314">
        <v>8</v>
      </c>
      <c r="BO15" s="315">
        <v>8</v>
      </c>
      <c r="BP15" s="309">
        <v>0</v>
      </c>
      <c r="BQ15" s="313">
        <v>0</v>
      </c>
      <c r="BR15" s="310">
        <v>0</v>
      </c>
      <c r="BS15" s="312">
        <v>0</v>
      </c>
      <c r="BT15" s="313">
        <v>1</v>
      </c>
      <c r="BU15" s="313">
        <v>2</v>
      </c>
      <c r="BV15" s="313">
        <v>0</v>
      </c>
      <c r="BW15" s="313">
        <v>1</v>
      </c>
      <c r="BX15" s="313">
        <v>1</v>
      </c>
      <c r="BY15" s="310">
        <v>5</v>
      </c>
      <c r="BZ15" s="315">
        <v>5</v>
      </c>
      <c r="CA15" s="309">
        <v>0</v>
      </c>
      <c r="CB15" s="313">
        <v>0</v>
      </c>
      <c r="CC15" s="310">
        <v>0</v>
      </c>
      <c r="CD15" s="312">
        <v>0</v>
      </c>
      <c r="CE15" s="313">
        <v>0</v>
      </c>
      <c r="CF15" s="313">
        <v>0</v>
      </c>
      <c r="CG15" s="313">
        <v>0</v>
      </c>
      <c r="CH15" s="313">
        <v>0</v>
      </c>
      <c r="CI15" s="313">
        <v>1</v>
      </c>
      <c r="CJ15" s="310">
        <v>1</v>
      </c>
      <c r="CK15" s="315">
        <v>1</v>
      </c>
      <c r="CL15" s="309">
        <v>0</v>
      </c>
      <c r="CM15" s="313">
        <v>0</v>
      </c>
      <c r="CN15" s="310">
        <v>0</v>
      </c>
      <c r="CO15" s="312">
        <v>0</v>
      </c>
      <c r="CP15" s="313">
        <v>0</v>
      </c>
      <c r="CQ15" s="313">
        <v>1</v>
      </c>
      <c r="CR15" s="313">
        <v>0</v>
      </c>
      <c r="CS15" s="313">
        <v>1</v>
      </c>
      <c r="CT15" s="313">
        <v>3</v>
      </c>
      <c r="CU15" s="310">
        <v>5</v>
      </c>
      <c r="CV15" s="315">
        <v>5</v>
      </c>
    </row>
    <row r="16" spans="1:100" ht="21" customHeight="1" x14ac:dyDescent="0.2">
      <c r="A16" s="294" t="s">
        <v>13</v>
      </c>
      <c r="B16" s="309">
        <v>0</v>
      </c>
      <c r="C16" s="310">
        <v>0</v>
      </c>
      <c r="D16" s="311">
        <v>0</v>
      </c>
      <c r="E16" s="312">
        <v>0</v>
      </c>
      <c r="F16" s="313">
        <v>0</v>
      </c>
      <c r="G16" s="313">
        <v>0</v>
      </c>
      <c r="H16" s="313">
        <v>0</v>
      </c>
      <c r="I16" s="313">
        <v>0</v>
      </c>
      <c r="J16" s="313">
        <v>0</v>
      </c>
      <c r="K16" s="314">
        <v>0</v>
      </c>
      <c r="L16" s="315">
        <v>0</v>
      </c>
      <c r="M16" s="309">
        <v>0</v>
      </c>
      <c r="N16" s="313">
        <v>0</v>
      </c>
      <c r="O16" s="310">
        <v>0</v>
      </c>
      <c r="P16" s="312">
        <v>0</v>
      </c>
      <c r="Q16" s="313">
        <v>0</v>
      </c>
      <c r="R16" s="313">
        <v>0</v>
      </c>
      <c r="S16" s="313">
        <v>0</v>
      </c>
      <c r="T16" s="313">
        <v>0</v>
      </c>
      <c r="U16" s="313">
        <v>0</v>
      </c>
      <c r="V16" s="310">
        <v>0</v>
      </c>
      <c r="W16" s="315">
        <v>0</v>
      </c>
      <c r="X16" s="309">
        <v>0</v>
      </c>
      <c r="Y16" s="313">
        <v>0</v>
      </c>
      <c r="Z16" s="310">
        <v>0</v>
      </c>
      <c r="AA16" s="312">
        <v>0</v>
      </c>
      <c r="AB16" s="313">
        <v>7</v>
      </c>
      <c r="AC16" s="313">
        <v>9</v>
      </c>
      <c r="AD16" s="313">
        <v>7</v>
      </c>
      <c r="AE16" s="313">
        <v>3</v>
      </c>
      <c r="AF16" s="313">
        <v>0</v>
      </c>
      <c r="AG16" s="310">
        <v>26</v>
      </c>
      <c r="AH16" s="315">
        <v>26</v>
      </c>
      <c r="AI16" s="309">
        <v>0</v>
      </c>
      <c r="AJ16" s="313">
        <v>0</v>
      </c>
      <c r="AK16" s="310">
        <v>0</v>
      </c>
      <c r="AL16" s="312">
        <v>0</v>
      </c>
      <c r="AM16" s="313">
        <v>0</v>
      </c>
      <c r="AN16" s="313">
        <v>0</v>
      </c>
      <c r="AO16" s="313">
        <v>0</v>
      </c>
      <c r="AP16" s="313">
        <v>0</v>
      </c>
      <c r="AQ16" s="313">
        <v>0</v>
      </c>
      <c r="AR16" s="310">
        <v>0</v>
      </c>
      <c r="AS16" s="315">
        <v>0</v>
      </c>
      <c r="AT16" s="309">
        <v>0</v>
      </c>
      <c r="AU16" s="313">
        <v>0</v>
      </c>
      <c r="AV16" s="310">
        <v>0</v>
      </c>
      <c r="AW16" s="312">
        <v>0</v>
      </c>
      <c r="AX16" s="313">
        <v>0</v>
      </c>
      <c r="AY16" s="313">
        <v>1</v>
      </c>
      <c r="AZ16" s="313">
        <v>0</v>
      </c>
      <c r="BA16" s="313">
        <v>0</v>
      </c>
      <c r="BB16" s="313">
        <v>0</v>
      </c>
      <c r="BC16" s="310">
        <v>1</v>
      </c>
      <c r="BD16" s="315">
        <v>1</v>
      </c>
      <c r="BE16" s="309">
        <v>0</v>
      </c>
      <c r="BF16" s="313">
        <v>0</v>
      </c>
      <c r="BG16" s="310">
        <v>0</v>
      </c>
      <c r="BH16" s="312">
        <v>0</v>
      </c>
      <c r="BI16" s="313">
        <v>0</v>
      </c>
      <c r="BJ16" s="313">
        <v>1</v>
      </c>
      <c r="BK16" s="313">
        <v>1</v>
      </c>
      <c r="BL16" s="313">
        <v>1</v>
      </c>
      <c r="BM16" s="313">
        <v>0</v>
      </c>
      <c r="BN16" s="314">
        <v>3</v>
      </c>
      <c r="BO16" s="315">
        <v>3</v>
      </c>
      <c r="BP16" s="309">
        <v>0</v>
      </c>
      <c r="BQ16" s="313">
        <v>0</v>
      </c>
      <c r="BR16" s="310">
        <v>0</v>
      </c>
      <c r="BS16" s="312">
        <v>0</v>
      </c>
      <c r="BT16" s="313">
        <v>0</v>
      </c>
      <c r="BU16" s="313">
        <v>0</v>
      </c>
      <c r="BV16" s="313">
        <v>2</v>
      </c>
      <c r="BW16" s="313">
        <v>1</v>
      </c>
      <c r="BX16" s="313">
        <v>0</v>
      </c>
      <c r="BY16" s="310">
        <v>3</v>
      </c>
      <c r="BZ16" s="315">
        <v>3</v>
      </c>
      <c r="CA16" s="309">
        <v>0</v>
      </c>
      <c r="CB16" s="313">
        <v>0</v>
      </c>
      <c r="CC16" s="310">
        <v>0</v>
      </c>
      <c r="CD16" s="312">
        <v>0</v>
      </c>
      <c r="CE16" s="313">
        <v>0</v>
      </c>
      <c r="CF16" s="313">
        <v>0</v>
      </c>
      <c r="CG16" s="313">
        <v>0</v>
      </c>
      <c r="CH16" s="313">
        <v>0</v>
      </c>
      <c r="CI16" s="313">
        <v>0</v>
      </c>
      <c r="CJ16" s="310">
        <v>0</v>
      </c>
      <c r="CK16" s="315">
        <v>0</v>
      </c>
      <c r="CL16" s="309">
        <v>0</v>
      </c>
      <c r="CM16" s="313">
        <v>0</v>
      </c>
      <c r="CN16" s="310">
        <v>0</v>
      </c>
      <c r="CO16" s="312">
        <v>0</v>
      </c>
      <c r="CP16" s="313">
        <v>0</v>
      </c>
      <c r="CQ16" s="313">
        <v>0</v>
      </c>
      <c r="CR16" s="313">
        <v>0</v>
      </c>
      <c r="CS16" s="313">
        <v>0</v>
      </c>
      <c r="CT16" s="313">
        <v>0</v>
      </c>
      <c r="CU16" s="310">
        <v>0</v>
      </c>
      <c r="CV16" s="315">
        <v>0</v>
      </c>
    </row>
    <row r="17" spans="1:100" ht="21" customHeight="1" x14ac:dyDescent="0.2">
      <c r="A17" s="294" t="s">
        <v>15</v>
      </c>
      <c r="B17" s="309">
        <v>0</v>
      </c>
      <c r="C17" s="310">
        <v>0</v>
      </c>
      <c r="D17" s="311">
        <v>0</v>
      </c>
      <c r="E17" s="312">
        <v>0</v>
      </c>
      <c r="F17" s="313">
        <v>0</v>
      </c>
      <c r="G17" s="313">
        <v>0</v>
      </c>
      <c r="H17" s="313">
        <v>0</v>
      </c>
      <c r="I17" s="313">
        <v>0</v>
      </c>
      <c r="J17" s="313">
        <v>0</v>
      </c>
      <c r="K17" s="314">
        <v>0</v>
      </c>
      <c r="L17" s="315">
        <v>0</v>
      </c>
      <c r="M17" s="309">
        <v>0</v>
      </c>
      <c r="N17" s="313">
        <v>0</v>
      </c>
      <c r="O17" s="310">
        <v>0</v>
      </c>
      <c r="P17" s="312">
        <v>0</v>
      </c>
      <c r="Q17" s="313">
        <v>0</v>
      </c>
      <c r="R17" s="313">
        <v>0</v>
      </c>
      <c r="S17" s="313">
        <v>0</v>
      </c>
      <c r="T17" s="313">
        <v>0</v>
      </c>
      <c r="U17" s="313">
        <v>0</v>
      </c>
      <c r="V17" s="310">
        <v>0</v>
      </c>
      <c r="W17" s="315">
        <v>0</v>
      </c>
      <c r="X17" s="309">
        <v>0</v>
      </c>
      <c r="Y17" s="313">
        <v>0</v>
      </c>
      <c r="Z17" s="310">
        <v>0</v>
      </c>
      <c r="AA17" s="312">
        <v>0</v>
      </c>
      <c r="AB17" s="313">
        <v>10</v>
      </c>
      <c r="AC17" s="313">
        <v>7</v>
      </c>
      <c r="AD17" s="313">
        <v>2</v>
      </c>
      <c r="AE17" s="313">
        <v>8</v>
      </c>
      <c r="AF17" s="313">
        <v>1</v>
      </c>
      <c r="AG17" s="310">
        <v>28</v>
      </c>
      <c r="AH17" s="315">
        <v>28</v>
      </c>
      <c r="AI17" s="309">
        <v>0</v>
      </c>
      <c r="AJ17" s="313">
        <v>0</v>
      </c>
      <c r="AK17" s="310">
        <v>0</v>
      </c>
      <c r="AL17" s="312">
        <v>0</v>
      </c>
      <c r="AM17" s="313">
        <v>0</v>
      </c>
      <c r="AN17" s="313">
        <v>0</v>
      </c>
      <c r="AO17" s="313">
        <v>1</v>
      </c>
      <c r="AP17" s="313">
        <v>0</v>
      </c>
      <c r="AQ17" s="313">
        <v>0</v>
      </c>
      <c r="AR17" s="310">
        <v>1</v>
      </c>
      <c r="AS17" s="315">
        <v>1</v>
      </c>
      <c r="AT17" s="309">
        <v>0</v>
      </c>
      <c r="AU17" s="313">
        <v>0</v>
      </c>
      <c r="AV17" s="310">
        <v>0</v>
      </c>
      <c r="AW17" s="312">
        <v>0</v>
      </c>
      <c r="AX17" s="313">
        <v>0</v>
      </c>
      <c r="AY17" s="313">
        <v>0</v>
      </c>
      <c r="AZ17" s="313">
        <v>0</v>
      </c>
      <c r="BA17" s="313">
        <v>0</v>
      </c>
      <c r="BB17" s="313">
        <v>0</v>
      </c>
      <c r="BC17" s="310">
        <v>0</v>
      </c>
      <c r="BD17" s="315">
        <v>0</v>
      </c>
      <c r="BE17" s="309">
        <v>0</v>
      </c>
      <c r="BF17" s="313">
        <v>0</v>
      </c>
      <c r="BG17" s="310">
        <v>0</v>
      </c>
      <c r="BH17" s="312">
        <v>0</v>
      </c>
      <c r="BI17" s="313">
        <v>0</v>
      </c>
      <c r="BJ17" s="313">
        <v>1</v>
      </c>
      <c r="BK17" s="313">
        <v>2</v>
      </c>
      <c r="BL17" s="313">
        <v>1</v>
      </c>
      <c r="BM17" s="313">
        <v>0</v>
      </c>
      <c r="BN17" s="314">
        <v>4</v>
      </c>
      <c r="BO17" s="315">
        <v>4</v>
      </c>
      <c r="BP17" s="309">
        <v>0</v>
      </c>
      <c r="BQ17" s="313">
        <v>0</v>
      </c>
      <c r="BR17" s="310">
        <v>0</v>
      </c>
      <c r="BS17" s="312">
        <v>0</v>
      </c>
      <c r="BT17" s="313">
        <v>0</v>
      </c>
      <c r="BU17" s="313">
        <v>0</v>
      </c>
      <c r="BV17" s="313">
        <v>0</v>
      </c>
      <c r="BW17" s="313">
        <v>0</v>
      </c>
      <c r="BX17" s="313">
        <v>0</v>
      </c>
      <c r="BY17" s="310">
        <v>0</v>
      </c>
      <c r="BZ17" s="315">
        <v>0</v>
      </c>
      <c r="CA17" s="309">
        <v>0</v>
      </c>
      <c r="CB17" s="313">
        <v>0</v>
      </c>
      <c r="CC17" s="310">
        <v>0</v>
      </c>
      <c r="CD17" s="312">
        <v>0</v>
      </c>
      <c r="CE17" s="313">
        <v>0</v>
      </c>
      <c r="CF17" s="313">
        <v>0</v>
      </c>
      <c r="CG17" s="313">
        <v>0</v>
      </c>
      <c r="CH17" s="313">
        <v>0</v>
      </c>
      <c r="CI17" s="313">
        <v>0</v>
      </c>
      <c r="CJ17" s="310">
        <v>0</v>
      </c>
      <c r="CK17" s="315">
        <v>0</v>
      </c>
      <c r="CL17" s="309">
        <v>0</v>
      </c>
      <c r="CM17" s="313">
        <v>0</v>
      </c>
      <c r="CN17" s="310">
        <v>0</v>
      </c>
      <c r="CO17" s="312">
        <v>0</v>
      </c>
      <c r="CP17" s="313">
        <v>0</v>
      </c>
      <c r="CQ17" s="313">
        <v>0</v>
      </c>
      <c r="CR17" s="313">
        <v>0</v>
      </c>
      <c r="CS17" s="313">
        <v>0</v>
      </c>
      <c r="CT17" s="313">
        <v>0</v>
      </c>
      <c r="CU17" s="310">
        <v>0</v>
      </c>
      <c r="CV17" s="315">
        <v>0</v>
      </c>
    </row>
    <row r="18" spans="1:100" ht="21" customHeight="1" x14ac:dyDescent="0.2">
      <c r="A18" s="294" t="s">
        <v>16</v>
      </c>
      <c r="B18" s="309">
        <v>0</v>
      </c>
      <c r="C18" s="310">
        <v>0</v>
      </c>
      <c r="D18" s="311">
        <v>0</v>
      </c>
      <c r="E18" s="312">
        <v>0</v>
      </c>
      <c r="F18" s="313">
        <v>0</v>
      </c>
      <c r="G18" s="313">
        <v>0</v>
      </c>
      <c r="H18" s="313">
        <v>0</v>
      </c>
      <c r="I18" s="313">
        <v>1</v>
      </c>
      <c r="J18" s="313">
        <v>0</v>
      </c>
      <c r="K18" s="314">
        <v>1</v>
      </c>
      <c r="L18" s="315">
        <v>1</v>
      </c>
      <c r="M18" s="309">
        <v>0</v>
      </c>
      <c r="N18" s="313">
        <v>0</v>
      </c>
      <c r="O18" s="310">
        <v>0</v>
      </c>
      <c r="P18" s="312">
        <v>0</v>
      </c>
      <c r="Q18" s="313">
        <v>0</v>
      </c>
      <c r="R18" s="313">
        <v>0</v>
      </c>
      <c r="S18" s="313">
        <v>1</v>
      </c>
      <c r="T18" s="313">
        <v>0</v>
      </c>
      <c r="U18" s="313">
        <v>0</v>
      </c>
      <c r="V18" s="310">
        <v>1</v>
      </c>
      <c r="W18" s="315">
        <v>1</v>
      </c>
      <c r="X18" s="309">
        <v>0</v>
      </c>
      <c r="Y18" s="313">
        <v>0</v>
      </c>
      <c r="Z18" s="310">
        <v>0</v>
      </c>
      <c r="AA18" s="312">
        <v>0</v>
      </c>
      <c r="AB18" s="313">
        <v>8</v>
      </c>
      <c r="AC18" s="313">
        <v>7</v>
      </c>
      <c r="AD18" s="313">
        <v>5</v>
      </c>
      <c r="AE18" s="313">
        <v>1</v>
      </c>
      <c r="AF18" s="313">
        <v>2</v>
      </c>
      <c r="AG18" s="310">
        <v>23</v>
      </c>
      <c r="AH18" s="315">
        <v>23</v>
      </c>
      <c r="AI18" s="309">
        <v>0</v>
      </c>
      <c r="AJ18" s="313">
        <v>0</v>
      </c>
      <c r="AK18" s="310">
        <v>0</v>
      </c>
      <c r="AL18" s="312">
        <v>0</v>
      </c>
      <c r="AM18" s="313">
        <v>0</v>
      </c>
      <c r="AN18" s="313">
        <v>1</v>
      </c>
      <c r="AO18" s="313">
        <v>1</v>
      </c>
      <c r="AP18" s="313">
        <v>0</v>
      </c>
      <c r="AQ18" s="313">
        <v>0</v>
      </c>
      <c r="AR18" s="310">
        <v>2</v>
      </c>
      <c r="AS18" s="315">
        <v>2</v>
      </c>
      <c r="AT18" s="309">
        <v>0</v>
      </c>
      <c r="AU18" s="313">
        <v>0</v>
      </c>
      <c r="AV18" s="310">
        <v>0</v>
      </c>
      <c r="AW18" s="312">
        <v>0</v>
      </c>
      <c r="AX18" s="313">
        <v>0</v>
      </c>
      <c r="AY18" s="313">
        <v>0</v>
      </c>
      <c r="AZ18" s="313">
        <v>0</v>
      </c>
      <c r="BA18" s="313">
        <v>0</v>
      </c>
      <c r="BB18" s="313">
        <v>1</v>
      </c>
      <c r="BC18" s="310">
        <v>1</v>
      </c>
      <c r="BD18" s="315">
        <v>1</v>
      </c>
      <c r="BE18" s="309">
        <v>0</v>
      </c>
      <c r="BF18" s="313">
        <v>0</v>
      </c>
      <c r="BG18" s="310">
        <v>0</v>
      </c>
      <c r="BH18" s="312">
        <v>0</v>
      </c>
      <c r="BI18" s="313">
        <v>0</v>
      </c>
      <c r="BJ18" s="313">
        <v>2</v>
      </c>
      <c r="BK18" s="313">
        <v>1</v>
      </c>
      <c r="BL18" s="313">
        <v>1</v>
      </c>
      <c r="BM18" s="313">
        <v>2</v>
      </c>
      <c r="BN18" s="314">
        <v>6</v>
      </c>
      <c r="BO18" s="315">
        <v>6</v>
      </c>
      <c r="BP18" s="309">
        <v>0</v>
      </c>
      <c r="BQ18" s="313">
        <v>0</v>
      </c>
      <c r="BR18" s="310">
        <v>0</v>
      </c>
      <c r="BS18" s="312">
        <v>0</v>
      </c>
      <c r="BT18" s="313">
        <v>0</v>
      </c>
      <c r="BU18" s="313">
        <v>0</v>
      </c>
      <c r="BV18" s="313">
        <v>0</v>
      </c>
      <c r="BW18" s="313">
        <v>0</v>
      </c>
      <c r="BX18" s="313">
        <v>0</v>
      </c>
      <c r="BY18" s="310">
        <v>0</v>
      </c>
      <c r="BZ18" s="315">
        <v>0</v>
      </c>
      <c r="CA18" s="309">
        <v>0</v>
      </c>
      <c r="CB18" s="313">
        <v>0</v>
      </c>
      <c r="CC18" s="310">
        <v>0</v>
      </c>
      <c r="CD18" s="312">
        <v>0</v>
      </c>
      <c r="CE18" s="313">
        <v>0</v>
      </c>
      <c r="CF18" s="313">
        <v>0</v>
      </c>
      <c r="CG18" s="313">
        <v>0</v>
      </c>
      <c r="CH18" s="313">
        <v>0</v>
      </c>
      <c r="CI18" s="313">
        <v>0</v>
      </c>
      <c r="CJ18" s="310">
        <v>0</v>
      </c>
      <c r="CK18" s="315">
        <v>0</v>
      </c>
      <c r="CL18" s="309">
        <v>0</v>
      </c>
      <c r="CM18" s="313">
        <v>0</v>
      </c>
      <c r="CN18" s="310">
        <v>0</v>
      </c>
      <c r="CO18" s="312">
        <v>0</v>
      </c>
      <c r="CP18" s="313">
        <v>0</v>
      </c>
      <c r="CQ18" s="313">
        <v>0</v>
      </c>
      <c r="CR18" s="313">
        <v>0</v>
      </c>
      <c r="CS18" s="313">
        <v>1</v>
      </c>
      <c r="CT18" s="313">
        <v>1</v>
      </c>
      <c r="CU18" s="310">
        <v>2</v>
      </c>
      <c r="CV18" s="315">
        <v>2</v>
      </c>
    </row>
    <row r="19" spans="1:100" ht="21" customHeight="1" x14ac:dyDescent="0.2">
      <c r="A19" s="294" t="s">
        <v>17</v>
      </c>
      <c r="B19" s="309">
        <v>0</v>
      </c>
      <c r="C19" s="310">
        <v>0</v>
      </c>
      <c r="D19" s="311">
        <v>0</v>
      </c>
      <c r="E19" s="312">
        <v>0</v>
      </c>
      <c r="F19" s="313">
        <v>0</v>
      </c>
      <c r="G19" s="313">
        <v>0</v>
      </c>
      <c r="H19" s="313">
        <v>0</v>
      </c>
      <c r="I19" s="313">
        <v>0</v>
      </c>
      <c r="J19" s="313">
        <v>0</v>
      </c>
      <c r="K19" s="314">
        <v>0</v>
      </c>
      <c r="L19" s="315">
        <v>0</v>
      </c>
      <c r="M19" s="309">
        <v>0</v>
      </c>
      <c r="N19" s="313">
        <v>0</v>
      </c>
      <c r="O19" s="310">
        <v>0</v>
      </c>
      <c r="P19" s="312">
        <v>0</v>
      </c>
      <c r="Q19" s="313">
        <v>0</v>
      </c>
      <c r="R19" s="313">
        <v>0</v>
      </c>
      <c r="S19" s="313">
        <v>0</v>
      </c>
      <c r="T19" s="313">
        <v>0</v>
      </c>
      <c r="U19" s="313">
        <v>0</v>
      </c>
      <c r="V19" s="310">
        <v>0</v>
      </c>
      <c r="W19" s="315">
        <v>0</v>
      </c>
      <c r="X19" s="309">
        <v>0</v>
      </c>
      <c r="Y19" s="313">
        <v>0</v>
      </c>
      <c r="Z19" s="310">
        <v>0</v>
      </c>
      <c r="AA19" s="312">
        <v>0</v>
      </c>
      <c r="AB19" s="313">
        <v>13</v>
      </c>
      <c r="AC19" s="313">
        <v>15</v>
      </c>
      <c r="AD19" s="313">
        <v>8</v>
      </c>
      <c r="AE19" s="313">
        <v>5</v>
      </c>
      <c r="AF19" s="313">
        <v>1</v>
      </c>
      <c r="AG19" s="310">
        <v>42</v>
      </c>
      <c r="AH19" s="315">
        <v>42</v>
      </c>
      <c r="AI19" s="309">
        <v>0</v>
      </c>
      <c r="AJ19" s="313">
        <v>0</v>
      </c>
      <c r="AK19" s="310">
        <v>0</v>
      </c>
      <c r="AL19" s="312">
        <v>0</v>
      </c>
      <c r="AM19" s="313">
        <v>1</v>
      </c>
      <c r="AN19" s="313">
        <v>0</v>
      </c>
      <c r="AO19" s="313">
        <v>0</v>
      </c>
      <c r="AP19" s="313">
        <v>0</v>
      </c>
      <c r="AQ19" s="313">
        <v>1</v>
      </c>
      <c r="AR19" s="310">
        <v>2</v>
      </c>
      <c r="AS19" s="315">
        <v>2</v>
      </c>
      <c r="AT19" s="309">
        <v>0</v>
      </c>
      <c r="AU19" s="313">
        <v>0</v>
      </c>
      <c r="AV19" s="310">
        <v>0</v>
      </c>
      <c r="AW19" s="312">
        <v>0</v>
      </c>
      <c r="AX19" s="313">
        <v>0</v>
      </c>
      <c r="AY19" s="313">
        <v>3</v>
      </c>
      <c r="AZ19" s="313">
        <v>0</v>
      </c>
      <c r="BA19" s="313">
        <v>2</v>
      </c>
      <c r="BB19" s="313">
        <v>0</v>
      </c>
      <c r="BC19" s="310">
        <v>5</v>
      </c>
      <c r="BD19" s="315">
        <v>5</v>
      </c>
      <c r="BE19" s="309">
        <v>0</v>
      </c>
      <c r="BF19" s="313">
        <v>0</v>
      </c>
      <c r="BG19" s="310">
        <v>0</v>
      </c>
      <c r="BH19" s="312">
        <v>0</v>
      </c>
      <c r="BI19" s="313">
        <v>2</v>
      </c>
      <c r="BJ19" s="313">
        <v>4</v>
      </c>
      <c r="BK19" s="313">
        <v>4</v>
      </c>
      <c r="BL19" s="313">
        <v>4</v>
      </c>
      <c r="BM19" s="313">
        <v>2</v>
      </c>
      <c r="BN19" s="314">
        <v>16</v>
      </c>
      <c r="BO19" s="315">
        <v>16</v>
      </c>
      <c r="BP19" s="309">
        <v>0</v>
      </c>
      <c r="BQ19" s="313">
        <v>0</v>
      </c>
      <c r="BR19" s="310">
        <v>0</v>
      </c>
      <c r="BS19" s="312">
        <v>0</v>
      </c>
      <c r="BT19" s="313">
        <v>0</v>
      </c>
      <c r="BU19" s="313">
        <v>0</v>
      </c>
      <c r="BV19" s="313">
        <v>0</v>
      </c>
      <c r="BW19" s="313">
        <v>0</v>
      </c>
      <c r="BX19" s="313">
        <v>0</v>
      </c>
      <c r="BY19" s="310">
        <v>0</v>
      </c>
      <c r="BZ19" s="315">
        <v>0</v>
      </c>
      <c r="CA19" s="309">
        <v>0</v>
      </c>
      <c r="CB19" s="313">
        <v>0</v>
      </c>
      <c r="CC19" s="310">
        <v>0</v>
      </c>
      <c r="CD19" s="312">
        <v>0</v>
      </c>
      <c r="CE19" s="313">
        <v>0</v>
      </c>
      <c r="CF19" s="313">
        <v>0</v>
      </c>
      <c r="CG19" s="313">
        <v>3</v>
      </c>
      <c r="CH19" s="313">
        <v>1</v>
      </c>
      <c r="CI19" s="313">
        <v>2</v>
      </c>
      <c r="CJ19" s="310">
        <v>6</v>
      </c>
      <c r="CK19" s="315">
        <v>6</v>
      </c>
      <c r="CL19" s="309">
        <v>0</v>
      </c>
      <c r="CM19" s="313">
        <v>0</v>
      </c>
      <c r="CN19" s="310">
        <v>0</v>
      </c>
      <c r="CO19" s="312">
        <v>0</v>
      </c>
      <c r="CP19" s="313">
        <v>0</v>
      </c>
      <c r="CQ19" s="313">
        <v>0</v>
      </c>
      <c r="CR19" s="313">
        <v>0</v>
      </c>
      <c r="CS19" s="313">
        <v>0</v>
      </c>
      <c r="CT19" s="313">
        <v>0</v>
      </c>
      <c r="CU19" s="310">
        <v>0</v>
      </c>
      <c r="CV19" s="315">
        <v>0</v>
      </c>
    </row>
    <row r="20" spans="1:100" ht="21" customHeight="1" x14ac:dyDescent="0.2">
      <c r="A20" s="294" t="s">
        <v>18</v>
      </c>
      <c r="B20" s="309">
        <v>0</v>
      </c>
      <c r="C20" s="310">
        <v>0</v>
      </c>
      <c r="D20" s="311">
        <v>0</v>
      </c>
      <c r="E20" s="312">
        <v>0</v>
      </c>
      <c r="F20" s="313">
        <v>0</v>
      </c>
      <c r="G20" s="313">
        <v>0</v>
      </c>
      <c r="H20" s="313">
        <v>0</v>
      </c>
      <c r="I20" s="313">
        <v>0</v>
      </c>
      <c r="J20" s="313">
        <v>1</v>
      </c>
      <c r="K20" s="314">
        <v>1</v>
      </c>
      <c r="L20" s="315">
        <v>1</v>
      </c>
      <c r="M20" s="309">
        <v>0</v>
      </c>
      <c r="N20" s="313">
        <v>0</v>
      </c>
      <c r="O20" s="310">
        <v>0</v>
      </c>
      <c r="P20" s="312">
        <v>0</v>
      </c>
      <c r="Q20" s="313">
        <v>0</v>
      </c>
      <c r="R20" s="313">
        <v>0</v>
      </c>
      <c r="S20" s="313">
        <v>0</v>
      </c>
      <c r="T20" s="313">
        <v>0</v>
      </c>
      <c r="U20" s="313">
        <v>0</v>
      </c>
      <c r="V20" s="310">
        <v>0</v>
      </c>
      <c r="W20" s="315">
        <v>0</v>
      </c>
      <c r="X20" s="309">
        <v>0</v>
      </c>
      <c r="Y20" s="313">
        <v>0</v>
      </c>
      <c r="Z20" s="310">
        <v>0</v>
      </c>
      <c r="AA20" s="312">
        <v>0</v>
      </c>
      <c r="AB20" s="313">
        <v>26</v>
      </c>
      <c r="AC20" s="313">
        <v>18</v>
      </c>
      <c r="AD20" s="313">
        <v>5</v>
      </c>
      <c r="AE20" s="313">
        <v>2</v>
      </c>
      <c r="AF20" s="313">
        <v>0</v>
      </c>
      <c r="AG20" s="310">
        <v>51</v>
      </c>
      <c r="AH20" s="315">
        <v>51</v>
      </c>
      <c r="AI20" s="309">
        <v>0</v>
      </c>
      <c r="AJ20" s="313">
        <v>0</v>
      </c>
      <c r="AK20" s="310">
        <v>0</v>
      </c>
      <c r="AL20" s="312">
        <v>0</v>
      </c>
      <c r="AM20" s="313">
        <v>0</v>
      </c>
      <c r="AN20" s="313">
        <v>0</v>
      </c>
      <c r="AO20" s="313">
        <v>3</v>
      </c>
      <c r="AP20" s="313">
        <v>0</v>
      </c>
      <c r="AQ20" s="313">
        <v>0</v>
      </c>
      <c r="AR20" s="310">
        <v>3</v>
      </c>
      <c r="AS20" s="315">
        <v>3</v>
      </c>
      <c r="AT20" s="309">
        <v>0</v>
      </c>
      <c r="AU20" s="313">
        <v>0</v>
      </c>
      <c r="AV20" s="310">
        <v>0</v>
      </c>
      <c r="AW20" s="312">
        <v>0</v>
      </c>
      <c r="AX20" s="313">
        <v>2</v>
      </c>
      <c r="AY20" s="313">
        <v>4</v>
      </c>
      <c r="AZ20" s="313">
        <v>0</v>
      </c>
      <c r="BA20" s="313">
        <v>0</v>
      </c>
      <c r="BB20" s="313">
        <v>0</v>
      </c>
      <c r="BC20" s="310">
        <v>6</v>
      </c>
      <c r="BD20" s="315">
        <v>6</v>
      </c>
      <c r="BE20" s="309">
        <v>0</v>
      </c>
      <c r="BF20" s="313">
        <v>0</v>
      </c>
      <c r="BG20" s="310">
        <v>0</v>
      </c>
      <c r="BH20" s="312">
        <v>0</v>
      </c>
      <c r="BI20" s="313">
        <v>1</v>
      </c>
      <c r="BJ20" s="313">
        <v>1</v>
      </c>
      <c r="BK20" s="313">
        <v>1</v>
      </c>
      <c r="BL20" s="313">
        <v>1</v>
      </c>
      <c r="BM20" s="313">
        <v>1</v>
      </c>
      <c r="BN20" s="314">
        <v>5</v>
      </c>
      <c r="BO20" s="315">
        <v>5</v>
      </c>
      <c r="BP20" s="309">
        <v>0</v>
      </c>
      <c r="BQ20" s="313">
        <v>0</v>
      </c>
      <c r="BR20" s="310">
        <v>0</v>
      </c>
      <c r="BS20" s="312">
        <v>0</v>
      </c>
      <c r="BT20" s="313">
        <v>0</v>
      </c>
      <c r="BU20" s="313">
        <v>0</v>
      </c>
      <c r="BV20" s="313">
        <v>0</v>
      </c>
      <c r="BW20" s="313">
        <v>0</v>
      </c>
      <c r="BX20" s="313">
        <v>0</v>
      </c>
      <c r="BY20" s="310">
        <v>0</v>
      </c>
      <c r="BZ20" s="315">
        <v>0</v>
      </c>
      <c r="CA20" s="309">
        <v>0</v>
      </c>
      <c r="CB20" s="313">
        <v>0</v>
      </c>
      <c r="CC20" s="310">
        <v>0</v>
      </c>
      <c r="CD20" s="312">
        <v>0</v>
      </c>
      <c r="CE20" s="313">
        <v>0</v>
      </c>
      <c r="CF20" s="313">
        <v>0</v>
      </c>
      <c r="CG20" s="313">
        <v>0</v>
      </c>
      <c r="CH20" s="313">
        <v>0</v>
      </c>
      <c r="CI20" s="313">
        <v>0</v>
      </c>
      <c r="CJ20" s="310">
        <v>0</v>
      </c>
      <c r="CK20" s="315">
        <v>0</v>
      </c>
      <c r="CL20" s="309">
        <v>0</v>
      </c>
      <c r="CM20" s="313">
        <v>0</v>
      </c>
      <c r="CN20" s="310">
        <v>0</v>
      </c>
      <c r="CO20" s="312">
        <v>0</v>
      </c>
      <c r="CP20" s="313">
        <v>0</v>
      </c>
      <c r="CQ20" s="313">
        <v>0</v>
      </c>
      <c r="CR20" s="313">
        <v>0</v>
      </c>
      <c r="CS20" s="313">
        <v>2</v>
      </c>
      <c r="CT20" s="313">
        <v>2</v>
      </c>
      <c r="CU20" s="310">
        <v>4</v>
      </c>
      <c r="CV20" s="315">
        <v>4</v>
      </c>
    </row>
    <row r="21" spans="1:100" ht="21" customHeight="1" x14ac:dyDescent="0.2">
      <c r="A21" s="294" t="s">
        <v>19</v>
      </c>
      <c r="B21" s="309">
        <v>0</v>
      </c>
      <c r="C21" s="310">
        <v>0</v>
      </c>
      <c r="D21" s="311">
        <v>0</v>
      </c>
      <c r="E21" s="312">
        <v>0</v>
      </c>
      <c r="F21" s="313">
        <v>0</v>
      </c>
      <c r="G21" s="313">
        <v>0</v>
      </c>
      <c r="H21" s="313">
        <v>1</v>
      </c>
      <c r="I21" s="313">
        <v>2</v>
      </c>
      <c r="J21" s="313">
        <v>1</v>
      </c>
      <c r="K21" s="314">
        <v>4</v>
      </c>
      <c r="L21" s="315">
        <v>4</v>
      </c>
      <c r="M21" s="309">
        <v>0</v>
      </c>
      <c r="N21" s="313">
        <v>0</v>
      </c>
      <c r="O21" s="310">
        <v>0</v>
      </c>
      <c r="P21" s="312">
        <v>0</v>
      </c>
      <c r="Q21" s="313">
        <v>0</v>
      </c>
      <c r="R21" s="313">
        <v>0</v>
      </c>
      <c r="S21" s="313">
        <v>0</v>
      </c>
      <c r="T21" s="313">
        <v>1</v>
      </c>
      <c r="U21" s="313">
        <v>0</v>
      </c>
      <c r="V21" s="310">
        <v>1</v>
      </c>
      <c r="W21" s="315">
        <v>1</v>
      </c>
      <c r="X21" s="309">
        <v>0</v>
      </c>
      <c r="Y21" s="313">
        <v>0</v>
      </c>
      <c r="Z21" s="310">
        <v>0</v>
      </c>
      <c r="AA21" s="312">
        <v>0</v>
      </c>
      <c r="AB21" s="313">
        <v>8</v>
      </c>
      <c r="AC21" s="313">
        <v>5</v>
      </c>
      <c r="AD21" s="313">
        <v>3</v>
      </c>
      <c r="AE21" s="313">
        <v>1</v>
      </c>
      <c r="AF21" s="313">
        <v>0</v>
      </c>
      <c r="AG21" s="310">
        <v>17</v>
      </c>
      <c r="AH21" s="315">
        <v>17</v>
      </c>
      <c r="AI21" s="309">
        <v>0</v>
      </c>
      <c r="AJ21" s="313">
        <v>0</v>
      </c>
      <c r="AK21" s="310">
        <v>0</v>
      </c>
      <c r="AL21" s="312">
        <v>0</v>
      </c>
      <c r="AM21" s="313">
        <v>1</v>
      </c>
      <c r="AN21" s="313">
        <v>2</v>
      </c>
      <c r="AO21" s="313">
        <v>1</v>
      </c>
      <c r="AP21" s="313">
        <v>0</v>
      </c>
      <c r="AQ21" s="313">
        <v>0</v>
      </c>
      <c r="AR21" s="310">
        <v>4</v>
      </c>
      <c r="AS21" s="315">
        <v>4</v>
      </c>
      <c r="AT21" s="309">
        <v>0</v>
      </c>
      <c r="AU21" s="313">
        <v>0</v>
      </c>
      <c r="AV21" s="310">
        <v>0</v>
      </c>
      <c r="AW21" s="312">
        <v>0</v>
      </c>
      <c r="AX21" s="313">
        <v>1</v>
      </c>
      <c r="AY21" s="313">
        <v>1</v>
      </c>
      <c r="AZ21" s="313">
        <v>1</v>
      </c>
      <c r="BA21" s="313">
        <v>3</v>
      </c>
      <c r="BB21" s="313">
        <v>1</v>
      </c>
      <c r="BC21" s="310">
        <v>7</v>
      </c>
      <c r="BD21" s="315">
        <v>7</v>
      </c>
      <c r="BE21" s="309">
        <v>0</v>
      </c>
      <c r="BF21" s="313">
        <v>0</v>
      </c>
      <c r="BG21" s="310">
        <v>0</v>
      </c>
      <c r="BH21" s="312">
        <v>0</v>
      </c>
      <c r="BI21" s="313">
        <v>1</v>
      </c>
      <c r="BJ21" s="313">
        <v>1</v>
      </c>
      <c r="BK21" s="313">
        <v>0</v>
      </c>
      <c r="BL21" s="313">
        <v>0</v>
      </c>
      <c r="BM21" s="313">
        <v>0</v>
      </c>
      <c r="BN21" s="314">
        <v>2</v>
      </c>
      <c r="BO21" s="315">
        <v>2</v>
      </c>
      <c r="BP21" s="309">
        <v>0</v>
      </c>
      <c r="BQ21" s="313">
        <v>0</v>
      </c>
      <c r="BR21" s="310">
        <v>0</v>
      </c>
      <c r="BS21" s="312">
        <v>0</v>
      </c>
      <c r="BT21" s="313">
        <v>0</v>
      </c>
      <c r="BU21" s="313">
        <v>0</v>
      </c>
      <c r="BV21" s="313">
        <v>0</v>
      </c>
      <c r="BW21" s="313">
        <v>0</v>
      </c>
      <c r="BX21" s="313">
        <v>0</v>
      </c>
      <c r="BY21" s="310">
        <v>0</v>
      </c>
      <c r="BZ21" s="315">
        <v>0</v>
      </c>
      <c r="CA21" s="309">
        <v>0</v>
      </c>
      <c r="CB21" s="313">
        <v>0</v>
      </c>
      <c r="CC21" s="310">
        <v>0</v>
      </c>
      <c r="CD21" s="312">
        <v>0</v>
      </c>
      <c r="CE21" s="313">
        <v>0</v>
      </c>
      <c r="CF21" s="313">
        <v>0</v>
      </c>
      <c r="CG21" s="313">
        <v>0</v>
      </c>
      <c r="CH21" s="313">
        <v>0</v>
      </c>
      <c r="CI21" s="313">
        <v>0</v>
      </c>
      <c r="CJ21" s="310">
        <v>0</v>
      </c>
      <c r="CK21" s="315">
        <v>0</v>
      </c>
      <c r="CL21" s="309">
        <v>0</v>
      </c>
      <c r="CM21" s="313">
        <v>0</v>
      </c>
      <c r="CN21" s="310">
        <v>0</v>
      </c>
      <c r="CO21" s="312">
        <v>0</v>
      </c>
      <c r="CP21" s="313">
        <v>0</v>
      </c>
      <c r="CQ21" s="313">
        <v>0</v>
      </c>
      <c r="CR21" s="313">
        <v>0</v>
      </c>
      <c r="CS21" s="313">
        <v>0</v>
      </c>
      <c r="CT21" s="313">
        <v>0</v>
      </c>
      <c r="CU21" s="310">
        <v>0</v>
      </c>
      <c r="CV21" s="315">
        <v>0</v>
      </c>
    </row>
    <row r="22" spans="1:100" ht="21" customHeight="1" x14ac:dyDescent="0.2">
      <c r="A22" s="294" t="s">
        <v>20</v>
      </c>
      <c r="B22" s="309">
        <v>0</v>
      </c>
      <c r="C22" s="310">
        <v>0</v>
      </c>
      <c r="D22" s="311">
        <v>0</v>
      </c>
      <c r="E22" s="312">
        <v>0</v>
      </c>
      <c r="F22" s="313">
        <v>0</v>
      </c>
      <c r="G22" s="313">
        <v>0</v>
      </c>
      <c r="H22" s="313">
        <v>0</v>
      </c>
      <c r="I22" s="313">
        <v>0</v>
      </c>
      <c r="J22" s="313">
        <v>0</v>
      </c>
      <c r="K22" s="314">
        <v>0</v>
      </c>
      <c r="L22" s="315">
        <v>0</v>
      </c>
      <c r="M22" s="309">
        <v>0</v>
      </c>
      <c r="N22" s="313">
        <v>0</v>
      </c>
      <c r="O22" s="310">
        <v>0</v>
      </c>
      <c r="P22" s="312">
        <v>0</v>
      </c>
      <c r="Q22" s="313">
        <v>0</v>
      </c>
      <c r="R22" s="313">
        <v>0</v>
      </c>
      <c r="S22" s="313">
        <v>0</v>
      </c>
      <c r="T22" s="313">
        <v>0</v>
      </c>
      <c r="U22" s="313">
        <v>0</v>
      </c>
      <c r="V22" s="310">
        <v>0</v>
      </c>
      <c r="W22" s="315">
        <v>0</v>
      </c>
      <c r="X22" s="309">
        <v>0</v>
      </c>
      <c r="Y22" s="313">
        <v>0</v>
      </c>
      <c r="Z22" s="310">
        <v>0</v>
      </c>
      <c r="AA22" s="312">
        <v>0</v>
      </c>
      <c r="AB22" s="313">
        <v>9</v>
      </c>
      <c r="AC22" s="313">
        <v>6</v>
      </c>
      <c r="AD22" s="313">
        <v>0</v>
      </c>
      <c r="AE22" s="313">
        <v>1</v>
      </c>
      <c r="AF22" s="313">
        <v>1</v>
      </c>
      <c r="AG22" s="310">
        <v>17</v>
      </c>
      <c r="AH22" s="315">
        <v>17</v>
      </c>
      <c r="AI22" s="309">
        <v>0</v>
      </c>
      <c r="AJ22" s="313">
        <v>0</v>
      </c>
      <c r="AK22" s="310">
        <v>0</v>
      </c>
      <c r="AL22" s="312">
        <v>0</v>
      </c>
      <c r="AM22" s="313">
        <v>0</v>
      </c>
      <c r="AN22" s="313">
        <v>0</v>
      </c>
      <c r="AO22" s="313">
        <v>0</v>
      </c>
      <c r="AP22" s="313">
        <v>1</v>
      </c>
      <c r="AQ22" s="313">
        <v>0</v>
      </c>
      <c r="AR22" s="310">
        <v>1</v>
      </c>
      <c r="AS22" s="315">
        <v>1</v>
      </c>
      <c r="AT22" s="309">
        <v>0</v>
      </c>
      <c r="AU22" s="313">
        <v>0</v>
      </c>
      <c r="AV22" s="310">
        <v>0</v>
      </c>
      <c r="AW22" s="312">
        <v>0</v>
      </c>
      <c r="AX22" s="313">
        <v>1</v>
      </c>
      <c r="AY22" s="313">
        <v>1</v>
      </c>
      <c r="AZ22" s="313">
        <v>0</v>
      </c>
      <c r="BA22" s="313">
        <v>0</v>
      </c>
      <c r="BB22" s="313">
        <v>0</v>
      </c>
      <c r="BC22" s="310">
        <v>2</v>
      </c>
      <c r="BD22" s="315">
        <v>2</v>
      </c>
      <c r="BE22" s="309">
        <v>0</v>
      </c>
      <c r="BF22" s="313">
        <v>0</v>
      </c>
      <c r="BG22" s="310">
        <v>0</v>
      </c>
      <c r="BH22" s="312">
        <v>0</v>
      </c>
      <c r="BI22" s="313">
        <v>2</v>
      </c>
      <c r="BJ22" s="313">
        <v>0</v>
      </c>
      <c r="BK22" s="313">
        <v>1</v>
      </c>
      <c r="BL22" s="313">
        <v>1</v>
      </c>
      <c r="BM22" s="313">
        <v>0</v>
      </c>
      <c r="BN22" s="314">
        <v>4</v>
      </c>
      <c r="BO22" s="315">
        <v>4</v>
      </c>
      <c r="BP22" s="309">
        <v>0</v>
      </c>
      <c r="BQ22" s="313">
        <v>0</v>
      </c>
      <c r="BR22" s="310">
        <v>0</v>
      </c>
      <c r="BS22" s="312">
        <v>0</v>
      </c>
      <c r="BT22" s="313">
        <v>0</v>
      </c>
      <c r="BU22" s="313">
        <v>0</v>
      </c>
      <c r="BV22" s="313">
        <v>0</v>
      </c>
      <c r="BW22" s="313">
        <v>0</v>
      </c>
      <c r="BX22" s="313">
        <v>0</v>
      </c>
      <c r="BY22" s="310">
        <v>0</v>
      </c>
      <c r="BZ22" s="315">
        <v>0</v>
      </c>
      <c r="CA22" s="309">
        <v>0</v>
      </c>
      <c r="CB22" s="313">
        <v>0</v>
      </c>
      <c r="CC22" s="310">
        <v>0</v>
      </c>
      <c r="CD22" s="312">
        <v>0</v>
      </c>
      <c r="CE22" s="313">
        <v>0</v>
      </c>
      <c r="CF22" s="313">
        <v>0</v>
      </c>
      <c r="CG22" s="313">
        <v>0</v>
      </c>
      <c r="CH22" s="313">
        <v>0</v>
      </c>
      <c r="CI22" s="313">
        <v>0</v>
      </c>
      <c r="CJ22" s="310">
        <v>0</v>
      </c>
      <c r="CK22" s="315">
        <v>0</v>
      </c>
      <c r="CL22" s="309">
        <v>0</v>
      </c>
      <c r="CM22" s="313">
        <v>0</v>
      </c>
      <c r="CN22" s="310">
        <v>0</v>
      </c>
      <c r="CO22" s="312">
        <v>0</v>
      </c>
      <c r="CP22" s="313">
        <v>0</v>
      </c>
      <c r="CQ22" s="313">
        <v>0</v>
      </c>
      <c r="CR22" s="313">
        <v>0</v>
      </c>
      <c r="CS22" s="313">
        <v>0</v>
      </c>
      <c r="CT22" s="313">
        <v>0</v>
      </c>
      <c r="CU22" s="310">
        <v>0</v>
      </c>
      <c r="CV22" s="315">
        <v>0</v>
      </c>
    </row>
    <row r="23" spans="1:100" ht="21" customHeight="1" x14ac:dyDescent="0.2">
      <c r="A23" s="294" t="s">
        <v>21</v>
      </c>
      <c r="B23" s="309">
        <v>0</v>
      </c>
      <c r="C23" s="310">
        <v>0</v>
      </c>
      <c r="D23" s="311">
        <v>0</v>
      </c>
      <c r="E23" s="312">
        <v>0</v>
      </c>
      <c r="F23" s="313">
        <v>0</v>
      </c>
      <c r="G23" s="313">
        <v>0</v>
      </c>
      <c r="H23" s="313">
        <v>0</v>
      </c>
      <c r="I23" s="313">
        <v>0</v>
      </c>
      <c r="J23" s="313">
        <v>0</v>
      </c>
      <c r="K23" s="314">
        <v>0</v>
      </c>
      <c r="L23" s="315">
        <v>0</v>
      </c>
      <c r="M23" s="309">
        <v>0</v>
      </c>
      <c r="N23" s="313">
        <v>0</v>
      </c>
      <c r="O23" s="310">
        <v>0</v>
      </c>
      <c r="P23" s="312">
        <v>0</v>
      </c>
      <c r="Q23" s="313">
        <v>0</v>
      </c>
      <c r="R23" s="313">
        <v>0</v>
      </c>
      <c r="S23" s="313">
        <v>0</v>
      </c>
      <c r="T23" s="313">
        <v>0</v>
      </c>
      <c r="U23" s="313">
        <v>0</v>
      </c>
      <c r="V23" s="310">
        <v>0</v>
      </c>
      <c r="W23" s="315">
        <v>0</v>
      </c>
      <c r="X23" s="309">
        <v>0</v>
      </c>
      <c r="Y23" s="313">
        <v>0</v>
      </c>
      <c r="Z23" s="310">
        <v>0</v>
      </c>
      <c r="AA23" s="312">
        <v>0</v>
      </c>
      <c r="AB23" s="313">
        <v>8</v>
      </c>
      <c r="AC23" s="313">
        <v>5</v>
      </c>
      <c r="AD23" s="313">
        <v>2</v>
      </c>
      <c r="AE23" s="313">
        <v>1</v>
      </c>
      <c r="AF23" s="313">
        <v>0</v>
      </c>
      <c r="AG23" s="310">
        <v>16</v>
      </c>
      <c r="AH23" s="315">
        <v>16</v>
      </c>
      <c r="AI23" s="309">
        <v>0</v>
      </c>
      <c r="AJ23" s="313">
        <v>0</v>
      </c>
      <c r="AK23" s="310">
        <v>0</v>
      </c>
      <c r="AL23" s="312">
        <v>0</v>
      </c>
      <c r="AM23" s="313">
        <v>0</v>
      </c>
      <c r="AN23" s="313">
        <v>0</v>
      </c>
      <c r="AO23" s="313">
        <v>0</v>
      </c>
      <c r="AP23" s="313">
        <v>0</v>
      </c>
      <c r="AQ23" s="313">
        <v>0</v>
      </c>
      <c r="AR23" s="310">
        <v>0</v>
      </c>
      <c r="AS23" s="315">
        <v>0</v>
      </c>
      <c r="AT23" s="309">
        <v>0</v>
      </c>
      <c r="AU23" s="313">
        <v>0</v>
      </c>
      <c r="AV23" s="310">
        <v>0</v>
      </c>
      <c r="AW23" s="312">
        <v>0</v>
      </c>
      <c r="AX23" s="313">
        <v>0</v>
      </c>
      <c r="AY23" s="313">
        <v>1</v>
      </c>
      <c r="AZ23" s="313">
        <v>2</v>
      </c>
      <c r="BA23" s="313">
        <v>0</v>
      </c>
      <c r="BB23" s="313">
        <v>0</v>
      </c>
      <c r="BC23" s="310">
        <v>3</v>
      </c>
      <c r="BD23" s="315">
        <v>3</v>
      </c>
      <c r="BE23" s="309">
        <v>0</v>
      </c>
      <c r="BF23" s="313">
        <v>0</v>
      </c>
      <c r="BG23" s="310">
        <v>0</v>
      </c>
      <c r="BH23" s="312">
        <v>0</v>
      </c>
      <c r="BI23" s="313">
        <v>1</v>
      </c>
      <c r="BJ23" s="313">
        <v>1</v>
      </c>
      <c r="BK23" s="313">
        <v>0</v>
      </c>
      <c r="BL23" s="313">
        <v>1</v>
      </c>
      <c r="BM23" s="313">
        <v>0</v>
      </c>
      <c r="BN23" s="314">
        <v>3</v>
      </c>
      <c r="BO23" s="315">
        <v>3</v>
      </c>
      <c r="BP23" s="309">
        <v>0</v>
      </c>
      <c r="BQ23" s="313">
        <v>0</v>
      </c>
      <c r="BR23" s="310">
        <v>0</v>
      </c>
      <c r="BS23" s="312">
        <v>0</v>
      </c>
      <c r="BT23" s="313">
        <v>0</v>
      </c>
      <c r="BU23" s="313">
        <v>0</v>
      </c>
      <c r="BV23" s="313">
        <v>0</v>
      </c>
      <c r="BW23" s="313">
        <v>0</v>
      </c>
      <c r="BX23" s="313">
        <v>0</v>
      </c>
      <c r="BY23" s="310">
        <v>0</v>
      </c>
      <c r="BZ23" s="315">
        <v>0</v>
      </c>
      <c r="CA23" s="309">
        <v>0</v>
      </c>
      <c r="CB23" s="313">
        <v>0</v>
      </c>
      <c r="CC23" s="310">
        <v>0</v>
      </c>
      <c r="CD23" s="312">
        <v>0</v>
      </c>
      <c r="CE23" s="313">
        <v>0</v>
      </c>
      <c r="CF23" s="313">
        <v>0</v>
      </c>
      <c r="CG23" s="313">
        <v>0</v>
      </c>
      <c r="CH23" s="313">
        <v>0</v>
      </c>
      <c r="CI23" s="313">
        <v>0</v>
      </c>
      <c r="CJ23" s="310">
        <v>0</v>
      </c>
      <c r="CK23" s="315">
        <v>0</v>
      </c>
      <c r="CL23" s="309">
        <v>0</v>
      </c>
      <c r="CM23" s="313">
        <v>0</v>
      </c>
      <c r="CN23" s="310">
        <v>0</v>
      </c>
      <c r="CO23" s="312">
        <v>0</v>
      </c>
      <c r="CP23" s="313">
        <v>0</v>
      </c>
      <c r="CQ23" s="313">
        <v>0</v>
      </c>
      <c r="CR23" s="313">
        <v>0</v>
      </c>
      <c r="CS23" s="313">
        <v>0</v>
      </c>
      <c r="CT23" s="313">
        <v>0</v>
      </c>
      <c r="CU23" s="310">
        <v>0</v>
      </c>
      <c r="CV23" s="315">
        <v>0</v>
      </c>
    </row>
    <row r="24" spans="1:100" ht="21" customHeight="1" x14ac:dyDescent="0.2">
      <c r="A24" s="294" t="s">
        <v>22</v>
      </c>
      <c r="B24" s="309">
        <v>0</v>
      </c>
      <c r="C24" s="310">
        <v>0</v>
      </c>
      <c r="D24" s="311">
        <v>0</v>
      </c>
      <c r="E24" s="312">
        <v>0</v>
      </c>
      <c r="F24" s="313">
        <v>3</v>
      </c>
      <c r="G24" s="313">
        <v>2</v>
      </c>
      <c r="H24" s="313">
        <v>0</v>
      </c>
      <c r="I24" s="313">
        <v>0</v>
      </c>
      <c r="J24" s="313">
        <v>0</v>
      </c>
      <c r="K24" s="314">
        <v>5</v>
      </c>
      <c r="L24" s="315">
        <v>5</v>
      </c>
      <c r="M24" s="309">
        <v>0</v>
      </c>
      <c r="N24" s="313">
        <v>0</v>
      </c>
      <c r="O24" s="310">
        <v>0</v>
      </c>
      <c r="P24" s="312">
        <v>0</v>
      </c>
      <c r="Q24" s="313">
        <v>0</v>
      </c>
      <c r="R24" s="313">
        <v>0</v>
      </c>
      <c r="S24" s="313">
        <v>0</v>
      </c>
      <c r="T24" s="313">
        <v>0</v>
      </c>
      <c r="U24" s="313">
        <v>0</v>
      </c>
      <c r="V24" s="310">
        <v>0</v>
      </c>
      <c r="W24" s="315">
        <v>0</v>
      </c>
      <c r="X24" s="309">
        <v>0</v>
      </c>
      <c r="Y24" s="313">
        <v>0</v>
      </c>
      <c r="Z24" s="310">
        <v>0</v>
      </c>
      <c r="AA24" s="312">
        <v>0</v>
      </c>
      <c r="AB24" s="313">
        <v>8</v>
      </c>
      <c r="AC24" s="313">
        <v>3</v>
      </c>
      <c r="AD24" s="313">
        <v>0</v>
      </c>
      <c r="AE24" s="313">
        <v>0</v>
      </c>
      <c r="AF24" s="313">
        <v>0</v>
      </c>
      <c r="AG24" s="310">
        <v>11</v>
      </c>
      <c r="AH24" s="315">
        <v>11</v>
      </c>
      <c r="AI24" s="309">
        <v>0</v>
      </c>
      <c r="AJ24" s="313">
        <v>0</v>
      </c>
      <c r="AK24" s="310">
        <v>0</v>
      </c>
      <c r="AL24" s="312">
        <v>0</v>
      </c>
      <c r="AM24" s="313">
        <v>0</v>
      </c>
      <c r="AN24" s="313">
        <v>0</v>
      </c>
      <c r="AO24" s="313">
        <v>1</v>
      </c>
      <c r="AP24" s="313">
        <v>0</v>
      </c>
      <c r="AQ24" s="313">
        <v>0</v>
      </c>
      <c r="AR24" s="310">
        <v>1</v>
      </c>
      <c r="AS24" s="315">
        <v>1</v>
      </c>
      <c r="AT24" s="309">
        <v>1</v>
      </c>
      <c r="AU24" s="313">
        <v>0</v>
      </c>
      <c r="AV24" s="310">
        <v>1</v>
      </c>
      <c r="AW24" s="312">
        <v>0</v>
      </c>
      <c r="AX24" s="313">
        <v>0</v>
      </c>
      <c r="AY24" s="313">
        <v>1</v>
      </c>
      <c r="AZ24" s="313">
        <v>0</v>
      </c>
      <c r="BA24" s="313">
        <v>0</v>
      </c>
      <c r="BB24" s="313">
        <v>0</v>
      </c>
      <c r="BC24" s="310">
        <v>1</v>
      </c>
      <c r="BD24" s="315">
        <v>2</v>
      </c>
      <c r="BE24" s="309">
        <v>0</v>
      </c>
      <c r="BF24" s="313">
        <v>0</v>
      </c>
      <c r="BG24" s="310">
        <v>0</v>
      </c>
      <c r="BH24" s="312">
        <v>0</v>
      </c>
      <c r="BI24" s="313">
        <v>0</v>
      </c>
      <c r="BJ24" s="313">
        <v>0</v>
      </c>
      <c r="BK24" s="313">
        <v>1</v>
      </c>
      <c r="BL24" s="313">
        <v>1</v>
      </c>
      <c r="BM24" s="313">
        <v>1</v>
      </c>
      <c r="BN24" s="314">
        <v>3</v>
      </c>
      <c r="BO24" s="315">
        <v>3</v>
      </c>
      <c r="BP24" s="309">
        <v>0</v>
      </c>
      <c r="BQ24" s="313">
        <v>0</v>
      </c>
      <c r="BR24" s="310">
        <v>0</v>
      </c>
      <c r="BS24" s="312">
        <v>0</v>
      </c>
      <c r="BT24" s="313">
        <v>0</v>
      </c>
      <c r="BU24" s="313">
        <v>0</v>
      </c>
      <c r="BV24" s="313">
        <v>0</v>
      </c>
      <c r="BW24" s="313">
        <v>0</v>
      </c>
      <c r="BX24" s="313">
        <v>0</v>
      </c>
      <c r="BY24" s="310">
        <v>0</v>
      </c>
      <c r="BZ24" s="315">
        <v>0</v>
      </c>
      <c r="CA24" s="309">
        <v>0</v>
      </c>
      <c r="CB24" s="313">
        <v>0</v>
      </c>
      <c r="CC24" s="310">
        <v>0</v>
      </c>
      <c r="CD24" s="312">
        <v>0</v>
      </c>
      <c r="CE24" s="313">
        <v>0</v>
      </c>
      <c r="CF24" s="313">
        <v>0</v>
      </c>
      <c r="CG24" s="313">
        <v>0</v>
      </c>
      <c r="CH24" s="313">
        <v>1</v>
      </c>
      <c r="CI24" s="313">
        <v>0</v>
      </c>
      <c r="CJ24" s="310">
        <v>1</v>
      </c>
      <c r="CK24" s="315">
        <v>1</v>
      </c>
      <c r="CL24" s="309">
        <v>0</v>
      </c>
      <c r="CM24" s="313">
        <v>0</v>
      </c>
      <c r="CN24" s="310">
        <v>0</v>
      </c>
      <c r="CO24" s="312">
        <v>0</v>
      </c>
      <c r="CP24" s="313">
        <v>0</v>
      </c>
      <c r="CQ24" s="313">
        <v>0</v>
      </c>
      <c r="CR24" s="313">
        <v>0</v>
      </c>
      <c r="CS24" s="313">
        <v>0</v>
      </c>
      <c r="CT24" s="313">
        <v>0</v>
      </c>
      <c r="CU24" s="310">
        <v>0</v>
      </c>
      <c r="CV24" s="315">
        <v>0</v>
      </c>
    </row>
    <row r="25" spans="1:100" ht="21" customHeight="1" x14ac:dyDescent="0.2">
      <c r="A25" s="294" t="s">
        <v>23</v>
      </c>
      <c r="B25" s="309">
        <v>0</v>
      </c>
      <c r="C25" s="310">
        <v>0</v>
      </c>
      <c r="D25" s="311">
        <v>0</v>
      </c>
      <c r="E25" s="312">
        <v>0</v>
      </c>
      <c r="F25" s="313">
        <v>0</v>
      </c>
      <c r="G25" s="313">
        <v>0</v>
      </c>
      <c r="H25" s="313">
        <v>0</v>
      </c>
      <c r="I25" s="313">
        <v>0</v>
      </c>
      <c r="J25" s="313">
        <v>0</v>
      </c>
      <c r="K25" s="314">
        <v>0</v>
      </c>
      <c r="L25" s="315">
        <v>0</v>
      </c>
      <c r="M25" s="309">
        <v>0</v>
      </c>
      <c r="N25" s="313">
        <v>0</v>
      </c>
      <c r="O25" s="310">
        <v>0</v>
      </c>
      <c r="P25" s="312">
        <v>0</v>
      </c>
      <c r="Q25" s="313">
        <v>0</v>
      </c>
      <c r="R25" s="313">
        <v>0</v>
      </c>
      <c r="S25" s="313">
        <v>0</v>
      </c>
      <c r="T25" s="313">
        <v>0</v>
      </c>
      <c r="U25" s="313">
        <v>0</v>
      </c>
      <c r="V25" s="310">
        <v>0</v>
      </c>
      <c r="W25" s="315">
        <v>0</v>
      </c>
      <c r="X25" s="309">
        <v>0</v>
      </c>
      <c r="Y25" s="313">
        <v>0</v>
      </c>
      <c r="Z25" s="310">
        <v>0</v>
      </c>
      <c r="AA25" s="312">
        <v>0</v>
      </c>
      <c r="AB25" s="313">
        <v>4</v>
      </c>
      <c r="AC25" s="313">
        <v>2</v>
      </c>
      <c r="AD25" s="313">
        <v>0</v>
      </c>
      <c r="AE25" s="313">
        <v>0</v>
      </c>
      <c r="AF25" s="313">
        <v>1</v>
      </c>
      <c r="AG25" s="310">
        <v>7</v>
      </c>
      <c r="AH25" s="315">
        <v>7</v>
      </c>
      <c r="AI25" s="309">
        <v>0</v>
      </c>
      <c r="AJ25" s="313">
        <v>0</v>
      </c>
      <c r="AK25" s="310">
        <v>0</v>
      </c>
      <c r="AL25" s="312">
        <v>0</v>
      </c>
      <c r="AM25" s="313">
        <v>0</v>
      </c>
      <c r="AN25" s="313">
        <v>0</v>
      </c>
      <c r="AO25" s="313">
        <v>0</v>
      </c>
      <c r="AP25" s="313">
        <v>0</v>
      </c>
      <c r="AQ25" s="313">
        <v>0</v>
      </c>
      <c r="AR25" s="310">
        <v>0</v>
      </c>
      <c r="AS25" s="315">
        <v>0</v>
      </c>
      <c r="AT25" s="309">
        <v>0</v>
      </c>
      <c r="AU25" s="313">
        <v>0</v>
      </c>
      <c r="AV25" s="310">
        <v>0</v>
      </c>
      <c r="AW25" s="312">
        <v>0</v>
      </c>
      <c r="AX25" s="313">
        <v>0</v>
      </c>
      <c r="AY25" s="313">
        <v>0</v>
      </c>
      <c r="AZ25" s="313">
        <v>0</v>
      </c>
      <c r="BA25" s="313">
        <v>0</v>
      </c>
      <c r="BB25" s="313">
        <v>0</v>
      </c>
      <c r="BC25" s="310">
        <v>0</v>
      </c>
      <c r="BD25" s="315">
        <v>0</v>
      </c>
      <c r="BE25" s="309">
        <v>0</v>
      </c>
      <c r="BF25" s="313">
        <v>0</v>
      </c>
      <c r="BG25" s="310">
        <v>0</v>
      </c>
      <c r="BH25" s="312">
        <v>0</v>
      </c>
      <c r="BI25" s="313">
        <v>0</v>
      </c>
      <c r="BJ25" s="313">
        <v>0</v>
      </c>
      <c r="BK25" s="313">
        <v>1</v>
      </c>
      <c r="BL25" s="313">
        <v>0</v>
      </c>
      <c r="BM25" s="313">
        <v>0</v>
      </c>
      <c r="BN25" s="314">
        <v>1</v>
      </c>
      <c r="BO25" s="315">
        <v>1</v>
      </c>
      <c r="BP25" s="309">
        <v>0</v>
      </c>
      <c r="BQ25" s="313">
        <v>0</v>
      </c>
      <c r="BR25" s="310">
        <v>0</v>
      </c>
      <c r="BS25" s="312">
        <v>0</v>
      </c>
      <c r="BT25" s="313">
        <v>0</v>
      </c>
      <c r="BU25" s="313">
        <v>0</v>
      </c>
      <c r="BV25" s="313">
        <v>0</v>
      </c>
      <c r="BW25" s="313">
        <v>0</v>
      </c>
      <c r="BX25" s="313">
        <v>0</v>
      </c>
      <c r="BY25" s="310">
        <v>0</v>
      </c>
      <c r="BZ25" s="315">
        <v>0</v>
      </c>
      <c r="CA25" s="309">
        <v>0</v>
      </c>
      <c r="CB25" s="313">
        <v>0</v>
      </c>
      <c r="CC25" s="310">
        <v>0</v>
      </c>
      <c r="CD25" s="312">
        <v>0</v>
      </c>
      <c r="CE25" s="313">
        <v>0</v>
      </c>
      <c r="CF25" s="313">
        <v>0</v>
      </c>
      <c r="CG25" s="313">
        <v>0</v>
      </c>
      <c r="CH25" s="313">
        <v>0</v>
      </c>
      <c r="CI25" s="313">
        <v>0</v>
      </c>
      <c r="CJ25" s="310">
        <v>0</v>
      </c>
      <c r="CK25" s="315">
        <v>0</v>
      </c>
      <c r="CL25" s="309">
        <v>0</v>
      </c>
      <c r="CM25" s="313">
        <v>0</v>
      </c>
      <c r="CN25" s="310">
        <v>0</v>
      </c>
      <c r="CO25" s="312">
        <v>0</v>
      </c>
      <c r="CP25" s="313">
        <v>0</v>
      </c>
      <c r="CQ25" s="313">
        <v>0</v>
      </c>
      <c r="CR25" s="313">
        <v>0</v>
      </c>
      <c r="CS25" s="313">
        <v>0</v>
      </c>
      <c r="CT25" s="313">
        <v>0</v>
      </c>
      <c r="CU25" s="310">
        <v>0</v>
      </c>
      <c r="CV25" s="315">
        <v>0</v>
      </c>
    </row>
    <row r="26" spans="1:100" ht="21" customHeight="1" x14ac:dyDescent="0.2">
      <c r="A26" s="294" t="s">
        <v>24</v>
      </c>
      <c r="B26" s="309">
        <v>0</v>
      </c>
      <c r="C26" s="310">
        <v>0</v>
      </c>
      <c r="D26" s="311">
        <v>0</v>
      </c>
      <c r="E26" s="312">
        <v>0</v>
      </c>
      <c r="F26" s="313">
        <v>0</v>
      </c>
      <c r="G26" s="313">
        <v>0</v>
      </c>
      <c r="H26" s="313">
        <v>0</v>
      </c>
      <c r="I26" s="313">
        <v>0</v>
      </c>
      <c r="J26" s="313">
        <v>0</v>
      </c>
      <c r="K26" s="314">
        <v>0</v>
      </c>
      <c r="L26" s="315">
        <v>0</v>
      </c>
      <c r="M26" s="309">
        <v>0</v>
      </c>
      <c r="N26" s="313">
        <v>0</v>
      </c>
      <c r="O26" s="310">
        <v>0</v>
      </c>
      <c r="P26" s="312">
        <v>0</v>
      </c>
      <c r="Q26" s="313">
        <v>0</v>
      </c>
      <c r="R26" s="313">
        <v>0</v>
      </c>
      <c r="S26" s="313">
        <v>0</v>
      </c>
      <c r="T26" s="313">
        <v>0</v>
      </c>
      <c r="U26" s="313">
        <v>0</v>
      </c>
      <c r="V26" s="310">
        <v>0</v>
      </c>
      <c r="W26" s="315">
        <v>0</v>
      </c>
      <c r="X26" s="309">
        <v>0</v>
      </c>
      <c r="Y26" s="313">
        <v>0</v>
      </c>
      <c r="Z26" s="310">
        <v>0</v>
      </c>
      <c r="AA26" s="312">
        <v>0</v>
      </c>
      <c r="AB26" s="313">
        <v>1</v>
      </c>
      <c r="AC26" s="313">
        <v>3</v>
      </c>
      <c r="AD26" s="313">
        <v>1</v>
      </c>
      <c r="AE26" s="313">
        <v>0</v>
      </c>
      <c r="AF26" s="313">
        <v>0</v>
      </c>
      <c r="AG26" s="310">
        <v>5</v>
      </c>
      <c r="AH26" s="315">
        <v>5</v>
      </c>
      <c r="AI26" s="309">
        <v>0</v>
      </c>
      <c r="AJ26" s="313">
        <v>0</v>
      </c>
      <c r="AK26" s="310">
        <v>0</v>
      </c>
      <c r="AL26" s="312">
        <v>0</v>
      </c>
      <c r="AM26" s="313">
        <v>0</v>
      </c>
      <c r="AN26" s="313">
        <v>1</v>
      </c>
      <c r="AO26" s="313">
        <v>0</v>
      </c>
      <c r="AP26" s="313">
        <v>0</v>
      </c>
      <c r="AQ26" s="313">
        <v>1</v>
      </c>
      <c r="AR26" s="310">
        <v>2</v>
      </c>
      <c r="AS26" s="315">
        <v>2</v>
      </c>
      <c r="AT26" s="309">
        <v>1</v>
      </c>
      <c r="AU26" s="313">
        <v>1</v>
      </c>
      <c r="AV26" s="310">
        <v>2</v>
      </c>
      <c r="AW26" s="312">
        <v>0</v>
      </c>
      <c r="AX26" s="313">
        <v>4</v>
      </c>
      <c r="AY26" s="313">
        <v>1</v>
      </c>
      <c r="AZ26" s="313">
        <v>0</v>
      </c>
      <c r="BA26" s="313">
        <v>0</v>
      </c>
      <c r="BB26" s="313">
        <v>0</v>
      </c>
      <c r="BC26" s="310">
        <v>5</v>
      </c>
      <c r="BD26" s="315">
        <v>7</v>
      </c>
      <c r="BE26" s="309">
        <v>0</v>
      </c>
      <c r="BF26" s="313">
        <v>0</v>
      </c>
      <c r="BG26" s="310">
        <v>0</v>
      </c>
      <c r="BH26" s="312">
        <v>0</v>
      </c>
      <c r="BI26" s="313">
        <v>0</v>
      </c>
      <c r="BJ26" s="313">
        <v>0</v>
      </c>
      <c r="BK26" s="313">
        <v>1</v>
      </c>
      <c r="BL26" s="313">
        <v>1</v>
      </c>
      <c r="BM26" s="313">
        <v>1</v>
      </c>
      <c r="BN26" s="314">
        <v>3</v>
      </c>
      <c r="BO26" s="315">
        <v>3</v>
      </c>
      <c r="BP26" s="309">
        <v>0</v>
      </c>
      <c r="BQ26" s="313">
        <v>0</v>
      </c>
      <c r="BR26" s="310">
        <v>0</v>
      </c>
      <c r="BS26" s="312">
        <v>0</v>
      </c>
      <c r="BT26" s="313">
        <v>0</v>
      </c>
      <c r="BU26" s="313">
        <v>0</v>
      </c>
      <c r="BV26" s="313">
        <v>0</v>
      </c>
      <c r="BW26" s="313">
        <v>0</v>
      </c>
      <c r="BX26" s="313">
        <v>0</v>
      </c>
      <c r="BY26" s="310">
        <v>0</v>
      </c>
      <c r="BZ26" s="315">
        <v>0</v>
      </c>
      <c r="CA26" s="309">
        <v>0</v>
      </c>
      <c r="CB26" s="313">
        <v>0</v>
      </c>
      <c r="CC26" s="310">
        <v>0</v>
      </c>
      <c r="CD26" s="312">
        <v>0</v>
      </c>
      <c r="CE26" s="313">
        <v>0</v>
      </c>
      <c r="CF26" s="313">
        <v>0</v>
      </c>
      <c r="CG26" s="313">
        <v>0</v>
      </c>
      <c r="CH26" s="313">
        <v>0</v>
      </c>
      <c r="CI26" s="313">
        <v>0</v>
      </c>
      <c r="CJ26" s="310">
        <v>0</v>
      </c>
      <c r="CK26" s="315">
        <v>0</v>
      </c>
      <c r="CL26" s="309">
        <v>0</v>
      </c>
      <c r="CM26" s="313">
        <v>0</v>
      </c>
      <c r="CN26" s="310">
        <v>0</v>
      </c>
      <c r="CO26" s="312">
        <v>0</v>
      </c>
      <c r="CP26" s="313">
        <v>0</v>
      </c>
      <c r="CQ26" s="313">
        <v>0</v>
      </c>
      <c r="CR26" s="313">
        <v>0</v>
      </c>
      <c r="CS26" s="313">
        <v>0</v>
      </c>
      <c r="CT26" s="313">
        <v>0</v>
      </c>
      <c r="CU26" s="310">
        <v>0</v>
      </c>
      <c r="CV26" s="315">
        <v>0</v>
      </c>
    </row>
    <row r="27" spans="1:100" ht="21" customHeight="1" x14ac:dyDescent="0.2">
      <c r="A27" s="294" t="s">
        <v>25</v>
      </c>
      <c r="B27" s="309">
        <v>0</v>
      </c>
      <c r="C27" s="310">
        <v>0</v>
      </c>
      <c r="D27" s="311">
        <v>0</v>
      </c>
      <c r="E27" s="312">
        <v>0</v>
      </c>
      <c r="F27" s="313">
        <v>0</v>
      </c>
      <c r="G27" s="313">
        <v>0</v>
      </c>
      <c r="H27" s="313">
        <v>0</v>
      </c>
      <c r="I27" s="313">
        <v>0</v>
      </c>
      <c r="J27" s="313">
        <v>0</v>
      </c>
      <c r="K27" s="314">
        <v>0</v>
      </c>
      <c r="L27" s="315">
        <v>0</v>
      </c>
      <c r="M27" s="309">
        <v>0</v>
      </c>
      <c r="N27" s="313">
        <v>0</v>
      </c>
      <c r="O27" s="310">
        <v>0</v>
      </c>
      <c r="P27" s="312">
        <v>0</v>
      </c>
      <c r="Q27" s="313">
        <v>0</v>
      </c>
      <c r="R27" s="313">
        <v>0</v>
      </c>
      <c r="S27" s="313">
        <v>0</v>
      </c>
      <c r="T27" s="313">
        <v>0</v>
      </c>
      <c r="U27" s="313">
        <v>0</v>
      </c>
      <c r="V27" s="310">
        <v>0</v>
      </c>
      <c r="W27" s="315">
        <v>0</v>
      </c>
      <c r="X27" s="309">
        <v>0</v>
      </c>
      <c r="Y27" s="313">
        <v>0</v>
      </c>
      <c r="Z27" s="310">
        <v>0</v>
      </c>
      <c r="AA27" s="312">
        <v>0</v>
      </c>
      <c r="AB27" s="313">
        <v>3</v>
      </c>
      <c r="AC27" s="313">
        <v>0</v>
      </c>
      <c r="AD27" s="313">
        <v>0</v>
      </c>
      <c r="AE27" s="313">
        <v>0</v>
      </c>
      <c r="AF27" s="313">
        <v>0</v>
      </c>
      <c r="AG27" s="310">
        <v>3</v>
      </c>
      <c r="AH27" s="315">
        <v>3</v>
      </c>
      <c r="AI27" s="309">
        <v>0</v>
      </c>
      <c r="AJ27" s="313">
        <v>0</v>
      </c>
      <c r="AK27" s="310">
        <v>0</v>
      </c>
      <c r="AL27" s="312">
        <v>0</v>
      </c>
      <c r="AM27" s="313">
        <v>0</v>
      </c>
      <c r="AN27" s="313">
        <v>0</v>
      </c>
      <c r="AO27" s="313">
        <v>0</v>
      </c>
      <c r="AP27" s="313">
        <v>0</v>
      </c>
      <c r="AQ27" s="313">
        <v>0</v>
      </c>
      <c r="AR27" s="310">
        <v>0</v>
      </c>
      <c r="AS27" s="315">
        <v>0</v>
      </c>
      <c r="AT27" s="309">
        <v>0</v>
      </c>
      <c r="AU27" s="313">
        <v>0</v>
      </c>
      <c r="AV27" s="310">
        <v>0</v>
      </c>
      <c r="AW27" s="312">
        <v>0</v>
      </c>
      <c r="AX27" s="313">
        <v>0</v>
      </c>
      <c r="AY27" s="313">
        <v>0</v>
      </c>
      <c r="AZ27" s="313">
        <v>0</v>
      </c>
      <c r="BA27" s="313">
        <v>0</v>
      </c>
      <c r="BB27" s="313">
        <v>1</v>
      </c>
      <c r="BC27" s="310">
        <v>1</v>
      </c>
      <c r="BD27" s="315">
        <v>1</v>
      </c>
      <c r="BE27" s="309">
        <v>0</v>
      </c>
      <c r="BF27" s="313">
        <v>0</v>
      </c>
      <c r="BG27" s="310">
        <v>0</v>
      </c>
      <c r="BH27" s="312">
        <v>0</v>
      </c>
      <c r="BI27" s="313">
        <v>2</v>
      </c>
      <c r="BJ27" s="313">
        <v>2</v>
      </c>
      <c r="BK27" s="313">
        <v>0</v>
      </c>
      <c r="BL27" s="313">
        <v>0</v>
      </c>
      <c r="BM27" s="313">
        <v>1</v>
      </c>
      <c r="BN27" s="314">
        <v>5</v>
      </c>
      <c r="BO27" s="315">
        <v>5</v>
      </c>
      <c r="BP27" s="309">
        <v>0</v>
      </c>
      <c r="BQ27" s="313">
        <v>0</v>
      </c>
      <c r="BR27" s="310">
        <v>0</v>
      </c>
      <c r="BS27" s="312">
        <v>0</v>
      </c>
      <c r="BT27" s="313">
        <v>0</v>
      </c>
      <c r="BU27" s="313">
        <v>0</v>
      </c>
      <c r="BV27" s="313">
        <v>0</v>
      </c>
      <c r="BW27" s="313">
        <v>0</v>
      </c>
      <c r="BX27" s="313">
        <v>0</v>
      </c>
      <c r="BY27" s="310">
        <v>0</v>
      </c>
      <c r="BZ27" s="315">
        <v>0</v>
      </c>
      <c r="CA27" s="309">
        <v>0</v>
      </c>
      <c r="CB27" s="313">
        <v>0</v>
      </c>
      <c r="CC27" s="310">
        <v>0</v>
      </c>
      <c r="CD27" s="312">
        <v>0</v>
      </c>
      <c r="CE27" s="313">
        <v>0</v>
      </c>
      <c r="CF27" s="313">
        <v>0</v>
      </c>
      <c r="CG27" s="313">
        <v>0</v>
      </c>
      <c r="CH27" s="313">
        <v>0</v>
      </c>
      <c r="CI27" s="313">
        <v>0</v>
      </c>
      <c r="CJ27" s="310">
        <v>0</v>
      </c>
      <c r="CK27" s="315">
        <v>0</v>
      </c>
      <c r="CL27" s="309">
        <v>0</v>
      </c>
      <c r="CM27" s="313">
        <v>0</v>
      </c>
      <c r="CN27" s="310">
        <v>0</v>
      </c>
      <c r="CO27" s="312">
        <v>0</v>
      </c>
      <c r="CP27" s="313">
        <v>0</v>
      </c>
      <c r="CQ27" s="313">
        <v>0</v>
      </c>
      <c r="CR27" s="313">
        <v>0</v>
      </c>
      <c r="CS27" s="313">
        <v>0</v>
      </c>
      <c r="CT27" s="313">
        <v>0</v>
      </c>
      <c r="CU27" s="310">
        <v>0</v>
      </c>
      <c r="CV27" s="315">
        <v>0</v>
      </c>
    </row>
    <row r="28" spans="1:100" ht="21" customHeight="1" x14ac:dyDescent="0.2">
      <c r="A28" s="294" t="s">
        <v>26</v>
      </c>
      <c r="B28" s="309">
        <v>0</v>
      </c>
      <c r="C28" s="310">
        <v>0</v>
      </c>
      <c r="D28" s="311">
        <v>0</v>
      </c>
      <c r="E28" s="312">
        <v>0</v>
      </c>
      <c r="F28" s="313">
        <v>0</v>
      </c>
      <c r="G28" s="313">
        <v>0</v>
      </c>
      <c r="H28" s="313">
        <v>0</v>
      </c>
      <c r="I28" s="313">
        <v>0</v>
      </c>
      <c r="J28" s="313">
        <v>0</v>
      </c>
      <c r="K28" s="314">
        <v>0</v>
      </c>
      <c r="L28" s="315">
        <v>0</v>
      </c>
      <c r="M28" s="309">
        <v>0</v>
      </c>
      <c r="N28" s="313">
        <v>0</v>
      </c>
      <c r="O28" s="310">
        <v>0</v>
      </c>
      <c r="P28" s="312">
        <v>0</v>
      </c>
      <c r="Q28" s="313">
        <v>0</v>
      </c>
      <c r="R28" s="313">
        <v>0</v>
      </c>
      <c r="S28" s="313">
        <v>0</v>
      </c>
      <c r="T28" s="313">
        <v>0</v>
      </c>
      <c r="U28" s="313">
        <v>0</v>
      </c>
      <c r="V28" s="310">
        <v>0</v>
      </c>
      <c r="W28" s="315">
        <v>0</v>
      </c>
      <c r="X28" s="309">
        <v>0</v>
      </c>
      <c r="Y28" s="313">
        <v>0</v>
      </c>
      <c r="Z28" s="310">
        <v>0</v>
      </c>
      <c r="AA28" s="312">
        <v>0</v>
      </c>
      <c r="AB28" s="313">
        <v>3</v>
      </c>
      <c r="AC28" s="313">
        <v>2</v>
      </c>
      <c r="AD28" s="313">
        <v>0</v>
      </c>
      <c r="AE28" s="313">
        <v>0</v>
      </c>
      <c r="AF28" s="313">
        <v>1</v>
      </c>
      <c r="AG28" s="310">
        <v>6</v>
      </c>
      <c r="AH28" s="315">
        <v>6</v>
      </c>
      <c r="AI28" s="309">
        <v>0</v>
      </c>
      <c r="AJ28" s="313">
        <v>0</v>
      </c>
      <c r="AK28" s="310">
        <v>0</v>
      </c>
      <c r="AL28" s="312">
        <v>0</v>
      </c>
      <c r="AM28" s="313">
        <v>0</v>
      </c>
      <c r="AN28" s="313">
        <v>0</v>
      </c>
      <c r="AO28" s="313">
        <v>1</v>
      </c>
      <c r="AP28" s="313">
        <v>0</v>
      </c>
      <c r="AQ28" s="313">
        <v>0</v>
      </c>
      <c r="AR28" s="310">
        <v>1</v>
      </c>
      <c r="AS28" s="315">
        <v>1</v>
      </c>
      <c r="AT28" s="309">
        <v>0</v>
      </c>
      <c r="AU28" s="313">
        <v>0</v>
      </c>
      <c r="AV28" s="310">
        <v>0</v>
      </c>
      <c r="AW28" s="312">
        <v>0</v>
      </c>
      <c r="AX28" s="313">
        <v>1</v>
      </c>
      <c r="AY28" s="313">
        <v>0</v>
      </c>
      <c r="AZ28" s="313">
        <v>0</v>
      </c>
      <c r="BA28" s="313">
        <v>0</v>
      </c>
      <c r="BB28" s="313">
        <v>0</v>
      </c>
      <c r="BC28" s="310">
        <v>1</v>
      </c>
      <c r="BD28" s="315">
        <v>1</v>
      </c>
      <c r="BE28" s="309">
        <v>0</v>
      </c>
      <c r="BF28" s="313">
        <v>0</v>
      </c>
      <c r="BG28" s="310">
        <v>0</v>
      </c>
      <c r="BH28" s="312">
        <v>0</v>
      </c>
      <c r="BI28" s="313">
        <v>0</v>
      </c>
      <c r="BJ28" s="313">
        <v>1</v>
      </c>
      <c r="BK28" s="313">
        <v>1</v>
      </c>
      <c r="BL28" s="313">
        <v>0</v>
      </c>
      <c r="BM28" s="313">
        <v>2</v>
      </c>
      <c r="BN28" s="314">
        <v>4</v>
      </c>
      <c r="BO28" s="315">
        <v>4</v>
      </c>
      <c r="BP28" s="309">
        <v>0</v>
      </c>
      <c r="BQ28" s="313">
        <v>0</v>
      </c>
      <c r="BR28" s="310">
        <v>0</v>
      </c>
      <c r="BS28" s="312">
        <v>0</v>
      </c>
      <c r="BT28" s="313">
        <v>0</v>
      </c>
      <c r="BU28" s="313">
        <v>0</v>
      </c>
      <c r="BV28" s="313">
        <v>0</v>
      </c>
      <c r="BW28" s="313">
        <v>0</v>
      </c>
      <c r="BX28" s="313">
        <v>0</v>
      </c>
      <c r="BY28" s="310">
        <v>0</v>
      </c>
      <c r="BZ28" s="315">
        <v>0</v>
      </c>
      <c r="CA28" s="309">
        <v>0</v>
      </c>
      <c r="CB28" s="313">
        <v>0</v>
      </c>
      <c r="CC28" s="310">
        <v>0</v>
      </c>
      <c r="CD28" s="312">
        <v>0</v>
      </c>
      <c r="CE28" s="313">
        <v>0</v>
      </c>
      <c r="CF28" s="313">
        <v>0</v>
      </c>
      <c r="CG28" s="313">
        <v>0</v>
      </c>
      <c r="CH28" s="313">
        <v>0</v>
      </c>
      <c r="CI28" s="313">
        <v>0</v>
      </c>
      <c r="CJ28" s="310">
        <v>0</v>
      </c>
      <c r="CK28" s="315">
        <v>0</v>
      </c>
      <c r="CL28" s="309">
        <v>0</v>
      </c>
      <c r="CM28" s="313">
        <v>0</v>
      </c>
      <c r="CN28" s="310">
        <v>0</v>
      </c>
      <c r="CO28" s="312">
        <v>0</v>
      </c>
      <c r="CP28" s="313">
        <v>0</v>
      </c>
      <c r="CQ28" s="313">
        <v>0</v>
      </c>
      <c r="CR28" s="313">
        <v>0</v>
      </c>
      <c r="CS28" s="313">
        <v>0</v>
      </c>
      <c r="CT28" s="313">
        <v>0</v>
      </c>
      <c r="CU28" s="310">
        <v>0</v>
      </c>
      <c r="CV28" s="315">
        <v>0</v>
      </c>
    </row>
    <row r="29" spans="1:100" ht="21" customHeight="1" x14ac:dyDescent="0.2">
      <c r="A29" s="294" t="s">
        <v>27</v>
      </c>
      <c r="B29" s="309">
        <v>0</v>
      </c>
      <c r="C29" s="310">
        <v>0</v>
      </c>
      <c r="D29" s="311">
        <v>0</v>
      </c>
      <c r="E29" s="312">
        <v>0</v>
      </c>
      <c r="F29" s="313">
        <v>0</v>
      </c>
      <c r="G29" s="313">
        <v>0</v>
      </c>
      <c r="H29" s="313">
        <v>0</v>
      </c>
      <c r="I29" s="313">
        <v>0</v>
      </c>
      <c r="J29" s="313">
        <v>0</v>
      </c>
      <c r="K29" s="314">
        <v>0</v>
      </c>
      <c r="L29" s="315">
        <v>0</v>
      </c>
      <c r="M29" s="309">
        <v>0</v>
      </c>
      <c r="N29" s="313">
        <v>0</v>
      </c>
      <c r="O29" s="310">
        <v>0</v>
      </c>
      <c r="P29" s="312">
        <v>0</v>
      </c>
      <c r="Q29" s="313">
        <v>0</v>
      </c>
      <c r="R29" s="313">
        <v>0</v>
      </c>
      <c r="S29" s="313">
        <v>0</v>
      </c>
      <c r="T29" s="313">
        <v>0</v>
      </c>
      <c r="U29" s="313">
        <v>0</v>
      </c>
      <c r="V29" s="310">
        <v>0</v>
      </c>
      <c r="W29" s="315">
        <v>0</v>
      </c>
      <c r="X29" s="309">
        <v>0</v>
      </c>
      <c r="Y29" s="313">
        <v>0</v>
      </c>
      <c r="Z29" s="310">
        <v>0</v>
      </c>
      <c r="AA29" s="312">
        <v>0</v>
      </c>
      <c r="AB29" s="313">
        <v>1</v>
      </c>
      <c r="AC29" s="313">
        <v>0</v>
      </c>
      <c r="AD29" s="313">
        <v>1</v>
      </c>
      <c r="AE29" s="313">
        <v>0</v>
      </c>
      <c r="AF29" s="313">
        <v>0</v>
      </c>
      <c r="AG29" s="310">
        <v>2</v>
      </c>
      <c r="AH29" s="315">
        <v>2</v>
      </c>
      <c r="AI29" s="309">
        <v>0</v>
      </c>
      <c r="AJ29" s="313">
        <v>0</v>
      </c>
      <c r="AK29" s="310">
        <v>0</v>
      </c>
      <c r="AL29" s="312">
        <v>0</v>
      </c>
      <c r="AM29" s="313">
        <v>1</v>
      </c>
      <c r="AN29" s="313">
        <v>0</v>
      </c>
      <c r="AO29" s="313">
        <v>0</v>
      </c>
      <c r="AP29" s="313">
        <v>0</v>
      </c>
      <c r="AQ29" s="313">
        <v>0</v>
      </c>
      <c r="AR29" s="310">
        <v>1</v>
      </c>
      <c r="AS29" s="315">
        <v>1</v>
      </c>
      <c r="AT29" s="309">
        <v>0</v>
      </c>
      <c r="AU29" s="313">
        <v>0</v>
      </c>
      <c r="AV29" s="310">
        <v>0</v>
      </c>
      <c r="AW29" s="312">
        <v>0</v>
      </c>
      <c r="AX29" s="313">
        <v>0</v>
      </c>
      <c r="AY29" s="313">
        <v>0</v>
      </c>
      <c r="AZ29" s="313">
        <v>0</v>
      </c>
      <c r="BA29" s="313">
        <v>0</v>
      </c>
      <c r="BB29" s="313">
        <v>0</v>
      </c>
      <c r="BC29" s="310">
        <v>0</v>
      </c>
      <c r="BD29" s="315">
        <v>0</v>
      </c>
      <c r="BE29" s="309">
        <v>0</v>
      </c>
      <c r="BF29" s="313">
        <v>0</v>
      </c>
      <c r="BG29" s="310">
        <v>0</v>
      </c>
      <c r="BH29" s="312">
        <v>0</v>
      </c>
      <c r="BI29" s="313">
        <v>0</v>
      </c>
      <c r="BJ29" s="313">
        <v>0</v>
      </c>
      <c r="BK29" s="313">
        <v>0</v>
      </c>
      <c r="BL29" s="313">
        <v>0</v>
      </c>
      <c r="BM29" s="313">
        <v>0</v>
      </c>
      <c r="BN29" s="314">
        <v>0</v>
      </c>
      <c r="BO29" s="315">
        <v>0</v>
      </c>
      <c r="BP29" s="309">
        <v>0</v>
      </c>
      <c r="BQ29" s="313">
        <v>0</v>
      </c>
      <c r="BR29" s="310">
        <v>0</v>
      </c>
      <c r="BS29" s="312">
        <v>0</v>
      </c>
      <c r="BT29" s="313">
        <v>0</v>
      </c>
      <c r="BU29" s="313">
        <v>0</v>
      </c>
      <c r="BV29" s="313">
        <v>0</v>
      </c>
      <c r="BW29" s="313">
        <v>0</v>
      </c>
      <c r="BX29" s="313">
        <v>0</v>
      </c>
      <c r="BY29" s="310">
        <v>0</v>
      </c>
      <c r="BZ29" s="315">
        <v>0</v>
      </c>
      <c r="CA29" s="309">
        <v>0</v>
      </c>
      <c r="CB29" s="313">
        <v>0</v>
      </c>
      <c r="CC29" s="310">
        <v>0</v>
      </c>
      <c r="CD29" s="312">
        <v>0</v>
      </c>
      <c r="CE29" s="313">
        <v>0</v>
      </c>
      <c r="CF29" s="313">
        <v>0</v>
      </c>
      <c r="CG29" s="313">
        <v>0</v>
      </c>
      <c r="CH29" s="313">
        <v>0</v>
      </c>
      <c r="CI29" s="313">
        <v>0</v>
      </c>
      <c r="CJ29" s="310">
        <v>0</v>
      </c>
      <c r="CK29" s="315">
        <v>0</v>
      </c>
      <c r="CL29" s="309">
        <v>0</v>
      </c>
      <c r="CM29" s="313">
        <v>0</v>
      </c>
      <c r="CN29" s="310">
        <v>0</v>
      </c>
      <c r="CO29" s="312">
        <v>0</v>
      </c>
      <c r="CP29" s="313">
        <v>0</v>
      </c>
      <c r="CQ29" s="313">
        <v>0</v>
      </c>
      <c r="CR29" s="313">
        <v>0</v>
      </c>
      <c r="CS29" s="313">
        <v>0</v>
      </c>
      <c r="CT29" s="313">
        <v>0</v>
      </c>
      <c r="CU29" s="310">
        <v>0</v>
      </c>
      <c r="CV29" s="315">
        <v>0</v>
      </c>
    </row>
    <row r="30" spans="1:100" ht="21" customHeight="1" x14ac:dyDescent="0.2">
      <c r="A30" s="294" t="s">
        <v>28</v>
      </c>
      <c r="B30" s="309">
        <v>0</v>
      </c>
      <c r="C30" s="310">
        <v>0</v>
      </c>
      <c r="D30" s="311">
        <v>0</v>
      </c>
      <c r="E30" s="312">
        <v>0</v>
      </c>
      <c r="F30" s="313">
        <v>0</v>
      </c>
      <c r="G30" s="313">
        <v>0</v>
      </c>
      <c r="H30" s="313">
        <v>0</v>
      </c>
      <c r="I30" s="313">
        <v>0</v>
      </c>
      <c r="J30" s="313">
        <v>0</v>
      </c>
      <c r="K30" s="314">
        <v>0</v>
      </c>
      <c r="L30" s="315">
        <v>0</v>
      </c>
      <c r="M30" s="309">
        <v>0</v>
      </c>
      <c r="N30" s="313">
        <v>0</v>
      </c>
      <c r="O30" s="310">
        <v>0</v>
      </c>
      <c r="P30" s="312">
        <v>0</v>
      </c>
      <c r="Q30" s="313">
        <v>0</v>
      </c>
      <c r="R30" s="313">
        <v>0</v>
      </c>
      <c r="S30" s="313">
        <v>0</v>
      </c>
      <c r="T30" s="313">
        <v>0</v>
      </c>
      <c r="U30" s="313">
        <v>0</v>
      </c>
      <c r="V30" s="310">
        <v>0</v>
      </c>
      <c r="W30" s="315">
        <v>0</v>
      </c>
      <c r="X30" s="309">
        <v>0</v>
      </c>
      <c r="Y30" s="313">
        <v>0</v>
      </c>
      <c r="Z30" s="310">
        <v>0</v>
      </c>
      <c r="AA30" s="312">
        <v>0</v>
      </c>
      <c r="AB30" s="313">
        <v>2</v>
      </c>
      <c r="AC30" s="313">
        <v>2</v>
      </c>
      <c r="AD30" s="313">
        <v>0</v>
      </c>
      <c r="AE30" s="313">
        <v>0</v>
      </c>
      <c r="AF30" s="313">
        <v>0</v>
      </c>
      <c r="AG30" s="310">
        <v>4</v>
      </c>
      <c r="AH30" s="315">
        <v>4</v>
      </c>
      <c r="AI30" s="309">
        <v>0</v>
      </c>
      <c r="AJ30" s="313">
        <v>0</v>
      </c>
      <c r="AK30" s="310">
        <v>0</v>
      </c>
      <c r="AL30" s="312">
        <v>0</v>
      </c>
      <c r="AM30" s="313">
        <v>0</v>
      </c>
      <c r="AN30" s="313">
        <v>0</v>
      </c>
      <c r="AO30" s="313">
        <v>1</v>
      </c>
      <c r="AP30" s="313">
        <v>0</v>
      </c>
      <c r="AQ30" s="313">
        <v>0</v>
      </c>
      <c r="AR30" s="310">
        <v>1</v>
      </c>
      <c r="AS30" s="315">
        <v>1</v>
      </c>
      <c r="AT30" s="309">
        <v>0</v>
      </c>
      <c r="AU30" s="313">
        <v>0</v>
      </c>
      <c r="AV30" s="310">
        <v>0</v>
      </c>
      <c r="AW30" s="312">
        <v>0</v>
      </c>
      <c r="AX30" s="313">
        <v>0</v>
      </c>
      <c r="AY30" s="313">
        <v>0</v>
      </c>
      <c r="AZ30" s="313">
        <v>0</v>
      </c>
      <c r="BA30" s="313">
        <v>0</v>
      </c>
      <c r="BB30" s="313">
        <v>0</v>
      </c>
      <c r="BC30" s="310">
        <v>0</v>
      </c>
      <c r="BD30" s="315">
        <v>0</v>
      </c>
      <c r="BE30" s="309">
        <v>0</v>
      </c>
      <c r="BF30" s="313">
        <v>0</v>
      </c>
      <c r="BG30" s="310">
        <v>0</v>
      </c>
      <c r="BH30" s="312">
        <v>0</v>
      </c>
      <c r="BI30" s="313">
        <v>0</v>
      </c>
      <c r="BJ30" s="313">
        <v>0</v>
      </c>
      <c r="BK30" s="313">
        <v>1</v>
      </c>
      <c r="BL30" s="313">
        <v>0</v>
      </c>
      <c r="BM30" s="313">
        <v>0</v>
      </c>
      <c r="BN30" s="314">
        <v>1</v>
      </c>
      <c r="BO30" s="315">
        <v>1</v>
      </c>
      <c r="BP30" s="309">
        <v>0</v>
      </c>
      <c r="BQ30" s="313">
        <v>0</v>
      </c>
      <c r="BR30" s="310">
        <v>0</v>
      </c>
      <c r="BS30" s="312">
        <v>0</v>
      </c>
      <c r="BT30" s="313">
        <v>0</v>
      </c>
      <c r="BU30" s="313">
        <v>0</v>
      </c>
      <c r="BV30" s="313">
        <v>0</v>
      </c>
      <c r="BW30" s="313">
        <v>0</v>
      </c>
      <c r="BX30" s="313">
        <v>0</v>
      </c>
      <c r="BY30" s="310">
        <v>0</v>
      </c>
      <c r="BZ30" s="315">
        <v>0</v>
      </c>
      <c r="CA30" s="309">
        <v>0</v>
      </c>
      <c r="CB30" s="313">
        <v>0</v>
      </c>
      <c r="CC30" s="310">
        <v>0</v>
      </c>
      <c r="CD30" s="312">
        <v>0</v>
      </c>
      <c r="CE30" s="313">
        <v>0</v>
      </c>
      <c r="CF30" s="313">
        <v>0</v>
      </c>
      <c r="CG30" s="313">
        <v>0</v>
      </c>
      <c r="CH30" s="313">
        <v>0</v>
      </c>
      <c r="CI30" s="313">
        <v>0</v>
      </c>
      <c r="CJ30" s="310">
        <v>0</v>
      </c>
      <c r="CK30" s="315">
        <v>0</v>
      </c>
      <c r="CL30" s="309">
        <v>0</v>
      </c>
      <c r="CM30" s="313">
        <v>0</v>
      </c>
      <c r="CN30" s="310">
        <v>0</v>
      </c>
      <c r="CO30" s="312">
        <v>0</v>
      </c>
      <c r="CP30" s="313">
        <v>0</v>
      </c>
      <c r="CQ30" s="313">
        <v>0</v>
      </c>
      <c r="CR30" s="313">
        <v>0</v>
      </c>
      <c r="CS30" s="313">
        <v>0</v>
      </c>
      <c r="CT30" s="313">
        <v>0</v>
      </c>
      <c r="CU30" s="310">
        <v>0</v>
      </c>
      <c r="CV30" s="315">
        <v>0</v>
      </c>
    </row>
    <row r="31" spans="1:100" ht="21" customHeight="1" x14ac:dyDescent="0.2">
      <c r="A31" s="294" t="s">
        <v>29</v>
      </c>
      <c r="B31" s="309">
        <v>0</v>
      </c>
      <c r="C31" s="310">
        <v>0</v>
      </c>
      <c r="D31" s="311">
        <v>0</v>
      </c>
      <c r="E31" s="312">
        <v>0</v>
      </c>
      <c r="F31" s="313">
        <v>0</v>
      </c>
      <c r="G31" s="313">
        <v>0</v>
      </c>
      <c r="H31" s="313">
        <v>0</v>
      </c>
      <c r="I31" s="313">
        <v>0</v>
      </c>
      <c r="J31" s="313">
        <v>0</v>
      </c>
      <c r="K31" s="314">
        <v>0</v>
      </c>
      <c r="L31" s="315">
        <v>0</v>
      </c>
      <c r="M31" s="309">
        <v>0</v>
      </c>
      <c r="N31" s="313">
        <v>0</v>
      </c>
      <c r="O31" s="310">
        <v>0</v>
      </c>
      <c r="P31" s="312">
        <v>0</v>
      </c>
      <c r="Q31" s="313">
        <v>0</v>
      </c>
      <c r="R31" s="313">
        <v>0</v>
      </c>
      <c r="S31" s="313">
        <v>0</v>
      </c>
      <c r="T31" s="313">
        <v>0</v>
      </c>
      <c r="U31" s="313">
        <v>0</v>
      </c>
      <c r="V31" s="310">
        <v>0</v>
      </c>
      <c r="W31" s="315">
        <v>0</v>
      </c>
      <c r="X31" s="309">
        <v>0</v>
      </c>
      <c r="Y31" s="313">
        <v>0</v>
      </c>
      <c r="Z31" s="310">
        <v>0</v>
      </c>
      <c r="AA31" s="312">
        <v>0</v>
      </c>
      <c r="AB31" s="313">
        <v>0</v>
      </c>
      <c r="AC31" s="313">
        <v>1</v>
      </c>
      <c r="AD31" s="313">
        <v>0</v>
      </c>
      <c r="AE31" s="313">
        <v>0</v>
      </c>
      <c r="AF31" s="313">
        <v>0</v>
      </c>
      <c r="AG31" s="310">
        <v>1</v>
      </c>
      <c r="AH31" s="315">
        <v>1</v>
      </c>
      <c r="AI31" s="309">
        <v>0</v>
      </c>
      <c r="AJ31" s="313">
        <v>0</v>
      </c>
      <c r="AK31" s="310">
        <v>0</v>
      </c>
      <c r="AL31" s="312">
        <v>0</v>
      </c>
      <c r="AM31" s="313">
        <v>0</v>
      </c>
      <c r="AN31" s="313">
        <v>0</v>
      </c>
      <c r="AO31" s="313">
        <v>1</v>
      </c>
      <c r="AP31" s="313">
        <v>0</v>
      </c>
      <c r="AQ31" s="313">
        <v>0</v>
      </c>
      <c r="AR31" s="310">
        <v>1</v>
      </c>
      <c r="AS31" s="315">
        <v>1</v>
      </c>
      <c r="AT31" s="309">
        <v>0</v>
      </c>
      <c r="AU31" s="313">
        <v>0</v>
      </c>
      <c r="AV31" s="310">
        <v>0</v>
      </c>
      <c r="AW31" s="312">
        <v>0</v>
      </c>
      <c r="AX31" s="313">
        <v>0</v>
      </c>
      <c r="AY31" s="313">
        <v>0</v>
      </c>
      <c r="AZ31" s="313">
        <v>0</v>
      </c>
      <c r="BA31" s="313">
        <v>0</v>
      </c>
      <c r="BB31" s="313">
        <v>0</v>
      </c>
      <c r="BC31" s="310">
        <v>0</v>
      </c>
      <c r="BD31" s="315">
        <v>0</v>
      </c>
      <c r="BE31" s="309">
        <v>0</v>
      </c>
      <c r="BF31" s="313">
        <v>0</v>
      </c>
      <c r="BG31" s="310">
        <v>0</v>
      </c>
      <c r="BH31" s="312">
        <v>0</v>
      </c>
      <c r="BI31" s="313">
        <v>0</v>
      </c>
      <c r="BJ31" s="313">
        <v>0</v>
      </c>
      <c r="BK31" s="313">
        <v>0</v>
      </c>
      <c r="BL31" s="313">
        <v>0</v>
      </c>
      <c r="BM31" s="313">
        <v>0</v>
      </c>
      <c r="BN31" s="314">
        <v>0</v>
      </c>
      <c r="BO31" s="315">
        <v>0</v>
      </c>
      <c r="BP31" s="309">
        <v>0</v>
      </c>
      <c r="BQ31" s="313">
        <v>0</v>
      </c>
      <c r="BR31" s="310">
        <v>0</v>
      </c>
      <c r="BS31" s="312">
        <v>0</v>
      </c>
      <c r="BT31" s="313">
        <v>0</v>
      </c>
      <c r="BU31" s="313">
        <v>0</v>
      </c>
      <c r="BV31" s="313">
        <v>0</v>
      </c>
      <c r="BW31" s="313">
        <v>0</v>
      </c>
      <c r="BX31" s="313">
        <v>0</v>
      </c>
      <c r="BY31" s="310">
        <v>0</v>
      </c>
      <c r="BZ31" s="315">
        <v>0</v>
      </c>
      <c r="CA31" s="309">
        <v>0</v>
      </c>
      <c r="CB31" s="313">
        <v>0</v>
      </c>
      <c r="CC31" s="310">
        <v>0</v>
      </c>
      <c r="CD31" s="312">
        <v>0</v>
      </c>
      <c r="CE31" s="313">
        <v>0</v>
      </c>
      <c r="CF31" s="313">
        <v>0</v>
      </c>
      <c r="CG31" s="313">
        <v>0</v>
      </c>
      <c r="CH31" s="313">
        <v>0</v>
      </c>
      <c r="CI31" s="313">
        <v>0</v>
      </c>
      <c r="CJ31" s="310">
        <v>0</v>
      </c>
      <c r="CK31" s="315">
        <v>0</v>
      </c>
      <c r="CL31" s="309">
        <v>0</v>
      </c>
      <c r="CM31" s="313">
        <v>0</v>
      </c>
      <c r="CN31" s="310">
        <v>0</v>
      </c>
      <c r="CO31" s="312">
        <v>0</v>
      </c>
      <c r="CP31" s="313">
        <v>0</v>
      </c>
      <c r="CQ31" s="313">
        <v>0</v>
      </c>
      <c r="CR31" s="313">
        <v>0</v>
      </c>
      <c r="CS31" s="313">
        <v>0</v>
      </c>
      <c r="CT31" s="313">
        <v>0</v>
      </c>
      <c r="CU31" s="310">
        <v>0</v>
      </c>
      <c r="CV31" s="315">
        <v>0</v>
      </c>
    </row>
    <row r="32" spans="1:100" ht="21" customHeight="1" x14ac:dyDescent="0.2">
      <c r="A32" s="294" t="s">
        <v>30</v>
      </c>
      <c r="B32" s="309">
        <v>0</v>
      </c>
      <c r="C32" s="310">
        <v>0</v>
      </c>
      <c r="D32" s="311">
        <v>0</v>
      </c>
      <c r="E32" s="312">
        <v>0</v>
      </c>
      <c r="F32" s="313">
        <v>0</v>
      </c>
      <c r="G32" s="313">
        <v>0</v>
      </c>
      <c r="H32" s="313">
        <v>0</v>
      </c>
      <c r="I32" s="313">
        <v>0</v>
      </c>
      <c r="J32" s="313">
        <v>0</v>
      </c>
      <c r="K32" s="314">
        <v>0</v>
      </c>
      <c r="L32" s="315">
        <v>0</v>
      </c>
      <c r="M32" s="309">
        <v>0</v>
      </c>
      <c r="N32" s="313">
        <v>0</v>
      </c>
      <c r="O32" s="310">
        <v>0</v>
      </c>
      <c r="P32" s="312">
        <v>0</v>
      </c>
      <c r="Q32" s="313">
        <v>0</v>
      </c>
      <c r="R32" s="313">
        <v>0</v>
      </c>
      <c r="S32" s="313">
        <v>0</v>
      </c>
      <c r="T32" s="313">
        <v>0</v>
      </c>
      <c r="U32" s="313">
        <v>0</v>
      </c>
      <c r="V32" s="310">
        <v>0</v>
      </c>
      <c r="W32" s="315">
        <v>0</v>
      </c>
      <c r="X32" s="309">
        <v>0</v>
      </c>
      <c r="Y32" s="313">
        <v>0</v>
      </c>
      <c r="Z32" s="310">
        <v>0</v>
      </c>
      <c r="AA32" s="312">
        <v>0</v>
      </c>
      <c r="AB32" s="313">
        <v>3</v>
      </c>
      <c r="AC32" s="313">
        <v>0</v>
      </c>
      <c r="AD32" s="313">
        <v>0</v>
      </c>
      <c r="AE32" s="313">
        <v>0</v>
      </c>
      <c r="AF32" s="313">
        <v>0</v>
      </c>
      <c r="AG32" s="310">
        <v>3</v>
      </c>
      <c r="AH32" s="315">
        <v>3</v>
      </c>
      <c r="AI32" s="309">
        <v>0</v>
      </c>
      <c r="AJ32" s="313">
        <v>0</v>
      </c>
      <c r="AK32" s="310">
        <v>0</v>
      </c>
      <c r="AL32" s="312">
        <v>0</v>
      </c>
      <c r="AM32" s="313">
        <v>0</v>
      </c>
      <c r="AN32" s="313">
        <v>1</v>
      </c>
      <c r="AO32" s="313">
        <v>0</v>
      </c>
      <c r="AP32" s="313">
        <v>0</v>
      </c>
      <c r="AQ32" s="313">
        <v>0</v>
      </c>
      <c r="AR32" s="310">
        <v>1</v>
      </c>
      <c r="AS32" s="315">
        <v>1</v>
      </c>
      <c r="AT32" s="309">
        <v>0</v>
      </c>
      <c r="AU32" s="313">
        <v>0</v>
      </c>
      <c r="AV32" s="310">
        <v>0</v>
      </c>
      <c r="AW32" s="312">
        <v>0</v>
      </c>
      <c r="AX32" s="313">
        <v>0</v>
      </c>
      <c r="AY32" s="313">
        <v>0</v>
      </c>
      <c r="AZ32" s="313">
        <v>0</v>
      </c>
      <c r="BA32" s="313">
        <v>0</v>
      </c>
      <c r="BB32" s="313">
        <v>0</v>
      </c>
      <c r="BC32" s="310">
        <v>0</v>
      </c>
      <c r="BD32" s="315">
        <v>0</v>
      </c>
      <c r="BE32" s="309">
        <v>0</v>
      </c>
      <c r="BF32" s="313">
        <v>0</v>
      </c>
      <c r="BG32" s="310">
        <v>0</v>
      </c>
      <c r="BH32" s="312">
        <v>0</v>
      </c>
      <c r="BI32" s="313">
        <v>1</v>
      </c>
      <c r="BJ32" s="313">
        <v>0</v>
      </c>
      <c r="BK32" s="313">
        <v>0</v>
      </c>
      <c r="BL32" s="313">
        <v>0</v>
      </c>
      <c r="BM32" s="313">
        <v>0</v>
      </c>
      <c r="BN32" s="314">
        <v>1</v>
      </c>
      <c r="BO32" s="315">
        <v>1</v>
      </c>
      <c r="BP32" s="309">
        <v>0</v>
      </c>
      <c r="BQ32" s="313">
        <v>0</v>
      </c>
      <c r="BR32" s="310">
        <v>0</v>
      </c>
      <c r="BS32" s="312">
        <v>0</v>
      </c>
      <c r="BT32" s="313">
        <v>0</v>
      </c>
      <c r="BU32" s="313">
        <v>0</v>
      </c>
      <c r="BV32" s="313">
        <v>0</v>
      </c>
      <c r="BW32" s="313">
        <v>0</v>
      </c>
      <c r="BX32" s="313">
        <v>0</v>
      </c>
      <c r="BY32" s="310">
        <v>0</v>
      </c>
      <c r="BZ32" s="315">
        <v>0</v>
      </c>
      <c r="CA32" s="309">
        <v>0</v>
      </c>
      <c r="CB32" s="313">
        <v>0</v>
      </c>
      <c r="CC32" s="310">
        <v>0</v>
      </c>
      <c r="CD32" s="312">
        <v>0</v>
      </c>
      <c r="CE32" s="313">
        <v>0</v>
      </c>
      <c r="CF32" s="313">
        <v>0</v>
      </c>
      <c r="CG32" s="313">
        <v>0</v>
      </c>
      <c r="CH32" s="313">
        <v>0</v>
      </c>
      <c r="CI32" s="313">
        <v>0</v>
      </c>
      <c r="CJ32" s="310">
        <v>0</v>
      </c>
      <c r="CK32" s="315">
        <v>0</v>
      </c>
      <c r="CL32" s="309">
        <v>0</v>
      </c>
      <c r="CM32" s="313">
        <v>0</v>
      </c>
      <c r="CN32" s="310">
        <v>0</v>
      </c>
      <c r="CO32" s="312">
        <v>0</v>
      </c>
      <c r="CP32" s="313">
        <v>0</v>
      </c>
      <c r="CQ32" s="313">
        <v>0</v>
      </c>
      <c r="CR32" s="313">
        <v>0</v>
      </c>
      <c r="CS32" s="313">
        <v>0</v>
      </c>
      <c r="CT32" s="313">
        <v>0</v>
      </c>
      <c r="CU32" s="310">
        <v>0</v>
      </c>
      <c r="CV32" s="315">
        <v>0</v>
      </c>
    </row>
    <row r="33" spans="1:100" ht="21" customHeight="1" x14ac:dyDescent="0.2">
      <c r="A33" s="294" t="s">
        <v>31</v>
      </c>
      <c r="B33" s="309">
        <v>0</v>
      </c>
      <c r="C33" s="310">
        <v>0</v>
      </c>
      <c r="D33" s="311">
        <v>0</v>
      </c>
      <c r="E33" s="312">
        <v>0</v>
      </c>
      <c r="F33" s="313">
        <v>0</v>
      </c>
      <c r="G33" s="313">
        <v>1</v>
      </c>
      <c r="H33" s="313">
        <v>0</v>
      </c>
      <c r="I33" s="313">
        <v>0</v>
      </c>
      <c r="J33" s="313">
        <v>0</v>
      </c>
      <c r="K33" s="314">
        <v>1</v>
      </c>
      <c r="L33" s="315">
        <v>1</v>
      </c>
      <c r="M33" s="309">
        <v>0</v>
      </c>
      <c r="N33" s="313">
        <v>0</v>
      </c>
      <c r="O33" s="310">
        <v>0</v>
      </c>
      <c r="P33" s="312">
        <v>0</v>
      </c>
      <c r="Q33" s="313">
        <v>0</v>
      </c>
      <c r="R33" s="313">
        <v>0</v>
      </c>
      <c r="S33" s="313">
        <v>0</v>
      </c>
      <c r="T33" s="313">
        <v>0</v>
      </c>
      <c r="U33" s="313">
        <v>0</v>
      </c>
      <c r="V33" s="310">
        <v>0</v>
      </c>
      <c r="W33" s="315">
        <v>0</v>
      </c>
      <c r="X33" s="309">
        <v>0</v>
      </c>
      <c r="Y33" s="313">
        <v>0</v>
      </c>
      <c r="Z33" s="310">
        <v>0</v>
      </c>
      <c r="AA33" s="312">
        <v>0</v>
      </c>
      <c r="AB33" s="313">
        <v>2</v>
      </c>
      <c r="AC33" s="313">
        <v>3</v>
      </c>
      <c r="AD33" s="313">
        <v>1</v>
      </c>
      <c r="AE33" s="313">
        <v>0</v>
      </c>
      <c r="AF33" s="313">
        <v>0</v>
      </c>
      <c r="AG33" s="310">
        <v>6</v>
      </c>
      <c r="AH33" s="315">
        <v>6</v>
      </c>
      <c r="AI33" s="309">
        <v>0</v>
      </c>
      <c r="AJ33" s="313">
        <v>0</v>
      </c>
      <c r="AK33" s="310">
        <v>0</v>
      </c>
      <c r="AL33" s="312">
        <v>0</v>
      </c>
      <c r="AM33" s="313">
        <v>0</v>
      </c>
      <c r="AN33" s="313">
        <v>0</v>
      </c>
      <c r="AO33" s="313">
        <v>0</v>
      </c>
      <c r="AP33" s="313">
        <v>0</v>
      </c>
      <c r="AQ33" s="313">
        <v>0</v>
      </c>
      <c r="AR33" s="310">
        <v>0</v>
      </c>
      <c r="AS33" s="315">
        <v>0</v>
      </c>
      <c r="AT33" s="309">
        <v>0</v>
      </c>
      <c r="AU33" s="313">
        <v>0</v>
      </c>
      <c r="AV33" s="310">
        <v>0</v>
      </c>
      <c r="AW33" s="312">
        <v>0</v>
      </c>
      <c r="AX33" s="313">
        <v>1</v>
      </c>
      <c r="AY33" s="313">
        <v>0</v>
      </c>
      <c r="AZ33" s="313">
        <v>0</v>
      </c>
      <c r="BA33" s="313">
        <v>0</v>
      </c>
      <c r="BB33" s="313">
        <v>0</v>
      </c>
      <c r="BC33" s="310">
        <v>1</v>
      </c>
      <c r="BD33" s="315">
        <v>1</v>
      </c>
      <c r="BE33" s="309">
        <v>0</v>
      </c>
      <c r="BF33" s="313">
        <v>0</v>
      </c>
      <c r="BG33" s="310">
        <v>0</v>
      </c>
      <c r="BH33" s="312">
        <v>0</v>
      </c>
      <c r="BI33" s="313">
        <v>0</v>
      </c>
      <c r="BJ33" s="313">
        <v>0</v>
      </c>
      <c r="BK33" s="313">
        <v>0</v>
      </c>
      <c r="BL33" s="313">
        <v>0</v>
      </c>
      <c r="BM33" s="313">
        <v>1</v>
      </c>
      <c r="BN33" s="314">
        <v>1</v>
      </c>
      <c r="BO33" s="315">
        <v>1</v>
      </c>
      <c r="BP33" s="309">
        <v>0</v>
      </c>
      <c r="BQ33" s="313">
        <v>0</v>
      </c>
      <c r="BR33" s="310">
        <v>0</v>
      </c>
      <c r="BS33" s="312">
        <v>0</v>
      </c>
      <c r="BT33" s="313">
        <v>0</v>
      </c>
      <c r="BU33" s="313">
        <v>0</v>
      </c>
      <c r="BV33" s="313">
        <v>0</v>
      </c>
      <c r="BW33" s="313">
        <v>0</v>
      </c>
      <c r="BX33" s="313">
        <v>0</v>
      </c>
      <c r="BY33" s="310">
        <v>0</v>
      </c>
      <c r="BZ33" s="315">
        <v>0</v>
      </c>
      <c r="CA33" s="309">
        <v>0</v>
      </c>
      <c r="CB33" s="313">
        <v>0</v>
      </c>
      <c r="CC33" s="310">
        <v>0</v>
      </c>
      <c r="CD33" s="312">
        <v>0</v>
      </c>
      <c r="CE33" s="313">
        <v>0</v>
      </c>
      <c r="CF33" s="313">
        <v>0</v>
      </c>
      <c r="CG33" s="313">
        <v>0</v>
      </c>
      <c r="CH33" s="313">
        <v>0</v>
      </c>
      <c r="CI33" s="313">
        <v>0</v>
      </c>
      <c r="CJ33" s="310">
        <v>0</v>
      </c>
      <c r="CK33" s="315">
        <v>0</v>
      </c>
      <c r="CL33" s="309">
        <v>0</v>
      </c>
      <c r="CM33" s="313">
        <v>0</v>
      </c>
      <c r="CN33" s="310">
        <v>0</v>
      </c>
      <c r="CO33" s="312">
        <v>0</v>
      </c>
      <c r="CP33" s="313">
        <v>0</v>
      </c>
      <c r="CQ33" s="313">
        <v>0</v>
      </c>
      <c r="CR33" s="313">
        <v>0</v>
      </c>
      <c r="CS33" s="313">
        <v>0</v>
      </c>
      <c r="CT33" s="313">
        <v>0</v>
      </c>
      <c r="CU33" s="310">
        <v>0</v>
      </c>
      <c r="CV33" s="315">
        <v>0</v>
      </c>
    </row>
    <row r="34" spans="1:100" ht="21" customHeight="1" x14ac:dyDescent="0.2">
      <c r="A34" s="294" t="s">
        <v>32</v>
      </c>
      <c r="B34" s="309">
        <v>0</v>
      </c>
      <c r="C34" s="310">
        <v>0</v>
      </c>
      <c r="D34" s="311">
        <v>0</v>
      </c>
      <c r="E34" s="312">
        <v>0</v>
      </c>
      <c r="F34" s="313">
        <v>1</v>
      </c>
      <c r="G34" s="313">
        <v>0</v>
      </c>
      <c r="H34" s="313">
        <v>0</v>
      </c>
      <c r="I34" s="313">
        <v>0</v>
      </c>
      <c r="J34" s="313">
        <v>0</v>
      </c>
      <c r="K34" s="314">
        <v>1</v>
      </c>
      <c r="L34" s="315">
        <v>1</v>
      </c>
      <c r="M34" s="309">
        <v>0</v>
      </c>
      <c r="N34" s="313">
        <v>0</v>
      </c>
      <c r="O34" s="310">
        <v>0</v>
      </c>
      <c r="P34" s="312">
        <v>0</v>
      </c>
      <c r="Q34" s="313">
        <v>0</v>
      </c>
      <c r="R34" s="313">
        <v>0</v>
      </c>
      <c r="S34" s="313">
        <v>0</v>
      </c>
      <c r="T34" s="313">
        <v>0</v>
      </c>
      <c r="U34" s="313">
        <v>0</v>
      </c>
      <c r="V34" s="310">
        <v>0</v>
      </c>
      <c r="W34" s="315">
        <v>0</v>
      </c>
      <c r="X34" s="309">
        <v>0</v>
      </c>
      <c r="Y34" s="313">
        <v>0</v>
      </c>
      <c r="Z34" s="310">
        <v>0</v>
      </c>
      <c r="AA34" s="312">
        <v>0</v>
      </c>
      <c r="AB34" s="313">
        <v>2</v>
      </c>
      <c r="AC34" s="313">
        <v>2</v>
      </c>
      <c r="AD34" s="313">
        <v>1</v>
      </c>
      <c r="AE34" s="313">
        <v>0</v>
      </c>
      <c r="AF34" s="313">
        <v>0</v>
      </c>
      <c r="AG34" s="310">
        <v>5</v>
      </c>
      <c r="AH34" s="315">
        <v>5</v>
      </c>
      <c r="AI34" s="309">
        <v>0</v>
      </c>
      <c r="AJ34" s="313">
        <v>0</v>
      </c>
      <c r="AK34" s="310">
        <v>0</v>
      </c>
      <c r="AL34" s="312">
        <v>0</v>
      </c>
      <c r="AM34" s="313">
        <v>0</v>
      </c>
      <c r="AN34" s="313">
        <v>0</v>
      </c>
      <c r="AO34" s="313">
        <v>0</v>
      </c>
      <c r="AP34" s="313">
        <v>0</v>
      </c>
      <c r="AQ34" s="313">
        <v>0</v>
      </c>
      <c r="AR34" s="310">
        <v>0</v>
      </c>
      <c r="AS34" s="315">
        <v>0</v>
      </c>
      <c r="AT34" s="309">
        <v>0</v>
      </c>
      <c r="AU34" s="313">
        <v>0</v>
      </c>
      <c r="AV34" s="310">
        <v>0</v>
      </c>
      <c r="AW34" s="312">
        <v>0</v>
      </c>
      <c r="AX34" s="313">
        <v>0</v>
      </c>
      <c r="AY34" s="313">
        <v>0</v>
      </c>
      <c r="AZ34" s="313">
        <v>0</v>
      </c>
      <c r="BA34" s="313">
        <v>0</v>
      </c>
      <c r="BB34" s="313">
        <v>0</v>
      </c>
      <c r="BC34" s="310">
        <v>0</v>
      </c>
      <c r="BD34" s="315">
        <v>0</v>
      </c>
      <c r="BE34" s="309">
        <v>0</v>
      </c>
      <c r="BF34" s="313">
        <v>0</v>
      </c>
      <c r="BG34" s="310">
        <v>0</v>
      </c>
      <c r="BH34" s="312">
        <v>0</v>
      </c>
      <c r="BI34" s="313">
        <v>0</v>
      </c>
      <c r="BJ34" s="313">
        <v>0</v>
      </c>
      <c r="BK34" s="313">
        <v>1</v>
      </c>
      <c r="BL34" s="313">
        <v>0</v>
      </c>
      <c r="BM34" s="313">
        <v>1</v>
      </c>
      <c r="BN34" s="314">
        <v>2</v>
      </c>
      <c r="BO34" s="315">
        <v>2</v>
      </c>
      <c r="BP34" s="309">
        <v>0</v>
      </c>
      <c r="BQ34" s="313">
        <v>0</v>
      </c>
      <c r="BR34" s="310">
        <v>0</v>
      </c>
      <c r="BS34" s="312">
        <v>0</v>
      </c>
      <c r="BT34" s="313">
        <v>0</v>
      </c>
      <c r="BU34" s="313">
        <v>0</v>
      </c>
      <c r="BV34" s="313">
        <v>0</v>
      </c>
      <c r="BW34" s="313">
        <v>0</v>
      </c>
      <c r="BX34" s="313">
        <v>0</v>
      </c>
      <c r="BY34" s="310">
        <v>0</v>
      </c>
      <c r="BZ34" s="315">
        <v>0</v>
      </c>
      <c r="CA34" s="309">
        <v>0</v>
      </c>
      <c r="CB34" s="313">
        <v>0</v>
      </c>
      <c r="CC34" s="310">
        <v>0</v>
      </c>
      <c r="CD34" s="312">
        <v>0</v>
      </c>
      <c r="CE34" s="313">
        <v>0</v>
      </c>
      <c r="CF34" s="313">
        <v>1</v>
      </c>
      <c r="CG34" s="313">
        <v>0</v>
      </c>
      <c r="CH34" s="313">
        <v>0</v>
      </c>
      <c r="CI34" s="313">
        <v>1</v>
      </c>
      <c r="CJ34" s="310">
        <v>2</v>
      </c>
      <c r="CK34" s="315">
        <v>2</v>
      </c>
      <c r="CL34" s="309">
        <v>0</v>
      </c>
      <c r="CM34" s="313">
        <v>0</v>
      </c>
      <c r="CN34" s="310">
        <v>0</v>
      </c>
      <c r="CO34" s="312">
        <v>0</v>
      </c>
      <c r="CP34" s="313">
        <v>0</v>
      </c>
      <c r="CQ34" s="313">
        <v>0</v>
      </c>
      <c r="CR34" s="313">
        <v>0</v>
      </c>
      <c r="CS34" s="313">
        <v>0</v>
      </c>
      <c r="CT34" s="313">
        <v>0</v>
      </c>
      <c r="CU34" s="310">
        <v>0</v>
      </c>
      <c r="CV34" s="315">
        <v>0</v>
      </c>
    </row>
    <row r="35" spans="1:100" ht="21" customHeight="1" x14ac:dyDescent="0.2">
      <c r="A35" s="294" t="s">
        <v>33</v>
      </c>
      <c r="B35" s="309">
        <v>0</v>
      </c>
      <c r="C35" s="310">
        <v>0</v>
      </c>
      <c r="D35" s="311">
        <v>0</v>
      </c>
      <c r="E35" s="312">
        <v>0</v>
      </c>
      <c r="F35" s="313">
        <v>0</v>
      </c>
      <c r="G35" s="313">
        <v>0</v>
      </c>
      <c r="H35" s="313">
        <v>0</v>
      </c>
      <c r="I35" s="313">
        <v>0</v>
      </c>
      <c r="J35" s="313">
        <v>0</v>
      </c>
      <c r="K35" s="314">
        <v>0</v>
      </c>
      <c r="L35" s="315">
        <v>0</v>
      </c>
      <c r="M35" s="309">
        <v>0</v>
      </c>
      <c r="N35" s="313">
        <v>0</v>
      </c>
      <c r="O35" s="310">
        <v>0</v>
      </c>
      <c r="P35" s="312">
        <v>0</v>
      </c>
      <c r="Q35" s="313">
        <v>0</v>
      </c>
      <c r="R35" s="313">
        <v>0</v>
      </c>
      <c r="S35" s="313">
        <v>0</v>
      </c>
      <c r="T35" s="313">
        <v>0</v>
      </c>
      <c r="U35" s="313">
        <v>0</v>
      </c>
      <c r="V35" s="310">
        <v>0</v>
      </c>
      <c r="W35" s="315">
        <v>0</v>
      </c>
      <c r="X35" s="309">
        <v>0</v>
      </c>
      <c r="Y35" s="313">
        <v>0</v>
      </c>
      <c r="Z35" s="310">
        <v>0</v>
      </c>
      <c r="AA35" s="312">
        <v>0</v>
      </c>
      <c r="AB35" s="313">
        <v>3</v>
      </c>
      <c r="AC35" s="313">
        <v>0</v>
      </c>
      <c r="AD35" s="313">
        <v>2</v>
      </c>
      <c r="AE35" s="313">
        <v>0</v>
      </c>
      <c r="AF35" s="313">
        <v>0</v>
      </c>
      <c r="AG35" s="310">
        <v>5</v>
      </c>
      <c r="AH35" s="315">
        <v>5</v>
      </c>
      <c r="AI35" s="309">
        <v>0</v>
      </c>
      <c r="AJ35" s="313">
        <v>0</v>
      </c>
      <c r="AK35" s="310">
        <v>0</v>
      </c>
      <c r="AL35" s="312">
        <v>0</v>
      </c>
      <c r="AM35" s="313">
        <v>0</v>
      </c>
      <c r="AN35" s="313">
        <v>0</v>
      </c>
      <c r="AO35" s="313">
        <v>0</v>
      </c>
      <c r="AP35" s="313">
        <v>0</v>
      </c>
      <c r="AQ35" s="313">
        <v>0</v>
      </c>
      <c r="AR35" s="310">
        <v>0</v>
      </c>
      <c r="AS35" s="315">
        <v>0</v>
      </c>
      <c r="AT35" s="309">
        <v>0</v>
      </c>
      <c r="AU35" s="313">
        <v>0</v>
      </c>
      <c r="AV35" s="310">
        <v>0</v>
      </c>
      <c r="AW35" s="312">
        <v>0</v>
      </c>
      <c r="AX35" s="313">
        <v>0</v>
      </c>
      <c r="AY35" s="313">
        <v>0</v>
      </c>
      <c r="AZ35" s="313">
        <v>0</v>
      </c>
      <c r="BA35" s="313">
        <v>0</v>
      </c>
      <c r="BB35" s="313">
        <v>0</v>
      </c>
      <c r="BC35" s="310">
        <v>0</v>
      </c>
      <c r="BD35" s="315">
        <v>0</v>
      </c>
      <c r="BE35" s="309">
        <v>0</v>
      </c>
      <c r="BF35" s="313">
        <v>0</v>
      </c>
      <c r="BG35" s="310">
        <v>0</v>
      </c>
      <c r="BH35" s="312">
        <v>0</v>
      </c>
      <c r="BI35" s="313">
        <v>0</v>
      </c>
      <c r="BJ35" s="313">
        <v>0</v>
      </c>
      <c r="BK35" s="313">
        <v>0</v>
      </c>
      <c r="BL35" s="313">
        <v>0</v>
      </c>
      <c r="BM35" s="313">
        <v>0</v>
      </c>
      <c r="BN35" s="314">
        <v>0</v>
      </c>
      <c r="BO35" s="315">
        <v>0</v>
      </c>
      <c r="BP35" s="309">
        <v>0</v>
      </c>
      <c r="BQ35" s="313">
        <v>0</v>
      </c>
      <c r="BR35" s="310">
        <v>0</v>
      </c>
      <c r="BS35" s="312">
        <v>0</v>
      </c>
      <c r="BT35" s="313">
        <v>0</v>
      </c>
      <c r="BU35" s="313">
        <v>0</v>
      </c>
      <c r="BV35" s="313">
        <v>0</v>
      </c>
      <c r="BW35" s="313">
        <v>0</v>
      </c>
      <c r="BX35" s="313">
        <v>0</v>
      </c>
      <c r="BY35" s="310">
        <v>0</v>
      </c>
      <c r="BZ35" s="315">
        <v>0</v>
      </c>
      <c r="CA35" s="309">
        <v>0</v>
      </c>
      <c r="CB35" s="313">
        <v>0</v>
      </c>
      <c r="CC35" s="310">
        <v>0</v>
      </c>
      <c r="CD35" s="312">
        <v>0</v>
      </c>
      <c r="CE35" s="313">
        <v>0</v>
      </c>
      <c r="CF35" s="313">
        <v>0</v>
      </c>
      <c r="CG35" s="313">
        <v>0</v>
      </c>
      <c r="CH35" s="313">
        <v>0</v>
      </c>
      <c r="CI35" s="313">
        <v>0</v>
      </c>
      <c r="CJ35" s="310">
        <v>0</v>
      </c>
      <c r="CK35" s="315">
        <v>0</v>
      </c>
      <c r="CL35" s="309">
        <v>0</v>
      </c>
      <c r="CM35" s="313">
        <v>0</v>
      </c>
      <c r="CN35" s="310">
        <v>0</v>
      </c>
      <c r="CO35" s="312">
        <v>0</v>
      </c>
      <c r="CP35" s="313">
        <v>0</v>
      </c>
      <c r="CQ35" s="313">
        <v>0</v>
      </c>
      <c r="CR35" s="313">
        <v>1</v>
      </c>
      <c r="CS35" s="313">
        <v>0</v>
      </c>
      <c r="CT35" s="313">
        <v>0</v>
      </c>
      <c r="CU35" s="310">
        <v>1</v>
      </c>
      <c r="CV35" s="315">
        <v>1</v>
      </c>
    </row>
    <row r="36" spans="1:100" ht="21" customHeight="1" x14ac:dyDescent="0.2">
      <c r="A36" s="294" t="s">
        <v>34</v>
      </c>
      <c r="B36" s="309">
        <v>0</v>
      </c>
      <c r="C36" s="310">
        <v>0</v>
      </c>
      <c r="D36" s="311">
        <v>0</v>
      </c>
      <c r="E36" s="312">
        <v>0</v>
      </c>
      <c r="F36" s="313">
        <v>0</v>
      </c>
      <c r="G36" s="313">
        <v>0</v>
      </c>
      <c r="H36" s="313">
        <v>0</v>
      </c>
      <c r="I36" s="313">
        <v>0</v>
      </c>
      <c r="J36" s="313">
        <v>0</v>
      </c>
      <c r="K36" s="314">
        <v>0</v>
      </c>
      <c r="L36" s="315">
        <v>0</v>
      </c>
      <c r="M36" s="309">
        <v>0</v>
      </c>
      <c r="N36" s="313">
        <v>0</v>
      </c>
      <c r="O36" s="310">
        <v>0</v>
      </c>
      <c r="P36" s="312">
        <v>0</v>
      </c>
      <c r="Q36" s="313">
        <v>0</v>
      </c>
      <c r="R36" s="313">
        <v>0</v>
      </c>
      <c r="S36" s="313">
        <v>0</v>
      </c>
      <c r="T36" s="313">
        <v>0</v>
      </c>
      <c r="U36" s="313">
        <v>0</v>
      </c>
      <c r="V36" s="310">
        <v>0</v>
      </c>
      <c r="W36" s="315">
        <v>0</v>
      </c>
      <c r="X36" s="309">
        <v>0</v>
      </c>
      <c r="Y36" s="313">
        <v>0</v>
      </c>
      <c r="Z36" s="310">
        <v>0</v>
      </c>
      <c r="AA36" s="312">
        <v>0</v>
      </c>
      <c r="AB36" s="313">
        <v>0</v>
      </c>
      <c r="AC36" s="313">
        <v>0</v>
      </c>
      <c r="AD36" s="313">
        <v>0</v>
      </c>
      <c r="AE36" s="313">
        <v>0</v>
      </c>
      <c r="AF36" s="313">
        <v>0</v>
      </c>
      <c r="AG36" s="310">
        <v>0</v>
      </c>
      <c r="AH36" s="315">
        <v>0</v>
      </c>
      <c r="AI36" s="309">
        <v>0</v>
      </c>
      <c r="AJ36" s="313">
        <v>0</v>
      </c>
      <c r="AK36" s="310">
        <v>0</v>
      </c>
      <c r="AL36" s="312">
        <v>0</v>
      </c>
      <c r="AM36" s="313">
        <v>0</v>
      </c>
      <c r="AN36" s="313">
        <v>0</v>
      </c>
      <c r="AO36" s="313">
        <v>0</v>
      </c>
      <c r="AP36" s="313">
        <v>0</v>
      </c>
      <c r="AQ36" s="313">
        <v>0</v>
      </c>
      <c r="AR36" s="310">
        <v>0</v>
      </c>
      <c r="AS36" s="315">
        <v>0</v>
      </c>
      <c r="AT36" s="309">
        <v>0</v>
      </c>
      <c r="AU36" s="313">
        <v>0</v>
      </c>
      <c r="AV36" s="310">
        <v>0</v>
      </c>
      <c r="AW36" s="312">
        <v>0</v>
      </c>
      <c r="AX36" s="313">
        <v>1</v>
      </c>
      <c r="AY36" s="313">
        <v>0</v>
      </c>
      <c r="AZ36" s="313">
        <v>0</v>
      </c>
      <c r="BA36" s="313">
        <v>1</v>
      </c>
      <c r="BB36" s="313">
        <v>0</v>
      </c>
      <c r="BC36" s="310">
        <v>2</v>
      </c>
      <c r="BD36" s="315">
        <v>2</v>
      </c>
      <c r="BE36" s="309">
        <v>0</v>
      </c>
      <c r="BF36" s="313">
        <v>0</v>
      </c>
      <c r="BG36" s="310">
        <v>0</v>
      </c>
      <c r="BH36" s="312">
        <v>0</v>
      </c>
      <c r="BI36" s="313">
        <v>0</v>
      </c>
      <c r="BJ36" s="313">
        <v>0</v>
      </c>
      <c r="BK36" s="313">
        <v>0</v>
      </c>
      <c r="BL36" s="313">
        <v>0</v>
      </c>
      <c r="BM36" s="313">
        <v>0</v>
      </c>
      <c r="BN36" s="314">
        <v>0</v>
      </c>
      <c r="BO36" s="315">
        <v>0</v>
      </c>
      <c r="BP36" s="309">
        <v>0</v>
      </c>
      <c r="BQ36" s="313">
        <v>0</v>
      </c>
      <c r="BR36" s="310">
        <v>0</v>
      </c>
      <c r="BS36" s="312">
        <v>0</v>
      </c>
      <c r="BT36" s="313">
        <v>0</v>
      </c>
      <c r="BU36" s="313">
        <v>0</v>
      </c>
      <c r="BV36" s="313">
        <v>0</v>
      </c>
      <c r="BW36" s="313">
        <v>0</v>
      </c>
      <c r="BX36" s="313">
        <v>0</v>
      </c>
      <c r="BY36" s="310">
        <v>0</v>
      </c>
      <c r="BZ36" s="315">
        <v>0</v>
      </c>
      <c r="CA36" s="309">
        <v>0</v>
      </c>
      <c r="CB36" s="313">
        <v>0</v>
      </c>
      <c r="CC36" s="310">
        <v>0</v>
      </c>
      <c r="CD36" s="312">
        <v>0</v>
      </c>
      <c r="CE36" s="313">
        <v>0</v>
      </c>
      <c r="CF36" s="313">
        <v>0</v>
      </c>
      <c r="CG36" s="313">
        <v>0</v>
      </c>
      <c r="CH36" s="313">
        <v>0</v>
      </c>
      <c r="CI36" s="313">
        <v>0</v>
      </c>
      <c r="CJ36" s="310">
        <v>0</v>
      </c>
      <c r="CK36" s="315">
        <v>0</v>
      </c>
      <c r="CL36" s="309">
        <v>0</v>
      </c>
      <c r="CM36" s="313">
        <v>0</v>
      </c>
      <c r="CN36" s="310">
        <v>0</v>
      </c>
      <c r="CO36" s="312">
        <v>0</v>
      </c>
      <c r="CP36" s="313">
        <v>0</v>
      </c>
      <c r="CQ36" s="313">
        <v>0</v>
      </c>
      <c r="CR36" s="313">
        <v>1</v>
      </c>
      <c r="CS36" s="313">
        <v>0</v>
      </c>
      <c r="CT36" s="313">
        <v>0</v>
      </c>
      <c r="CU36" s="310">
        <v>1</v>
      </c>
      <c r="CV36" s="315">
        <v>1</v>
      </c>
    </row>
    <row r="37" spans="1:100" ht="21" customHeight="1" x14ac:dyDescent="0.2">
      <c r="A37" s="294" t="s">
        <v>35</v>
      </c>
      <c r="B37" s="309">
        <v>0</v>
      </c>
      <c r="C37" s="310">
        <v>0</v>
      </c>
      <c r="D37" s="311">
        <v>0</v>
      </c>
      <c r="E37" s="312">
        <v>0</v>
      </c>
      <c r="F37" s="313">
        <v>0</v>
      </c>
      <c r="G37" s="313">
        <v>0</v>
      </c>
      <c r="H37" s="313">
        <v>0</v>
      </c>
      <c r="I37" s="313">
        <v>0</v>
      </c>
      <c r="J37" s="313">
        <v>0</v>
      </c>
      <c r="K37" s="314">
        <v>0</v>
      </c>
      <c r="L37" s="315">
        <v>0</v>
      </c>
      <c r="M37" s="309">
        <v>0</v>
      </c>
      <c r="N37" s="313">
        <v>0</v>
      </c>
      <c r="O37" s="310">
        <v>0</v>
      </c>
      <c r="P37" s="312">
        <v>0</v>
      </c>
      <c r="Q37" s="313">
        <v>0</v>
      </c>
      <c r="R37" s="313">
        <v>0</v>
      </c>
      <c r="S37" s="313">
        <v>0</v>
      </c>
      <c r="T37" s="313">
        <v>0</v>
      </c>
      <c r="U37" s="313">
        <v>0</v>
      </c>
      <c r="V37" s="310">
        <v>0</v>
      </c>
      <c r="W37" s="315">
        <v>0</v>
      </c>
      <c r="X37" s="309">
        <v>0</v>
      </c>
      <c r="Y37" s="313">
        <v>0</v>
      </c>
      <c r="Z37" s="310">
        <v>0</v>
      </c>
      <c r="AA37" s="312">
        <v>0</v>
      </c>
      <c r="AB37" s="313">
        <v>2</v>
      </c>
      <c r="AC37" s="313">
        <v>0</v>
      </c>
      <c r="AD37" s="313">
        <v>0</v>
      </c>
      <c r="AE37" s="313">
        <v>0</v>
      </c>
      <c r="AF37" s="313">
        <v>0</v>
      </c>
      <c r="AG37" s="310">
        <v>2</v>
      </c>
      <c r="AH37" s="315">
        <v>2</v>
      </c>
      <c r="AI37" s="309">
        <v>0</v>
      </c>
      <c r="AJ37" s="313">
        <v>0</v>
      </c>
      <c r="AK37" s="310">
        <v>0</v>
      </c>
      <c r="AL37" s="312">
        <v>0</v>
      </c>
      <c r="AM37" s="313">
        <v>0</v>
      </c>
      <c r="AN37" s="313">
        <v>0</v>
      </c>
      <c r="AO37" s="313">
        <v>0</v>
      </c>
      <c r="AP37" s="313">
        <v>0</v>
      </c>
      <c r="AQ37" s="313">
        <v>0</v>
      </c>
      <c r="AR37" s="310">
        <v>0</v>
      </c>
      <c r="AS37" s="315">
        <v>0</v>
      </c>
      <c r="AT37" s="309">
        <v>0</v>
      </c>
      <c r="AU37" s="313">
        <v>0</v>
      </c>
      <c r="AV37" s="310">
        <v>0</v>
      </c>
      <c r="AW37" s="312">
        <v>0</v>
      </c>
      <c r="AX37" s="313">
        <v>0</v>
      </c>
      <c r="AY37" s="313">
        <v>0</v>
      </c>
      <c r="AZ37" s="313">
        <v>1</v>
      </c>
      <c r="BA37" s="313">
        <v>0</v>
      </c>
      <c r="BB37" s="313">
        <v>0</v>
      </c>
      <c r="BC37" s="310">
        <v>1</v>
      </c>
      <c r="BD37" s="315">
        <v>1</v>
      </c>
      <c r="BE37" s="309">
        <v>0</v>
      </c>
      <c r="BF37" s="313">
        <v>0</v>
      </c>
      <c r="BG37" s="310">
        <v>0</v>
      </c>
      <c r="BH37" s="312">
        <v>0</v>
      </c>
      <c r="BI37" s="313">
        <v>0</v>
      </c>
      <c r="BJ37" s="313">
        <v>0</v>
      </c>
      <c r="BK37" s="313">
        <v>1</v>
      </c>
      <c r="BL37" s="313">
        <v>0</v>
      </c>
      <c r="BM37" s="313">
        <v>0</v>
      </c>
      <c r="BN37" s="314">
        <v>1</v>
      </c>
      <c r="BO37" s="315">
        <v>1</v>
      </c>
      <c r="BP37" s="309">
        <v>0</v>
      </c>
      <c r="BQ37" s="313">
        <v>0</v>
      </c>
      <c r="BR37" s="310">
        <v>0</v>
      </c>
      <c r="BS37" s="312">
        <v>0</v>
      </c>
      <c r="BT37" s="313">
        <v>0</v>
      </c>
      <c r="BU37" s="313">
        <v>0</v>
      </c>
      <c r="BV37" s="313">
        <v>0</v>
      </c>
      <c r="BW37" s="313">
        <v>0</v>
      </c>
      <c r="BX37" s="313">
        <v>0</v>
      </c>
      <c r="BY37" s="310">
        <v>0</v>
      </c>
      <c r="BZ37" s="315">
        <v>0</v>
      </c>
      <c r="CA37" s="309">
        <v>0</v>
      </c>
      <c r="CB37" s="313">
        <v>0</v>
      </c>
      <c r="CC37" s="310">
        <v>0</v>
      </c>
      <c r="CD37" s="312">
        <v>0</v>
      </c>
      <c r="CE37" s="313">
        <v>0</v>
      </c>
      <c r="CF37" s="313">
        <v>0</v>
      </c>
      <c r="CG37" s="313">
        <v>0</v>
      </c>
      <c r="CH37" s="313">
        <v>0</v>
      </c>
      <c r="CI37" s="313">
        <v>0</v>
      </c>
      <c r="CJ37" s="310">
        <v>0</v>
      </c>
      <c r="CK37" s="315">
        <v>0</v>
      </c>
      <c r="CL37" s="309">
        <v>0</v>
      </c>
      <c r="CM37" s="313">
        <v>0</v>
      </c>
      <c r="CN37" s="310">
        <v>0</v>
      </c>
      <c r="CO37" s="312">
        <v>0</v>
      </c>
      <c r="CP37" s="313">
        <v>0</v>
      </c>
      <c r="CQ37" s="313">
        <v>0</v>
      </c>
      <c r="CR37" s="313">
        <v>0</v>
      </c>
      <c r="CS37" s="313">
        <v>0</v>
      </c>
      <c r="CT37" s="313">
        <v>0</v>
      </c>
      <c r="CU37" s="310">
        <v>0</v>
      </c>
      <c r="CV37" s="315">
        <v>0</v>
      </c>
    </row>
    <row r="38" spans="1:100" ht="21" customHeight="1" x14ac:dyDescent="0.2">
      <c r="A38" s="294" t="s">
        <v>36</v>
      </c>
      <c r="B38" s="309">
        <v>0</v>
      </c>
      <c r="C38" s="310">
        <v>0</v>
      </c>
      <c r="D38" s="311">
        <v>0</v>
      </c>
      <c r="E38" s="312">
        <v>0</v>
      </c>
      <c r="F38" s="313">
        <v>0</v>
      </c>
      <c r="G38" s="313">
        <v>0</v>
      </c>
      <c r="H38" s="313">
        <v>0</v>
      </c>
      <c r="I38" s="313">
        <v>0</v>
      </c>
      <c r="J38" s="313">
        <v>0</v>
      </c>
      <c r="K38" s="314">
        <v>0</v>
      </c>
      <c r="L38" s="315">
        <v>0</v>
      </c>
      <c r="M38" s="309">
        <v>0</v>
      </c>
      <c r="N38" s="313">
        <v>0</v>
      </c>
      <c r="O38" s="310">
        <v>0</v>
      </c>
      <c r="P38" s="312">
        <v>0</v>
      </c>
      <c r="Q38" s="313">
        <v>0</v>
      </c>
      <c r="R38" s="313">
        <v>0</v>
      </c>
      <c r="S38" s="313">
        <v>0</v>
      </c>
      <c r="T38" s="313">
        <v>0</v>
      </c>
      <c r="U38" s="313">
        <v>0</v>
      </c>
      <c r="V38" s="310">
        <v>0</v>
      </c>
      <c r="W38" s="315">
        <v>0</v>
      </c>
      <c r="X38" s="309">
        <v>0</v>
      </c>
      <c r="Y38" s="313">
        <v>0</v>
      </c>
      <c r="Z38" s="310">
        <v>0</v>
      </c>
      <c r="AA38" s="312">
        <v>0</v>
      </c>
      <c r="AB38" s="313">
        <v>1</v>
      </c>
      <c r="AC38" s="313">
        <v>2</v>
      </c>
      <c r="AD38" s="313">
        <v>0</v>
      </c>
      <c r="AE38" s="313">
        <v>1</v>
      </c>
      <c r="AF38" s="313">
        <v>0</v>
      </c>
      <c r="AG38" s="310">
        <v>4</v>
      </c>
      <c r="AH38" s="315">
        <v>4</v>
      </c>
      <c r="AI38" s="309">
        <v>0</v>
      </c>
      <c r="AJ38" s="313">
        <v>0</v>
      </c>
      <c r="AK38" s="310">
        <v>0</v>
      </c>
      <c r="AL38" s="312">
        <v>0</v>
      </c>
      <c r="AM38" s="313">
        <v>0</v>
      </c>
      <c r="AN38" s="313">
        <v>0</v>
      </c>
      <c r="AO38" s="313">
        <v>0</v>
      </c>
      <c r="AP38" s="313">
        <v>0</v>
      </c>
      <c r="AQ38" s="313">
        <v>0</v>
      </c>
      <c r="AR38" s="310">
        <v>0</v>
      </c>
      <c r="AS38" s="315">
        <v>0</v>
      </c>
      <c r="AT38" s="309">
        <v>0</v>
      </c>
      <c r="AU38" s="313">
        <v>0</v>
      </c>
      <c r="AV38" s="310">
        <v>0</v>
      </c>
      <c r="AW38" s="312">
        <v>0</v>
      </c>
      <c r="AX38" s="313">
        <v>0</v>
      </c>
      <c r="AY38" s="313">
        <v>0</v>
      </c>
      <c r="AZ38" s="313">
        <v>0</v>
      </c>
      <c r="BA38" s="313">
        <v>0</v>
      </c>
      <c r="BB38" s="313">
        <v>0</v>
      </c>
      <c r="BC38" s="310">
        <v>0</v>
      </c>
      <c r="BD38" s="315">
        <v>0</v>
      </c>
      <c r="BE38" s="309">
        <v>0</v>
      </c>
      <c r="BF38" s="313">
        <v>0</v>
      </c>
      <c r="BG38" s="310">
        <v>0</v>
      </c>
      <c r="BH38" s="312">
        <v>0</v>
      </c>
      <c r="BI38" s="313">
        <v>0</v>
      </c>
      <c r="BJ38" s="313">
        <v>0</v>
      </c>
      <c r="BK38" s="313">
        <v>1</v>
      </c>
      <c r="BL38" s="313">
        <v>1</v>
      </c>
      <c r="BM38" s="313">
        <v>0</v>
      </c>
      <c r="BN38" s="314">
        <v>2</v>
      </c>
      <c r="BO38" s="315">
        <v>2</v>
      </c>
      <c r="BP38" s="309">
        <v>0</v>
      </c>
      <c r="BQ38" s="313">
        <v>0</v>
      </c>
      <c r="BR38" s="310">
        <v>0</v>
      </c>
      <c r="BS38" s="312">
        <v>0</v>
      </c>
      <c r="BT38" s="313">
        <v>0</v>
      </c>
      <c r="BU38" s="313">
        <v>0</v>
      </c>
      <c r="BV38" s="313">
        <v>0</v>
      </c>
      <c r="BW38" s="313">
        <v>0</v>
      </c>
      <c r="BX38" s="313">
        <v>0</v>
      </c>
      <c r="BY38" s="310">
        <v>0</v>
      </c>
      <c r="BZ38" s="315">
        <v>0</v>
      </c>
      <c r="CA38" s="309">
        <v>0</v>
      </c>
      <c r="CB38" s="313">
        <v>0</v>
      </c>
      <c r="CC38" s="310">
        <v>0</v>
      </c>
      <c r="CD38" s="312">
        <v>0</v>
      </c>
      <c r="CE38" s="313">
        <v>0</v>
      </c>
      <c r="CF38" s="313">
        <v>0</v>
      </c>
      <c r="CG38" s="313">
        <v>0</v>
      </c>
      <c r="CH38" s="313">
        <v>0</v>
      </c>
      <c r="CI38" s="313">
        <v>0</v>
      </c>
      <c r="CJ38" s="310">
        <v>0</v>
      </c>
      <c r="CK38" s="315">
        <v>0</v>
      </c>
      <c r="CL38" s="309">
        <v>0</v>
      </c>
      <c r="CM38" s="313">
        <v>0</v>
      </c>
      <c r="CN38" s="310">
        <v>0</v>
      </c>
      <c r="CO38" s="312">
        <v>0</v>
      </c>
      <c r="CP38" s="313">
        <v>0</v>
      </c>
      <c r="CQ38" s="313">
        <v>0</v>
      </c>
      <c r="CR38" s="313">
        <v>0</v>
      </c>
      <c r="CS38" s="313">
        <v>0</v>
      </c>
      <c r="CT38" s="313">
        <v>0</v>
      </c>
      <c r="CU38" s="310">
        <v>0</v>
      </c>
      <c r="CV38" s="315">
        <v>0</v>
      </c>
    </row>
    <row r="39" spans="1:100" ht="21" customHeight="1" thickBot="1" x14ac:dyDescent="0.25">
      <c r="A39" s="295" t="s">
        <v>37</v>
      </c>
      <c r="B39" s="316">
        <v>0</v>
      </c>
      <c r="C39" s="317">
        <v>0</v>
      </c>
      <c r="D39" s="318">
        <v>0</v>
      </c>
      <c r="E39" s="319">
        <v>0</v>
      </c>
      <c r="F39" s="320">
        <v>0</v>
      </c>
      <c r="G39" s="320">
        <v>0</v>
      </c>
      <c r="H39" s="320">
        <v>0</v>
      </c>
      <c r="I39" s="320">
        <v>0</v>
      </c>
      <c r="J39" s="320">
        <v>0</v>
      </c>
      <c r="K39" s="321">
        <v>0</v>
      </c>
      <c r="L39" s="322">
        <v>0</v>
      </c>
      <c r="M39" s="316">
        <v>0</v>
      </c>
      <c r="N39" s="320">
        <v>0</v>
      </c>
      <c r="O39" s="317">
        <v>0</v>
      </c>
      <c r="P39" s="319">
        <v>0</v>
      </c>
      <c r="Q39" s="320">
        <v>0</v>
      </c>
      <c r="R39" s="320">
        <v>0</v>
      </c>
      <c r="S39" s="320">
        <v>0</v>
      </c>
      <c r="T39" s="320">
        <v>0</v>
      </c>
      <c r="U39" s="320">
        <v>0</v>
      </c>
      <c r="V39" s="317">
        <v>0</v>
      </c>
      <c r="W39" s="322">
        <v>0</v>
      </c>
      <c r="X39" s="316">
        <v>0</v>
      </c>
      <c r="Y39" s="320">
        <v>0</v>
      </c>
      <c r="Z39" s="317">
        <v>0</v>
      </c>
      <c r="AA39" s="319">
        <v>0</v>
      </c>
      <c r="AB39" s="320">
        <v>0</v>
      </c>
      <c r="AC39" s="320">
        <v>0</v>
      </c>
      <c r="AD39" s="320">
        <v>0</v>
      </c>
      <c r="AE39" s="320">
        <v>0</v>
      </c>
      <c r="AF39" s="320">
        <v>1</v>
      </c>
      <c r="AG39" s="317">
        <v>1</v>
      </c>
      <c r="AH39" s="322">
        <v>1</v>
      </c>
      <c r="AI39" s="316">
        <v>0</v>
      </c>
      <c r="AJ39" s="320">
        <v>0</v>
      </c>
      <c r="AK39" s="317">
        <v>0</v>
      </c>
      <c r="AL39" s="319">
        <v>0</v>
      </c>
      <c r="AM39" s="320">
        <v>0</v>
      </c>
      <c r="AN39" s="320">
        <v>0</v>
      </c>
      <c r="AO39" s="320">
        <v>0</v>
      </c>
      <c r="AP39" s="320">
        <v>0</v>
      </c>
      <c r="AQ39" s="320">
        <v>0</v>
      </c>
      <c r="AR39" s="317">
        <v>0</v>
      </c>
      <c r="AS39" s="322">
        <v>0</v>
      </c>
      <c r="AT39" s="316">
        <v>0</v>
      </c>
      <c r="AU39" s="320">
        <v>0</v>
      </c>
      <c r="AV39" s="317">
        <v>0</v>
      </c>
      <c r="AW39" s="319">
        <v>0</v>
      </c>
      <c r="AX39" s="320">
        <v>0</v>
      </c>
      <c r="AY39" s="320">
        <v>0</v>
      </c>
      <c r="AZ39" s="320">
        <v>0</v>
      </c>
      <c r="BA39" s="320">
        <v>0</v>
      </c>
      <c r="BB39" s="320">
        <v>0</v>
      </c>
      <c r="BC39" s="317">
        <v>0</v>
      </c>
      <c r="BD39" s="322">
        <v>0</v>
      </c>
      <c r="BE39" s="316">
        <v>0</v>
      </c>
      <c r="BF39" s="320">
        <v>0</v>
      </c>
      <c r="BG39" s="317">
        <v>0</v>
      </c>
      <c r="BH39" s="319">
        <v>0</v>
      </c>
      <c r="BI39" s="320">
        <v>0</v>
      </c>
      <c r="BJ39" s="320">
        <v>0</v>
      </c>
      <c r="BK39" s="320">
        <v>0</v>
      </c>
      <c r="BL39" s="320">
        <v>0</v>
      </c>
      <c r="BM39" s="320">
        <v>0</v>
      </c>
      <c r="BN39" s="321">
        <v>0</v>
      </c>
      <c r="BO39" s="322">
        <v>0</v>
      </c>
      <c r="BP39" s="316">
        <v>0</v>
      </c>
      <c r="BQ39" s="320">
        <v>0</v>
      </c>
      <c r="BR39" s="317">
        <v>0</v>
      </c>
      <c r="BS39" s="319">
        <v>0</v>
      </c>
      <c r="BT39" s="320">
        <v>0</v>
      </c>
      <c r="BU39" s="320">
        <v>0</v>
      </c>
      <c r="BV39" s="320">
        <v>0</v>
      </c>
      <c r="BW39" s="320">
        <v>0</v>
      </c>
      <c r="BX39" s="320">
        <v>0</v>
      </c>
      <c r="BY39" s="317">
        <v>0</v>
      </c>
      <c r="BZ39" s="322">
        <v>0</v>
      </c>
      <c r="CA39" s="316">
        <v>0</v>
      </c>
      <c r="CB39" s="320">
        <v>0</v>
      </c>
      <c r="CC39" s="317">
        <v>0</v>
      </c>
      <c r="CD39" s="319">
        <v>0</v>
      </c>
      <c r="CE39" s="320">
        <v>0</v>
      </c>
      <c r="CF39" s="320">
        <v>0</v>
      </c>
      <c r="CG39" s="320">
        <v>0</v>
      </c>
      <c r="CH39" s="320">
        <v>0</v>
      </c>
      <c r="CI39" s="320">
        <v>0</v>
      </c>
      <c r="CJ39" s="317">
        <v>0</v>
      </c>
      <c r="CK39" s="322">
        <v>0</v>
      </c>
      <c r="CL39" s="316">
        <v>0</v>
      </c>
      <c r="CM39" s="320">
        <v>0</v>
      </c>
      <c r="CN39" s="317">
        <v>0</v>
      </c>
      <c r="CO39" s="319">
        <v>0</v>
      </c>
      <c r="CP39" s="320">
        <v>0</v>
      </c>
      <c r="CQ39" s="320">
        <v>0</v>
      </c>
      <c r="CR39" s="320">
        <v>0</v>
      </c>
      <c r="CS39" s="320">
        <v>0</v>
      </c>
      <c r="CT39" s="320">
        <v>0</v>
      </c>
      <c r="CU39" s="317">
        <v>0</v>
      </c>
      <c r="CV39" s="322">
        <v>0</v>
      </c>
    </row>
  </sheetData>
  <mergeCells count="39">
    <mergeCell ref="CV4:CV5"/>
    <mergeCell ref="CA3:CK3"/>
    <mergeCell ref="CL3:CV3"/>
    <mergeCell ref="H1:I1"/>
    <mergeCell ref="K1:L1"/>
    <mergeCell ref="BD4:BD5"/>
    <mergeCell ref="BE3:BO3"/>
    <mergeCell ref="BO4:BO5"/>
    <mergeCell ref="BP3:BZ3"/>
    <mergeCell ref="AI4:AK4"/>
    <mergeCell ref="AI3:AS3"/>
    <mergeCell ref="AT3:BD3"/>
    <mergeCell ref="CO4:CU4"/>
    <mergeCell ref="AL4:AR4"/>
    <mergeCell ref="AS4:AS5"/>
    <mergeCell ref="AT4:AV4"/>
    <mergeCell ref="A3:A5"/>
    <mergeCell ref="B3:L3"/>
    <mergeCell ref="M3:W3"/>
    <mergeCell ref="X3:AH3"/>
    <mergeCell ref="B4:D4"/>
    <mergeCell ref="E4:K4"/>
    <mergeCell ref="L4:L5"/>
    <mergeCell ref="M4:O4"/>
    <mergeCell ref="P4:V4"/>
    <mergeCell ref="W4:W5"/>
    <mergeCell ref="X4:Z4"/>
    <mergeCell ref="AA4:AG4"/>
    <mergeCell ref="AH4:AH5"/>
    <mergeCell ref="CL4:CN4"/>
    <mergeCell ref="AW4:BC4"/>
    <mergeCell ref="BE4:BG4"/>
    <mergeCell ref="BH4:BN4"/>
    <mergeCell ref="BZ4:BZ5"/>
    <mergeCell ref="CK4:CK5"/>
    <mergeCell ref="BP4:BR4"/>
    <mergeCell ref="BS4:BY4"/>
    <mergeCell ref="CA4:CC4"/>
    <mergeCell ref="CD4:CJ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88"/>
    <col min="4" max="4" width="10" style="288" customWidth="1"/>
    <col min="5" max="5" width="7.77734375" style="288" customWidth="1"/>
    <col min="6" max="6" width="10.77734375" style="288" customWidth="1"/>
    <col min="7" max="15" width="9" style="288"/>
    <col min="16" max="16" width="8" style="288" customWidth="1"/>
    <col min="17" max="16384" width="9" style="288"/>
  </cols>
  <sheetData>
    <row r="1" spans="1:23" ht="21" customHeight="1" x14ac:dyDescent="0.2">
      <c r="A1" s="323" t="s">
        <v>125</v>
      </c>
      <c r="G1" s="457">
        <f>第１表!F2</f>
        <v>3</v>
      </c>
      <c r="H1" s="457"/>
      <c r="I1" s="280">
        <f>第１表!G2</f>
        <v>12</v>
      </c>
      <c r="J1" s="458">
        <f>IF(I1&lt;3,I1+12-2,I1-2)</f>
        <v>10</v>
      </c>
      <c r="K1" s="458"/>
    </row>
    <row r="2" spans="1:23" ht="18.75" customHeight="1" thickBot="1" x14ac:dyDescent="0.25">
      <c r="A2" s="323" t="s">
        <v>133</v>
      </c>
    </row>
    <row r="3" spans="1:23" ht="21.75" customHeight="1" x14ac:dyDescent="0.2">
      <c r="A3" s="461"/>
      <c r="B3" s="462" t="s">
        <v>143</v>
      </c>
      <c r="C3" s="462"/>
      <c r="D3" s="462"/>
      <c r="E3" s="462"/>
      <c r="F3" s="462"/>
      <c r="G3" s="462"/>
      <c r="H3" s="462"/>
      <c r="I3" s="462"/>
      <c r="J3" s="462"/>
      <c r="K3" s="462"/>
      <c r="L3" s="494"/>
      <c r="M3" s="462" t="s">
        <v>113</v>
      </c>
      <c r="N3" s="462"/>
      <c r="O3" s="462"/>
      <c r="P3" s="462"/>
      <c r="Q3" s="462"/>
      <c r="R3" s="462"/>
      <c r="S3" s="462"/>
      <c r="T3" s="462"/>
      <c r="U3" s="462"/>
      <c r="V3" s="462"/>
      <c r="W3" s="494"/>
    </row>
    <row r="4" spans="1:23" ht="20.25" customHeight="1" x14ac:dyDescent="0.2">
      <c r="A4" s="500"/>
      <c r="B4" s="495" t="s">
        <v>61</v>
      </c>
      <c r="C4" s="495"/>
      <c r="D4" s="496"/>
      <c r="E4" s="497" t="s">
        <v>62</v>
      </c>
      <c r="F4" s="495"/>
      <c r="G4" s="495"/>
      <c r="H4" s="495"/>
      <c r="I4" s="495"/>
      <c r="J4" s="495"/>
      <c r="K4" s="498"/>
      <c r="L4" s="499" t="s">
        <v>52</v>
      </c>
      <c r="M4" s="495" t="s">
        <v>61</v>
      </c>
      <c r="N4" s="495"/>
      <c r="O4" s="496"/>
      <c r="P4" s="497" t="s">
        <v>62</v>
      </c>
      <c r="Q4" s="495"/>
      <c r="R4" s="495"/>
      <c r="S4" s="495"/>
      <c r="T4" s="495"/>
      <c r="U4" s="495"/>
      <c r="V4" s="498"/>
      <c r="W4" s="499" t="s">
        <v>52</v>
      </c>
    </row>
    <row r="5" spans="1:23" ht="28.5" customHeight="1" thickBot="1" x14ac:dyDescent="0.25">
      <c r="A5" s="501"/>
      <c r="B5" s="292" t="s">
        <v>43</v>
      </c>
      <c r="C5" s="292" t="s">
        <v>44</v>
      </c>
      <c r="D5" s="298" t="s">
        <v>45</v>
      </c>
      <c r="E5" s="300" t="s">
        <v>83</v>
      </c>
      <c r="F5" s="292" t="s">
        <v>47</v>
      </c>
      <c r="G5" s="292" t="s">
        <v>48</v>
      </c>
      <c r="H5" s="292" t="s">
        <v>49</v>
      </c>
      <c r="I5" s="292" t="s">
        <v>50</v>
      </c>
      <c r="J5" s="292" t="s">
        <v>51</v>
      </c>
      <c r="K5" s="298" t="s">
        <v>45</v>
      </c>
      <c r="L5" s="460"/>
      <c r="M5" s="292" t="s">
        <v>43</v>
      </c>
      <c r="N5" s="292" t="s">
        <v>44</v>
      </c>
      <c r="O5" s="298" t="s">
        <v>45</v>
      </c>
      <c r="P5" s="300" t="s">
        <v>83</v>
      </c>
      <c r="Q5" s="292" t="s">
        <v>47</v>
      </c>
      <c r="R5" s="292" t="s">
        <v>48</v>
      </c>
      <c r="S5" s="292" t="s">
        <v>49</v>
      </c>
      <c r="T5" s="292" t="s">
        <v>50</v>
      </c>
      <c r="U5" s="292" t="s">
        <v>51</v>
      </c>
      <c r="V5" s="298" t="s">
        <v>45</v>
      </c>
      <c r="W5" s="460"/>
    </row>
    <row r="6" spans="1:23" ht="21" customHeight="1" x14ac:dyDescent="0.2">
      <c r="A6" s="291" t="s">
        <v>4</v>
      </c>
      <c r="B6" s="306">
        <v>2</v>
      </c>
      <c r="C6" s="306">
        <v>0</v>
      </c>
      <c r="D6" s="303">
        <v>2</v>
      </c>
      <c r="E6" s="305">
        <v>0</v>
      </c>
      <c r="F6" s="306">
        <v>101097</v>
      </c>
      <c r="G6" s="306">
        <v>100196</v>
      </c>
      <c r="H6" s="306">
        <v>60737</v>
      </c>
      <c r="I6" s="306">
        <v>31194</v>
      </c>
      <c r="J6" s="306">
        <v>15029</v>
      </c>
      <c r="K6" s="303">
        <v>308253</v>
      </c>
      <c r="L6" s="308">
        <v>308255</v>
      </c>
      <c r="M6" s="306">
        <v>23</v>
      </c>
      <c r="N6" s="306">
        <v>22</v>
      </c>
      <c r="O6" s="303">
        <v>45</v>
      </c>
      <c r="P6" s="305">
        <v>0</v>
      </c>
      <c r="Q6" s="306">
        <v>6598</v>
      </c>
      <c r="R6" s="306">
        <v>9476</v>
      </c>
      <c r="S6" s="306">
        <v>12293</v>
      </c>
      <c r="T6" s="306">
        <v>6527</v>
      </c>
      <c r="U6" s="306">
        <v>5741</v>
      </c>
      <c r="V6" s="303">
        <v>40635</v>
      </c>
      <c r="W6" s="308">
        <v>40680</v>
      </c>
    </row>
    <row r="7" spans="1:23" ht="21" customHeight="1" x14ac:dyDescent="0.2">
      <c r="A7" s="289" t="s">
        <v>5</v>
      </c>
      <c r="B7" s="313">
        <v>0</v>
      </c>
      <c r="C7" s="313">
        <v>0</v>
      </c>
      <c r="D7" s="310">
        <v>0</v>
      </c>
      <c r="E7" s="312">
        <v>0</v>
      </c>
      <c r="F7" s="313">
        <v>32502</v>
      </c>
      <c r="G7" s="313">
        <v>45135</v>
      </c>
      <c r="H7" s="313">
        <v>26659</v>
      </c>
      <c r="I7" s="313">
        <v>14066</v>
      </c>
      <c r="J7" s="313">
        <v>6673</v>
      </c>
      <c r="K7" s="310">
        <v>125035</v>
      </c>
      <c r="L7" s="315">
        <v>125035</v>
      </c>
      <c r="M7" s="313">
        <v>8</v>
      </c>
      <c r="N7" s="313">
        <v>0</v>
      </c>
      <c r="O7" s="310">
        <v>8</v>
      </c>
      <c r="P7" s="312">
        <v>0</v>
      </c>
      <c r="Q7" s="313">
        <v>2869</v>
      </c>
      <c r="R7" s="313">
        <v>4892</v>
      </c>
      <c r="S7" s="313">
        <v>6329</v>
      </c>
      <c r="T7" s="313">
        <v>3575</v>
      </c>
      <c r="U7" s="313">
        <v>3435</v>
      </c>
      <c r="V7" s="310">
        <v>21100</v>
      </c>
      <c r="W7" s="315">
        <v>21108</v>
      </c>
    </row>
    <row r="8" spans="1:23" ht="21" customHeight="1" x14ac:dyDescent="0.2">
      <c r="A8" s="289" t="s">
        <v>6</v>
      </c>
      <c r="B8" s="313">
        <v>0</v>
      </c>
      <c r="C8" s="313">
        <v>0</v>
      </c>
      <c r="D8" s="310">
        <v>0</v>
      </c>
      <c r="E8" s="312">
        <v>0</v>
      </c>
      <c r="F8" s="313">
        <v>15383</v>
      </c>
      <c r="G8" s="313">
        <v>10968</v>
      </c>
      <c r="H8" s="313">
        <v>7277</v>
      </c>
      <c r="I8" s="313">
        <v>4099</v>
      </c>
      <c r="J8" s="313">
        <v>2177</v>
      </c>
      <c r="K8" s="310">
        <v>39904</v>
      </c>
      <c r="L8" s="315">
        <v>39904</v>
      </c>
      <c r="M8" s="313">
        <v>7</v>
      </c>
      <c r="N8" s="313">
        <v>2</v>
      </c>
      <c r="O8" s="310">
        <v>9</v>
      </c>
      <c r="P8" s="312">
        <v>0</v>
      </c>
      <c r="Q8" s="313">
        <v>1662</v>
      </c>
      <c r="R8" s="313">
        <v>1915</v>
      </c>
      <c r="S8" s="313">
        <v>2525</v>
      </c>
      <c r="T8" s="313">
        <v>1560</v>
      </c>
      <c r="U8" s="313">
        <v>1140</v>
      </c>
      <c r="V8" s="310">
        <v>8802</v>
      </c>
      <c r="W8" s="315">
        <v>8811</v>
      </c>
    </row>
    <row r="9" spans="1:23" ht="21" customHeight="1" x14ac:dyDescent="0.2">
      <c r="A9" s="289" t="s">
        <v>14</v>
      </c>
      <c r="B9" s="313">
        <v>0</v>
      </c>
      <c r="C9" s="313">
        <v>0</v>
      </c>
      <c r="D9" s="310">
        <v>0</v>
      </c>
      <c r="E9" s="312">
        <v>0</v>
      </c>
      <c r="F9" s="313">
        <v>8509</v>
      </c>
      <c r="G9" s="313">
        <v>8697</v>
      </c>
      <c r="H9" s="313">
        <v>5866</v>
      </c>
      <c r="I9" s="313">
        <v>2612</v>
      </c>
      <c r="J9" s="313">
        <v>1173</v>
      </c>
      <c r="K9" s="310">
        <v>26857</v>
      </c>
      <c r="L9" s="315">
        <v>26857</v>
      </c>
      <c r="M9" s="313">
        <v>0</v>
      </c>
      <c r="N9" s="313">
        <v>0</v>
      </c>
      <c r="O9" s="310">
        <v>0</v>
      </c>
      <c r="P9" s="312">
        <v>0</v>
      </c>
      <c r="Q9" s="313">
        <v>78</v>
      </c>
      <c r="R9" s="313">
        <v>171</v>
      </c>
      <c r="S9" s="313">
        <v>445</v>
      </c>
      <c r="T9" s="313">
        <v>253</v>
      </c>
      <c r="U9" s="313">
        <v>220</v>
      </c>
      <c r="V9" s="310">
        <v>1167</v>
      </c>
      <c r="W9" s="315">
        <v>1167</v>
      </c>
    </row>
    <row r="10" spans="1:23" ht="21" customHeight="1" x14ac:dyDescent="0.2">
      <c r="A10" s="289" t="s">
        <v>7</v>
      </c>
      <c r="B10" s="313">
        <v>0</v>
      </c>
      <c r="C10" s="313">
        <v>0</v>
      </c>
      <c r="D10" s="310">
        <v>0</v>
      </c>
      <c r="E10" s="312">
        <v>0</v>
      </c>
      <c r="F10" s="313">
        <v>7548</v>
      </c>
      <c r="G10" s="313">
        <v>5322</v>
      </c>
      <c r="H10" s="313">
        <v>2912</v>
      </c>
      <c r="I10" s="313">
        <v>1291</v>
      </c>
      <c r="J10" s="313">
        <v>479</v>
      </c>
      <c r="K10" s="310">
        <v>17552</v>
      </c>
      <c r="L10" s="315">
        <v>17552</v>
      </c>
      <c r="M10" s="313">
        <v>0</v>
      </c>
      <c r="N10" s="313">
        <v>0</v>
      </c>
      <c r="O10" s="310">
        <v>0</v>
      </c>
      <c r="P10" s="312">
        <v>0</v>
      </c>
      <c r="Q10" s="313">
        <v>740</v>
      </c>
      <c r="R10" s="313">
        <v>861</v>
      </c>
      <c r="S10" s="313">
        <v>1197</v>
      </c>
      <c r="T10" s="313">
        <v>451</v>
      </c>
      <c r="U10" s="313">
        <v>218</v>
      </c>
      <c r="V10" s="310">
        <v>3467</v>
      </c>
      <c r="W10" s="315">
        <v>3467</v>
      </c>
    </row>
    <row r="11" spans="1:23" ht="21" customHeight="1" x14ac:dyDescent="0.2">
      <c r="A11" s="289" t="s">
        <v>8</v>
      </c>
      <c r="B11" s="313">
        <v>0</v>
      </c>
      <c r="C11" s="313">
        <v>0</v>
      </c>
      <c r="D11" s="310">
        <v>0</v>
      </c>
      <c r="E11" s="312">
        <v>0</v>
      </c>
      <c r="F11" s="313">
        <v>4639</v>
      </c>
      <c r="G11" s="313">
        <v>4394</v>
      </c>
      <c r="H11" s="313">
        <v>2633</v>
      </c>
      <c r="I11" s="313">
        <v>1183</v>
      </c>
      <c r="J11" s="313">
        <v>554</v>
      </c>
      <c r="K11" s="310">
        <v>13403</v>
      </c>
      <c r="L11" s="315">
        <v>13403</v>
      </c>
      <c r="M11" s="313">
        <v>0</v>
      </c>
      <c r="N11" s="313">
        <v>0</v>
      </c>
      <c r="O11" s="310">
        <v>0</v>
      </c>
      <c r="P11" s="312">
        <v>0</v>
      </c>
      <c r="Q11" s="313">
        <v>60</v>
      </c>
      <c r="R11" s="313">
        <v>148</v>
      </c>
      <c r="S11" s="313">
        <v>151</v>
      </c>
      <c r="T11" s="313">
        <v>50</v>
      </c>
      <c r="U11" s="313">
        <v>80</v>
      </c>
      <c r="V11" s="310">
        <v>489</v>
      </c>
      <c r="W11" s="315">
        <v>489</v>
      </c>
    </row>
    <row r="12" spans="1:23" ht="21" customHeight="1" x14ac:dyDescent="0.2">
      <c r="A12" s="289" t="s">
        <v>9</v>
      </c>
      <c r="B12" s="313">
        <v>0</v>
      </c>
      <c r="C12" s="313">
        <v>0</v>
      </c>
      <c r="D12" s="310">
        <v>0</v>
      </c>
      <c r="E12" s="312">
        <v>0</v>
      </c>
      <c r="F12" s="313">
        <v>2944</v>
      </c>
      <c r="G12" s="313">
        <v>2549</v>
      </c>
      <c r="H12" s="313">
        <v>1903</v>
      </c>
      <c r="I12" s="313">
        <v>951</v>
      </c>
      <c r="J12" s="313">
        <v>281</v>
      </c>
      <c r="K12" s="310">
        <v>8628</v>
      </c>
      <c r="L12" s="315">
        <v>8628</v>
      </c>
      <c r="M12" s="313">
        <v>0</v>
      </c>
      <c r="N12" s="313">
        <v>0</v>
      </c>
      <c r="O12" s="310">
        <v>0</v>
      </c>
      <c r="P12" s="312">
        <v>0</v>
      </c>
      <c r="Q12" s="313">
        <v>90</v>
      </c>
      <c r="R12" s="313">
        <v>43</v>
      </c>
      <c r="S12" s="313">
        <v>63</v>
      </c>
      <c r="T12" s="313">
        <v>26</v>
      </c>
      <c r="U12" s="313">
        <v>37</v>
      </c>
      <c r="V12" s="310">
        <v>259</v>
      </c>
      <c r="W12" s="315">
        <v>259</v>
      </c>
    </row>
    <row r="13" spans="1:23" ht="21" customHeight="1" x14ac:dyDescent="0.2">
      <c r="A13" s="289" t="s">
        <v>10</v>
      </c>
      <c r="B13" s="313">
        <v>0</v>
      </c>
      <c r="C13" s="313">
        <v>0</v>
      </c>
      <c r="D13" s="310">
        <v>0</v>
      </c>
      <c r="E13" s="312">
        <v>0</v>
      </c>
      <c r="F13" s="313">
        <v>4297</v>
      </c>
      <c r="G13" s="313">
        <v>1994</v>
      </c>
      <c r="H13" s="313">
        <v>1277</v>
      </c>
      <c r="I13" s="313">
        <v>575</v>
      </c>
      <c r="J13" s="313">
        <v>242</v>
      </c>
      <c r="K13" s="310">
        <v>8385</v>
      </c>
      <c r="L13" s="315">
        <v>8385</v>
      </c>
      <c r="M13" s="313">
        <v>0</v>
      </c>
      <c r="N13" s="313">
        <v>4</v>
      </c>
      <c r="O13" s="310">
        <v>4</v>
      </c>
      <c r="P13" s="312">
        <v>0</v>
      </c>
      <c r="Q13" s="313">
        <v>144</v>
      </c>
      <c r="R13" s="313">
        <v>204</v>
      </c>
      <c r="S13" s="313">
        <v>200</v>
      </c>
      <c r="T13" s="313">
        <v>107</v>
      </c>
      <c r="U13" s="313">
        <v>78</v>
      </c>
      <c r="V13" s="310">
        <v>733</v>
      </c>
      <c r="W13" s="315">
        <v>737</v>
      </c>
    </row>
    <row r="14" spans="1:23" ht="21" customHeight="1" x14ac:dyDescent="0.2">
      <c r="A14" s="289" t="s">
        <v>11</v>
      </c>
      <c r="B14" s="313">
        <v>2</v>
      </c>
      <c r="C14" s="313">
        <v>0</v>
      </c>
      <c r="D14" s="310">
        <v>2</v>
      </c>
      <c r="E14" s="312">
        <v>0</v>
      </c>
      <c r="F14" s="313">
        <v>4951</v>
      </c>
      <c r="G14" s="313">
        <v>2987</v>
      </c>
      <c r="H14" s="313">
        <v>1855</v>
      </c>
      <c r="I14" s="313">
        <v>992</v>
      </c>
      <c r="J14" s="313">
        <v>358</v>
      </c>
      <c r="K14" s="310">
        <v>11143</v>
      </c>
      <c r="L14" s="315">
        <v>11145</v>
      </c>
      <c r="M14" s="313">
        <v>0</v>
      </c>
      <c r="N14" s="313">
        <v>8</v>
      </c>
      <c r="O14" s="310">
        <v>8</v>
      </c>
      <c r="P14" s="312">
        <v>0</v>
      </c>
      <c r="Q14" s="313">
        <v>181</v>
      </c>
      <c r="R14" s="313">
        <v>96</v>
      </c>
      <c r="S14" s="313">
        <v>87</v>
      </c>
      <c r="T14" s="313">
        <v>0</v>
      </c>
      <c r="U14" s="313">
        <v>28</v>
      </c>
      <c r="V14" s="310">
        <v>392</v>
      </c>
      <c r="W14" s="315">
        <v>400</v>
      </c>
    </row>
    <row r="15" spans="1:23" ht="21" customHeight="1" x14ac:dyDescent="0.2">
      <c r="A15" s="289" t="s">
        <v>12</v>
      </c>
      <c r="B15" s="313">
        <v>0</v>
      </c>
      <c r="C15" s="313">
        <v>0</v>
      </c>
      <c r="D15" s="310">
        <v>0</v>
      </c>
      <c r="E15" s="312">
        <v>0</v>
      </c>
      <c r="F15" s="313">
        <v>3471</v>
      </c>
      <c r="G15" s="313">
        <v>2090</v>
      </c>
      <c r="H15" s="313">
        <v>1396</v>
      </c>
      <c r="I15" s="313">
        <v>521</v>
      </c>
      <c r="J15" s="313">
        <v>364</v>
      </c>
      <c r="K15" s="310">
        <v>7842</v>
      </c>
      <c r="L15" s="315">
        <v>7842</v>
      </c>
      <c r="M15" s="313">
        <v>0</v>
      </c>
      <c r="N15" s="313">
        <v>0</v>
      </c>
      <c r="O15" s="310">
        <v>0</v>
      </c>
      <c r="P15" s="312">
        <v>0</v>
      </c>
      <c r="Q15" s="313">
        <v>30</v>
      </c>
      <c r="R15" s="313">
        <v>48</v>
      </c>
      <c r="S15" s="313">
        <v>0</v>
      </c>
      <c r="T15" s="313">
        <v>0</v>
      </c>
      <c r="U15" s="313">
        <v>13</v>
      </c>
      <c r="V15" s="310">
        <v>91</v>
      </c>
      <c r="W15" s="315">
        <v>91</v>
      </c>
    </row>
    <row r="16" spans="1:23" ht="21" customHeight="1" x14ac:dyDescent="0.2">
      <c r="A16" s="289" t="s">
        <v>13</v>
      </c>
      <c r="B16" s="313">
        <v>0</v>
      </c>
      <c r="C16" s="313">
        <v>0</v>
      </c>
      <c r="D16" s="310">
        <v>0</v>
      </c>
      <c r="E16" s="312">
        <v>0</v>
      </c>
      <c r="F16" s="313">
        <v>965</v>
      </c>
      <c r="G16" s="313">
        <v>883</v>
      </c>
      <c r="H16" s="313">
        <v>577</v>
      </c>
      <c r="I16" s="313">
        <v>185</v>
      </c>
      <c r="J16" s="313">
        <v>166</v>
      </c>
      <c r="K16" s="310">
        <v>2776</v>
      </c>
      <c r="L16" s="315">
        <v>2776</v>
      </c>
      <c r="M16" s="313">
        <v>0</v>
      </c>
      <c r="N16" s="313">
        <v>0</v>
      </c>
      <c r="O16" s="310">
        <v>0</v>
      </c>
      <c r="P16" s="312">
        <v>0</v>
      </c>
      <c r="Q16" s="313">
        <v>5</v>
      </c>
      <c r="R16" s="313">
        <v>29</v>
      </c>
      <c r="S16" s="313">
        <v>122</v>
      </c>
      <c r="T16" s="313">
        <v>40</v>
      </c>
      <c r="U16" s="313">
        <v>71</v>
      </c>
      <c r="V16" s="310">
        <v>267</v>
      </c>
      <c r="W16" s="315">
        <v>267</v>
      </c>
    </row>
    <row r="17" spans="1:23" ht="21" customHeight="1" x14ac:dyDescent="0.2">
      <c r="A17" s="289" t="s">
        <v>15</v>
      </c>
      <c r="B17" s="313">
        <v>0</v>
      </c>
      <c r="C17" s="313">
        <v>0</v>
      </c>
      <c r="D17" s="310">
        <v>0</v>
      </c>
      <c r="E17" s="312">
        <v>0</v>
      </c>
      <c r="F17" s="313">
        <v>990</v>
      </c>
      <c r="G17" s="313">
        <v>1397</v>
      </c>
      <c r="H17" s="313">
        <v>511</v>
      </c>
      <c r="I17" s="313">
        <v>395</v>
      </c>
      <c r="J17" s="313">
        <v>73</v>
      </c>
      <c r="K17" s="310">
        <v>3366</v>
      </c>
      <c r="L17" s="315">
        <v>3366</v>
      </c>
      <c r="M17" s="313">
        <v>0</v>
      </c>
      <c r="N17" s="313">
        <v>0</v>
      </c>
      <c r="O17" s="310">
        <v>0</v>
      </c>
      <c r="P17" s="312">
        <v>0</v>
      </c>
      <c r="Q17" s="313">
        <v>44</v>
      </c>
      <c r="R17" s="313">
        <v>42</v>
      </c>
      <c r="S17" s="313">
        <v>111</v>
      </c>
      <c r="T17" s="313">
        <v>48</v>
      </c>
      <c r="U17" s="313">
        <v>14</v>
      </c>
      <c r="V17" s="310">
        <v>259</v>
      </c>
      <c r="W17" s="315">
        <v>259</v>
      </c>
    </row>
    <row r="18" spans="1:23" ht="21" customHeight="1" x14ac:dyDescent="0.2">
      <c r="A18" s="289" t="s">
        <v>16</v>
      </c>
      <c r="B18" s="313">
        <v>0</v>
      </c>
      <c r="C18" s="313">
        <v>0</v>
      </c>
      <c r="D18" s="310">
        <v>0</v>
      </c>
      <c r="E18" s="312">
        <v>0</v>
      </c>
      <c r="F18" s="313">
        <v>1340</v>
      </c>
      <c r="G18" s="313">
        <v>1707</v>
      </c>
      <c r="H18" s="313">
        <v>978</v>
      </c>
      <c r="I18" s="313">
        <v>619</v>
      </c>
      <c r="J18" s="313">
        <v>256</v>
      </c>
      <c r="K18" s="310">
        <v>4900</v>
      </c>
      <c r="L18" s="315">
        <v>4900</v>
      </c>
      <c r="M18" s="313">
        <v>0</v>
      </c>
      <c r="N18" s="313">
        <v>0</v>
      </c>
      <c r="O18" s="310">
        <v>0</v>
      </c>
      <c r="P18" s="312">
        <v>0</v>
      </c>
      <c r="Q18" s="313">
        <v>55</v>
      </c>
      <c r="R18" s="313">
        <v>117</v>
      </c>
      <c r="S18" s="313">
        <v>83</v>
      </c>
      <c r="T18" s="313">
        <v>36</v>
      </c>
      <c r="U18" s="313">
        <v>45</v>
      </c>
      <c r="V18" s="310">
        <v>336</v>
      </c>
      <c r="W18" s="315">
        <v>336</v>
      </c>
    </row>
    <row r="19" spans="1:23" ht="21" customHeight="1" x14ac:dyDescent="0.2">
      <c r="A19" s="289" t="s">
        <v>17</v>
      </c>
      <c r="B19" s="313">
        <v>0</v>
      </c>
      <c r="C19" s="313">
        <v>0</v>
      </c>
      <c r="D19" s="310">
        <v>0</v>
      </c>
      <c r="E19" s="312">
        <v>0</v>
      </c>
      <c r="F19" s="313">
        <v>2111</v>
      </c>
      <c r="G19" s="313">
        <v>2434</v>
      </c>
      <c r="H19" s="313">
        <v>1533</v>
      </c>
      <c r="I19" s="313">
        <v>1138</v>
      </c>
      <c r="J19" s="313">
        <v>879</v>
      </c>
      <c r="K19" s="310">
        <v>8095</v>
      </c>
      <c r="L19" s="315">
        <v>8095</v>
      </c>
      <c r="M19" s="313">
        <v>0</v>
      </c>
      <c r="N19" s="313">
        <v>8</v>
      </c>
      <c r="O19" s="310">
        <v>8</v>
      </c>
      <c r="P19" s="312">
        <v>0</v>
      </c>
      <c r="Q19" s="313">
        <v>210</v>
      </c>
      <c r="R19" s="313">
        <v>274</v>
      </c>
      <c r="S19" s="313">
        <v>261</v>
      </c>
      <c r="T19" s="313">
        <v>89</v>
      </c>
      <c r="U19" s="313">
        <v>26</v>
      </c>
      <c r="V19" s="310">
        <v>860</v>
      </c>
      <c r="W19" s="315">
        <v>868</v>
      </c>
    </row>
    <row r="20" spans="1:23" ht="21" customHeight="1" x14ac:dyDescent="0.2">
      <c r="A20" s="289" t="s">
        <v>18</v>
      </c>
      <c r="B20" s="313">
        <v>0</v>
      </c>
      <c r="C20" s="313">
        <v>0</v>
      </c>
      <c r="D20" s="310">
        <v>0</v>
      </c>
      <c r="E20" s="312">
        <v>0</v>
      </c>
      <c r="F20" s="313">
        <v>2395</v>
      </c>
      <c r="G20" s="313">
        <v>2088</v>
      </c>
      <c r="H20" s="313">
        <v>1199</v>
      </c>
      <c r="I20" s="313">
        <v>480</v>
      </c>
      <c r="J20" s="313">
        <v>221</v>
      </c>
      <c r="K20" s="310">
        <v>6383</v>
      </c>
      <c r="L20" s="315">
        <v>6383</v>
      </c>
      <c r="M20" s="313">
        <v>0</v>
      </c>
      <c r="N20" s="313">
        <v>0</v>
      </c>
      <c r="O20" s="310">
        <v>0</v>
      </c>
      <c r="P20" s="312">
        <v>0</v>
      </c>
      <c r="Q20" s="313">
        <v>37</v>
      </c>
      <c r="R20" s="313">
        <v>57</v>
      </c>
      <c r="S20" s="313">
        <v>146</v>
      </c>
      <c r="T20" s="313">
        <v>161</v>
      </c>
      <c r="U20" s="313">
        <v>179</v>
      </c>
      <c r="V20" s="310">
        <v>580</v>
      </c>
      <c r="W20" s="315">
        <v>580</v>
      </c>
    </row>
    <row r="21" spans="1:23" ht="21" customHeight="1" x14ac:dyDescent="0.2">
      <c r="A21" s="289" t="s">
        <v>19</v>
      </c>
      <c r="B21" s="313">
        <v>0</v>
      </c>
      <c r="C21" s="313">
        <v>0</v>
      </c>
      <c r="D21" s="310">
        <v>0</v>
      </c>
      <c r="E21" s="312">
        <v>0</v>
      </c>
      <c r="F21" s="313">
        <v>1032</v>
      </c>
      <c r="G21" s="313">
        <v>1060</v>
      </c>
      <c r="H21" s="313">
        <v>609</v>
      </c>
      <c r="I21" s="313">
        <v>209</v>
      </c>
      <c r="J21" s="313">
        <v>190</v>
      </c>
      <c r="K21" s="310">
        <v>3100</v>
      </c>
      <c r="L21" s="315">
        <v>3100</v>
      </c>
      <c r="M21" s="313">
        <v>0</v>
      </c>
      <c r="N21" s="313">
        <v>0</v>
      </c>
      <c r="O21" s="310">
        <v>0</v>
      </c>
      <c r="P21" s="312">
        <v>0</v>
      </c>
      <c r="Q21" s="313">
        <v>85</v>
      </c>
      <c r="R21" s="313">
        <v>267</v>
      </c>
      <c r="S21" s="313">
        <v>188</v>
      </c>
      <c r="T21" s="313">
        <v>0</v>
      </c>
      <c r="U21" s="313">
        <v>40</v>
      </c>
      <c r="V21" s="310">
        <v>580</v>
      </c>
      <c r="W21" s="315">
        <v>580</v>
      </c>
    </row>
    <row r="22" spans="1:23" ht="21" customHeight="1" x14ac:dyDescent="0.2">
      <c r="A22" s="289" t="s">
        <v>20</v>
      </c>
      <c r="B22" s="313">
        <v>0</v>
      </c>
      <c r="C22" s="313">
        <v>0</v>
      </c>
      <c r="D22" s="310">
        <v>0</v>
      </c>
      <c r="E22" s="312">
        <v>0</v>
      </c>
      <c r="F22" s="313">
        <v>1311</v>
      </c>
      <c r="G22" s="313">
        <v>785</v>
      </c>
      <c r="H22" s="313">
        <v>460</v>
      </c>
      <c r="I22" s="313">
        <v>319</v>
      </c>
      <c r="J22" s="313">
        <v>68</v>
      </c>
      <c r="K22" s="310">
        <v>2943</v>
      </c>
      <c r="L22" s="315">
        <v>2943</v>
      </c>
      <c r="M22" s="313">
        <v>0</v>
      </c>
      <c r="N22" s="313">
        <v>0</v>
      </c>
      <c r="O22" s="310">
        <v>0</v>
      </c>
      <c r="P22" s="312">
        <v>0</v>
      </c>
      <c r="Q22" s="313">
        <v>22</v>
      </c>
      <c r="R22" s="313">
        <v>48</v>
      </c>
      <c r="S22" s="313">
        <v>16</v>
      </c>
      <c r="T22" s="313">
        <v>28</v>
      </c>
      <c r="U22" s="313">
        <v>30</v>
      </c>
      <c r="V22" s="310">
        <v>144</v>
      </c>
      <c r="W22" s="315">
        <v>144</v>
      </c>
    </row>
    <row r="23" spans="1:23" ht="21" customHeight="1" x14ac:dyDescent="0.2">
      <c r="A23" s="289" t="s">
        <v>21</v>
      </c>
      <c r="B23" s="313">
        <v>0</v>
      </c>
      <c r="C23" s="313">
        <v>0</v>
      </c>
      <c r="D23" s="310">
        <v>0</v>
      </c>
      <c r="E23" s="312">
        <v>0</v>
      </c>
      <c r="F23" s="313">
        <v>1419</v>
      </c>
      <c r="G23" s="313">
        <v>1623</v>
      </c>
      <c r="H23" s="313">
        <v>821</v>
      </c>
      <c r="I23" s="313">
        <v>303</v>
      </c>
      <c r="J23" s="313">
        <v>174</v>
      </c>
      <c r="K23" s="310">
        <v>4340</v>
      </c>
      <c r="L23" s="315">
        <v>4340</v>
      </c>
      <c r="M23" s="313">
        <v>0</v>
      </c>
      <c r="N23" s="313">
        <v>0</v>
      </c>
      <c r="O23" s="310">
        <v>0</v>
      </c>
      <c r="P23" s="312">
        <v>0</v>
      </c>
      <c r="Q23" s="313">
        <v>0</v>
      </c>
      <c r="R23" s="313">
        <v>0</v>
      </c>
      <c r="S23" s="313">
        <v>0</v>
      </c>
      <c r="T23" s="313">
        <v>0</v>
      </c>
      <c r="U23" s="313">
        <v>0</v>
      </c>
      <c r="V23" s="310">
        <v>0</v>
      </c>
      <c r="W23" s="315">
        <v>0</v>
      </c>
    </row>
    <row r="24" spans="1:23" ht="21" customHeight="1" x14ac:dyDescent="0.2">
      <c r="A24" s="289" t="s">
        <v>22</v>
      </c>
      <c r="B24" s="313">
        <v>0</v>
      </c>
      <c r="C24" s="313">
        <v>0</v>
      </c>
      <c r="D24" s="310">
        <v>0</v>
      </c>
      <c r="E24" s="312">
        <v>0</v>
      </c>
      <c r="F24" s="313">
        <v>987</v>
      </c>
      <c r="G24" s="313">
        <v>825</v>
      </c>
      <c r="H24" s="313">
        <v>463</v>
      </c>
      <c r="I24" s="313">
        <v>241</v>
      </c>
      <c r="J24" s="313">
        <v>106</v>
      </c>
      <c r="K24" s="310">
        <v>2622</v>
      </c>
      <c r="L24" s="315">
        <v>2622</v>
      </c>
      <c r="M24" s="313">
        <v>5</v>
      </c>
      <c r="N24" s="313">
        <v>0</v>
      </c>
      <c r="O24" s="310">
        <v>5</v>
      </c>
      <c r="P24" s="312">
        <v>0</v>
      </c>
      <c r="Q24" s="313">
        <v>79</v>
      </c>
      <c r="R24" s="313">
        <v>100</v>
      </c>
      <c r="S24" s="313">
        <v>45</v>
      </c>
      <c r="T24" s="313">
        <v>23</v>
      </c>
      <c r="U24" s="313">
        <v>4</v>
      </c>
      <c r="V24" s="310">
        <v>251</v>
      </c>
      <c r="W24" s="315">
        <v>256</v>
      </c>
    </row>
    <row r="25" spans="1:23" ht="21" customHeight="1" x14ac:dyDescent="0.2">
      <c r="A25" s="289" t="s">
        <v>23</v>
      </c>
      <c r="B25" s="313">
        <v>0</v>
      </c>
      <c r="C25" s="313">
        <v>0</v>
      </c>
      <c r="D25" s="310">
        <v>0</v>
      </c>
      <c r="E25" s="312">
        <v>0</v>
      </c>
      <c r="F25" s="313">
        <v>437</v>
      </c>
      <c r="G25" s="313">
        <v>389</v>
      </c>
      <c r="H25" s="313">
        <v>172</v>
      </c>
      <c r="I25" s="313">
        <v>149</v>
      </c>
      <c r="J25" s="313">
        <v>96</v>
      </c>
      <c r="K25" s="310">
        <v>1243</v>
      </c>
      <c r="L25" s="315">
        <v>1243</v>
      </c>
      <c r="M25" s="313">
        <v>0</v>
      </c>
      <c r="N25" s="313">
        <v>0</v>
      </c>
      <c r="O25" s="310">
        <v>0</v>
      </c>
      <c r="P25" s="312">
        <v>0</v>
      </c>
      <c r="Q25" s="313">
        <v>0</v>
      </c>
      <c r="R25" s="313">
        <v>0</v>
      </c>
      <c r="S25" s="313">
        <v>22</v>
      </c>
      <c r="T25" s="313">
        <v>21</v>
      </c>
      <c r="U25" s="313">
        <v>0</v>
      </c>
      <c r="V25" s="310">
        <v>43</v>
      </c>
      <c r="W25" s="315">
        <v>43</v>
      </c>
    </row>
    <row r="26" spans="1:23" ht="21" customHeight="1" x14ac:dyDescent="0.2">
      <c r="A26" s="289" t="s">
        <v>24</v>
      </c>
      <c r="B26" s="313">
        <v>0</v>
      </c>
      <c r="C26" s="313">
        <v>0</v>
      </c>
      <c r="D26" s="310">
        <v>0</v>
      </c>
      <c r="E26" s="312">
        <v>0</v>
      </c>
      <c r="F26" s="313">
        <v>458</v>
      </c>
      <c r="G26" s="313">
        <v>125</v>
      </c>
      <c r="H26" s="313">
        <v>177</v>
      </c>
      <c r="I26" s="313">
        <v>63</v>
      </c>
      <c r="J26" s="313">
        <v>51</v>
      </c>
      <c r="K26" s="310">
        <v>874</v>
      </c>
      <c r="L26" s="315">
        <v>874</v>
      </c>
      <c r="M26" s="313">
        <v>0</v>
      </c>
      <c r="N26" s="313">
        <v>0</v>
      </c>
      <c r="O26" s="310">
        <v>0</v>
      </c>
      <c r="P26" s="312">
        <v>0</v>
      </c>
      <c r="Q26" s="313">
        <v>104</v>
      </c>
      <c r="R26" s="313">
        <v>49</v>
      </c>
      <c r="S26" s="313">
        <v>50</v>
      </c>
      <c r="T26" s="313">
        <v>9</v>
      </c>
      <c r="U26" s="313">
        <v>25</v>
      </c>
      <c r="V26" s="310">
        <v>237</v>
      </c>
      <c r="W26" s="315">
        <v>237</v>
      </c>
    </row>
    <row r="27" spans="1:23" ht="21" customHeight="1" x14ac:dyDescent="0.2">
      <c r="A27" s="289" t="s">
        <v>25</v>
      </c>
      <c r="B27" s="313">
        <v>0</v>
      </c>
      <c r="C27" s="313">
        <v>0</v>
      </c>
      <c r="D27" s="310">
        <v>0</v>
      </c>
      <c r="E27" s="312">
        <v>0</v>
      </c>
      <c r="F27" s="313">
        <v>603</v>
      </c>
      <c r="G27" s="313">
        <v>264</v>
      </c>
      <c r="H27" s="313">
        <v>116</v>
      </c>
      <c r="I27" s="313">
        <v>91</v>
      </c>
      <c r="J27" s="313">
        <v>10</v>
      </c>
      <c r="K27" s="310">
        <v>1084</v>
      </c>
      <c r="L27" s="315">
        <v>1084</v>
      </c>
      <c r="M27" s="313">
        <v>0</v>
      </c>
      <c r="N27" s="313">
        <v>0</v>
      </c>
      <c r="O27" s="310">
        <v>0</v>
      </c>
      <c r="P27" s="312">
        <v>0</v>
      </c>
      <c r="Q27" s="313">
        <v>28</v>
      </c>
      <c r="R27" s="313">
        <v>45</v>
      </c>
      <c r="S27" s="313">
        <v>4</v>
      </c>
      <c r="T27" s="313">
        <v>0</v>
      </c>
      <c r="U27" s="313">
        <v>11</v>
      </c>
      <c r="V27" s="310">
        <v>88</v>
      </c>
      <c r="W27" s="315">
        <v>88</v>
      </c>
    </row>
    <row r="28" spans="1:23" ht="21" customHeight="1" x14ac:dyDescent="0.2">
      <c r="A28" s="289" t="s">
        <v>26</v>
      </c>
      <c r="B28" s="313">
        <v>0</v>
      </c>
      <c r="C28" s="313">
        <v>0</v>
      </c>
      <c r="D28" s="310">
        <v>0</v>
      </c>
      <c r="E28" s="312">
        <v>0</v>
      </c>
      <c r="F28" s="313">
        <v>385</v>
      </c>
      <c r="G28" s="313">
        <v>326</v>
      </c>
      <c r="H28" s="313">
        <v>134</v>
      </c>
      <c r="I28" s="313">
        <v>109</v>
      </c>
      <c r="J28" s="313">
        <v>104</v>
      </c>
      <c r="K28" s="310">
        <v>1058</v>
      </c>
      <c r="L28" s="315">
        <v>1058</v>
      </c>
      <c r="M28" s="313">
        <v>0</v>
      </c>
      <c r="N28" s="313">
        <v>0</v>
      </c>
      <c r="O28" s="310">
        <v>0</v>
      </c>
      <c r="P28" s="312">
        <v>0</v>
      </c>
      <c r="Q28" s="313">
        <v>9</v>
      </c>
      <c r="R28" s="313">
        <v>25</v>
      </c>
      <c r="S28" s="313">
        <v>114</v>
      </c>
      <c r="T28" s="313">
        <v>5</v>
      </c>
      <c r="U28" s="313">
        <v>25</v>
      </c>
      <c r="V28" s="310">
        <v>178</v>
      </c>
      <c r="W28" s="315">
        <v>178</v>
      </c>
    </row>
    <row r="29" spans="1:23" ht="21" customHeight="1" x14ac:dyDescent="0.2">
      <c r="A29" s="289" t="s">
        <v>27</v>
      </c>
      <c r="B29" s="313">
        <v>0</v>
      </c>
      <c r="C29" s="313">
        <v>0</v>
      </c>
      <c r="D29" s="310">
        <v>0</v>
      </c>
      <c r="E29" s="312">
        <v>0</v>
      </c>
      <c r="F29" s="313">
        <v>210</v>
      </c>
      <c r="G29" s="313">
        <v>219</v>
      </c>
      <c r="H29" s="313">
        <v>127</v>
      </c>
      <c r="I29" s="313">
        <v>16</v>
      </c>
      <c r="J29" s="313">
        <v>0</v>
      </c>
      <c r="K29" s="310">
        <v>572</v>
      </c>
      <c r="L29" s="315">
        <v>572</v>
      </c>
      <c r="M29" s="313">
        <v>0</v>
      </c>
      <c r="N29" s="313">
        <v>0</v>
      </c>
      <c r="O29" s="310">
        <v>0</v>
      </c>
      <c r="P29" s="312">
        <v>0</v>
      </c>
      <c r="Q29" s="313">
        <v>45</v>
      </c>
      <c r="R29" s="313">
        <v>3</v>
      </c>
      <c r="S29" s="313">
        <v>9</v>
      </c>
      <c r="T29" s="313">
        <v>16</v>
      </c>
      <c r="U29" s="313">
        <v>2</v>
      </c>
      <c r="V29" s="310">
        <v>75</v>
      </c>
      <c r="W29" s="315">
        <v>75</v>
      </c>
    </row>
    <row r="30" spans="1:23" ht="21" customHeight="1" x14ac:dyDescent="0.2">
      <c r="A30" s="289" t="s">
        <v>28</v>
      </c>
      <c r="B30" s="313">
        <v>0</v>
      </c>
      <c r="C30" s="313">
        <v>0</v>
      </c>
      <c r="D30" s="310">
        <v>0</v>
      </c>
      <c r="E30" s="312">
        <v>0</v>
      </c>
      <c r="F30" s="313">
        <v>140</v>
      </c>
      <c r="G30" s="313">
        <v>93</v>
      </c>
      <c r="H30" s="313">
        <v>29</v>
      </c>
      <c r="I30" s="313">
        <v>17</v>
      </c>
      <c r="J30" s="313">
        <v>6</v>
      </c>
      <c r="K30" s="310">
        <v>285</v>
      </c>
      <c r="L30" s="315">
        <v>285</v>
      </c>
      <c r="M30" s="313">
        <v>0</v>
      </c>
      <c r="N30" s="313">
        <v>0</v>
      </c>
      <c r="O30" s="310">
        <v>0</v>
      </c>
      <c r="P30" s="312">
        <v>0</v>
      </c>
      <c r="Q30" s="313">
        <v>0</v>
      </c>
      <c r="R30" s="313">
        <v>0</v>
      </c>
      <c r="S30" s="313">
        <v>54</v>
      </c>
      <c r="T30" s="313">
        <v>0</v>
      </c>
      <c r="U30" s="313">
        <v>0</v>
      </c>
      <c r="V30" s="310">
        <v>54</v>
      </c>
      <c r="W30" s="315">
        <v>54</v>
      </c>
    </row>
    <row r="31" spans="1:23" ht="21" customHeight="1" x14ac:dyDescent="0.2">
      <c r="A31" s="289" t="s">
        <v>29</v>
      </c>
      <c r="B31" s="313">
        <v>0</v>
      </c>
      <c r="C31" s="313">
        <v>0</v>
      </c>
      <c r="D31" s="310">
        <v>0</v>
      </c>
      <c r="E31" s="312">
        <v>0</v>
      </c>
      <c r="F31" s="313">
        <v>116</v>
      </c>
      <c r="G31" s="313">
        <v>140</v>
      </c>
      <c r="H31" s="313">
        <v>50</v>
      </c>
      <c r="I31" s="313">
        <v>8</v>
      </c>
      <c r="J31" s="313">
        <v>0</v>
      </c>
      <c r="K31" s="310">
        <v>314</v>
      </c>
      <c r="L31" s="315">
        <v>314</v>
      </c>
      <c r="M31" s="313">
        <v>0</v>
      </c>
      <c r="N31" s="313">
        <v>0</v>
      </c>
      <c r="O31" s="310">
        <v>0</v>
      </c>
      <c r="P31" s="312">
        <v>0</v>
      </c>
      <c r="Q31" s="313">
        <v>0</v>
      </c>
      <c r="R31" s="313">
        <v>16</v>
      </c>
      <c r="S31" s="313">
        <v>22</v>
      </c>
      <c r="T31" s="313">
        <v>4</v>
      </c>
      <c r="U31" s="313">
        <v>0</v>
      </c>
      <c r="V31" s="310">
        <v>42</v>
      </c>
      <c r="W31" s="315">
        <v>42</v>
      </c>
    </row>
    <row r="32" spans="1:23" ht="21" customHeight="1" x14ac:dyDescent="0.2">
      <c r="A32" s="289" t="s">
        <v>30</v>
      </c>
      <c r="B32" s="313">
        <v>0</v>
      </c>
      <c r="C32" s="313">
        <v>0</v>
      </c>
      <c r="D32" s="310">
        <v>0</v>
      </c>
      <c r="E32" s="312">
        <v>0</v>
      </c>
      <c r="F32" s="313">
        <v>206</v>
      </c>
      <c r="G32" s="313">
        <v>162</v>
      </c>
      <c r="H32" s="313">
        <v>111</v>
      </c>
      <c r="I32" s="313">
        <v>34</v>
      </c>
      <c r="J32" s="313">
        <v>0</v>
      </c>
      <c r="K32" s="310">
        <v>513</v>
      </c>
      <c r="L32" s="315">
        <v>513</v>
      </c>
      <c r="M32" s="313">
        <v>3</v>
      </c>
      <c r="N32" s="313">
        <v>0</v>
      </c>
      <c r="O32" s="310">
        <v>3</v>
      </c>
      <c r="P32" s="312">
        <v>0</v>
      </c>
      <c r="Q32" s="313">
        <v>0</v>
      </c>
      <c r="R32" s="313">
        <v>4</v>
      </c>
      <c r="S32" s="313">
        <v>11</v>
      </c>
      <c r="T32" s="313">
        <v>0</v>
      </c>
      <c r="U32" s="313">
        <v>0</v>
      </c>
      <c r="V32" s="310">
        <v>15</v>
      </c>
      <c r="W32" s="315">
        <v>18</v>
      </c>
    </row>
    <row r="33" spans="1:23" ht="21" customHeight="1" x14ac:dyDescent="0.2">
      <c r="A33" s="289" t="s">
        <v>31</v>
      </c>
      <c r="B33" s="313">
        <v>0</v>
      </c>
      <c r="C33" s="313">
        <v>0</v>
      </c>
      <c r="D33" s="310">
        <v>0</v>
      </c>
      <c r="E33" s="312">
        <v>0</v>
      </c>
      <c r="F33" s="313">
        <v>209</v>
      </c>
      <c r="G33" s="313">
        <v>108</v>
      </c>
      <c r="H33" s="313">
        <v>101</v>
      </c>
      <c r="I33" s="313">
        <v>1</v>
      </c>
      <c r="J33" s="313">
        <v>30</v>
      </c>
      <c r="K33" s="310">
        <v>449</v>
      </c>
      <c r="L33" s="315">
        <v>449</v>
      </c>
      <c r="M33" s="313">
        <v>0</v>
      </c>
      <c r="N33" s="313">
        <v>0</v>
      </c>
      <c r="O33" s="310">
        <v>0</v>
      </c>
      <c r="P33" s="312">
        <v>0</v>
      </c>
      <c r="Q33" s="313">
        <v>0</v>
      </c>
      <c r="R33" s="313">
        <v>22</v>
      </c>
      <c r="S33" s="313">
        <v>13</v>
      </c>
      <c r="T33" s="313">
        <v>0</v>
      </c>
      <c r="U33" s="313">
        <v>0</v>
      </c>
      <c r="V33" s="310">
        <v>35</v>
      </c>
      <c r="W33" s="315">
        <v>35</v>
      </c>
    </row>
    <row r="34" spans="1:23" ht="21" customHeight="1" x14ac:dyDescent="0.2">
      <c r="A34" s="289" t="s">
        <v>32</v>
      </c>
      <c r="B34" s="313">
        <v>0</v>
      </c>
      <c r="C34" s="313">
        <v>0</v>
      </c>
      <c r="D34" s="310">
        <v>0</v>
      </c>
      <c r="E34" s="312">
        <v>0</v>
      </c>
      <c r="F34" s="313">
        <v>389</v>
      </c>
      <c r="G34" s="313">
        <v>267</v>
      </c>
      <c r="H34" s="313">
        <v>77</v>
      </c>
      <c r="I34" s="313">
        <v>39</v>
      </c>
      <c r="J34" s="313">
        <v>5</v>
      </c>
      <c r="K34" s="310">
        <v>777</v>
      </c>
      <c r="L34" s="315">
        <v>777</v>
      </c>
      <c r="M34" s="313">
        <v>0</v>
      </c>
      <c r="N34" s="313">
        <v>0</v>
      </c>
      <c r="O34" s="310">
        <v>0</v>
      </c>
      <c r="P34" s="312">
        <v>0</v>
      </c>
      <c r="Q34" s="313">
        <v>9</v>
      </c>
      <c r="R34" s="313">
        <v>0</v>
      </c>
      <c r="S34" s="313">
        <v>13</v>
      </c>
      <c r="T34" s="313">
        <v>0</v>
      </c>
      <c r="U34" s="313">
        <v>20</v>
      </c>
      <c r="V34" s="310">
        <v>42</v>
      </c>
      <c r="W34" s="315">
        <v>42</v>
      </c>
    </row>
    <row r="35" spans="1:23" ht="21" customHeight="1" x14ac:dyDescent="0.2">
      <c r="A35" s="289" t="s">
        <v>33</v>
      </c>
      <c r="B35" s="313">
        <v>0</v>
      </c>
      <c r="C35" s="313">
        <v>0</v>
      </c>
      <c r="D35" s="310">
        <v>0</v>
      </c>
      <c r="E35" s="312">
        <v>0</v>
      </c>
      <c r="F35" s="313">
        <v>249</v>
      </c>
      <c r="G35" s="313">
        <v>83</v>
      </c>
      <c r="H35" s="313">
        <v>43</v>
      </c>
      <c r="I35" s="313">
        <v>41</v>
      </c>
      <c r="J35" s="313">
        <v>9</v>
      </c>
      <c r="K35" s="310">
        <v>425</v>
      </c>
      <c r="L35" s="315">
        <v>425</v>
      </c>
      <c r="M35" s="313">
        <v>0</v>
      </c>
      <c r="N35" s="313">
        <v>0</v>
      </c>
      <c r="O35" s="310">
        <v>0</v>
      </c>
      <c r="P35" s="312">
        <v>0</v>
      </c>
      <c r="Q35" s="313">
        <v>8</v>
      </c>
      <c r="R35" s="313">
        <v>0</v>
      </c>
      <c r="S35" s="313">
        <v>0</v>
      </c>
      <c r="T35" s="313">
        <v>0</v>
      </c>
      <c r="U35" s="313">
        <v>0</v>
      </c>
      <c r="V35" s="310">
        <v>8</v>
      </c>
      <c r="W35" s="315">
        <v>8</v>
      </c>
    </row>
    <row r="36" spans="1:23" ht="21" customHeight="1" x14ac:dyDescent="0.2">
      <c r="A36" s="289" t="s">
        <v>34</v>
      </c>
      <c r="B36" s="313">
        <v>0</v>
      </c>
      <c r="C36" s="313">
        <v>0</v>
      </c>
      <c r="D36" s="310">
        <v>0</v>
      </c>
      <c r="E36" s="312">
        <v>0</v>
      </c>
      <c r="F36" s="313">
        <v>150</v>
      </c>
      <c r="G36" s="313">
        <v>35</v>
      </c>
      <c r="H36" s="313">
        <v>35</v>
      </c>
      <c r="I36" s="313">
        <v>15</v>
      </c>
      <c r="J36" s="313">
        <v>22</v>
      </c>
      <c r="K36" s="310">
        <v>257</v>
      </c>
      <c r="L36" s="315">
        <v>257</v>
      </c>
      <c r="M36" s="313">
        <v>0</v>
      </c>
      <c r="N36" s="313">
        <v>0</v>
      </c>
      <c r="O36" s="310">
        <v>0</v>
      </c>
      <c r="P36" s="312">
        <v>0</v>
      </c>
      <c r="Q36" s="313">
        <v>0</v>
      </c>
      <c r="R36" s="313">
        <v>0</v>
      </c>
      <c r="S36" s="313">
        <v>0</v>
      </c>
      <c r="T36" s="313">
        <v>8</v>
      </c>
      <c r="U36" s="313">
        <v>0</v>
      </c>
      <c r="V36" s="310">
        <v>8</v>
      </c>
      <c r="W36" s="315">
        <v>8</v>
      </c>
    </row>
    <row r="37" spans="1:23" ht="21" customHeight="1" x14ac:dyDescent="0.2">
      <c r="A37" s="289" t="s">
        <v>35</v>
      </c>
      <c r="B37" s="313">
        <v>0</v>
      </c>
      <c r="C37" s="313">
        <v>0</v>
      </c>
      <c r="D37" s="310">
        <v>0</v>
      </c>
      <c r="E37" s="312">
        <v>0</v>
      </c>
      <c r="F37" s="313">
        <v>208</v>
      </c>
      <c r="G37" s="313">
        <v>198</v>
      </c>
      <c r="H37" s="313">
        <v>186</v>
      </c>
      <c r="I37" s="313">
        <v>161</v>
      </c>
      <c r="J37" s="313">
        <v>22</v>
      </c>
      <c r="K37" s="310">
        <v>775</v>
      </c>
      <c r="L37" s="315">
        <v>775</v>
      </c>
      <c r="M37" s="313">
        <v>0</v>
      </c>
      <c r="N37" s="313">
        <v>0</v>
      </c>
      <c r="O37" s="310">
        <v>0</v>
      </c>
      <c r="P37" s="312">
        <v>0</v>
      </c>
      <c r="Q37" s="313">
        <v>0</v>
      </c>
      <c r="R37" s="313">
        <v>0</v>
      </c>
      <c r="S37" s="313">
        <v>0</v>
      </c>
      <c r="T37" s="313">
        <v>0</v>
      </c>
      <c r="U37" s="313">
        <v>0</v>
      </c>
      <c r="V37" s="310">
        <v>0</v>
      </c>
      <c r="W37" s="315">
        <v>0</v>
      </c>
    </row>
    <row r="38" spans="1:23" ht="21" customHeight="1" x14ac:dyDescent="0.2">
      <c r="A38" s="289" t="s">
        <v>36</v>
      </c>
      <c r="B38" s="313">
        <v>0</v>
      </c>
      <c r="C38" s="313">
        <v>0</v>
      </c>
      <c r="D38" s="310">
        <v>0</v>
      </c>
      <c r="E38" s="312">
        <v>0</v>
      </c>
      <c r="F38" s="313">
        <v>423</v>
      </c>
      <c r="G38" s="313">
        <v>708</v>
      </c>
      <c r="H38" s="313">
        <v>425</v>
      </c>
      <c r="I38" s="313">
        <v>254</v>
      </c>
      <c r="J38" s="313">
        <v>225</v>
      </c>
      <c r="K38" s="310">
        <v>2035</v>
      </c>
      <c r="L38" s="315">
        <v>2035</v>
      </c>
      <c r="M38" s="313">
        <v>0</v>
      </c>
      <c r="N38" s="313">
        <v>0</v>
      </c>
      <c r="O38" s="310">
        <v>0</v>
      </c>
      <c r="P38" s="312">
        <v>0</v>
      </c>
      <c r="Q38" s="313">
        <v>0</v>
      </c>
      <c r="R38" s="313">
        <v>0</v>
      </c>
      <c r="S38" s="313">
        <v>0</v>
      </c>
      <c r="T38" s="313">
        <v>0</v>
      </c>
      <c r="U38" s="313">
        <v>0</v>
      </c>
      <c r="V38" s="310">
        <v>0</v>
      </c>
      <c r="W38" s="315">
        <v>0</v>
      </c>
    </row>
    <row r="39" spans="1:23" ht="21" customHeight="1" thickBot="1" x14ac:dyDescent="0.25">
      <c r="A39" s="290" t="s">
        <v>37</v>
      </c>
      <c r="B39" s="320">
        <v>0</v>
      </c>
      <c r="C39" s="320">
        <v>0</v>
      </c>
      <c r="D39" s="317">
        <v>0</v>
      </c>
      <c r="E39" s="319">
        <v>0</v>
      </c>
      <c r="F39" s="320">
        <v>120</v>
      </c>
      <c r="G39" s="320">
        <v>141</v>
      </c>
      <c r="H39" s="320">
        <v>25</v>
      </c>
      <c r="I39" s="320">
        <v>17</v>
      </c>
      <c r="J39" s="320">
        <v>15</v>
      </c>
      <c r="K39" s="317">
        <v>318</v>
      </c>
      <c r="L39" s="322">
        <v>318</v>
      </c>
      <c r="M39" s="320">
        <v>0</v>
      </c>
      <c r="N39" s="320">
        <v>0</v>
      </c>
      <c r="O39" s="317">
        <v>0</v>
      </c>
      <c r="P39" s="319">
        <v>0</v>
      </c>
      <c r="Q39" s="320">
        <v>4</v>
      </c>
      <c r="R39" s="320">
        <v>0</v>
      </c>
      <c r="S39" s="320">
        <v>12</v>
      </c>
      <c r="T39" s="320">
        <v>17</v>
      </c>
      <c r="U39" s="320">
        <v>0</v>
      </c>
      <c r="V39" s="317">
        <v>33</v>
      </c>
      <c r="W39" s="322">
        <v>33</v>
      </c>
    </row>
  </sheetData>
  <mergeCells count="11">
    <mergeCell ref="A3:A5"/>
    <mergeCell ref="B3:L3"/>
    <mergeCell ref="B4:D4"/>
    <mergeCell ref="E4:K4"/>
    <mergeCell ref="L4:L5"/>
    <mergeCell ref="M3:W3"/>
    <mergeCell ref="M4:O4"/>
    <mergeCell ref="P4:V4"/>
    <mergeCell ref="W4:W5"/>
    <mergeCell ref="G1:H1"/>
    <mergeCell ref="J1:K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88"/>
    <col min="4" max="4" width="10" style="288" customWidth="1"/>
    <col min="5" max="5" width="7.77734375" style="288" customWidth="1"/>
    <col min="6" max="6" width="10.77734375" style="288" customWidth="1"/>
    <col min="7" max="15" width="9" style="288"/>
    <col min="16" max="16" width="7.6640625" style="288" customWidth="1"/>
    <col min="17" max="16384" width="9" style="288"/>
  </cols>
  <sheetData>
    <row r="1" spans="1:23" ht="17.25" customHeight="1" x14ac:dyDescent="0.2">
      <c r="A1" s="323" t="s">
        <v>125</v>
      </c>
      <c r="G1" s="457">
        <f>第１表!F2</f>
        <v>3</v>
      </c>
      <c r="H1" s="457"/>
      <c r="I1" s="280">
        <f>第１表!G2</f>
        <v>12</v>
      </c>
      <c r="J1" s="458">
        <f>IF(I1&lt;3,I1+12-2,I1-2)</f>
        <v>10</v>
      </c>
      <c r="K1" s="458"/>
    </row>
    <row r="2" spans="1:23" ht="21" customHeight="1" thickBot="1" x14ac:dyDescent="0.25">
      <c r="A2" s="323" t="s">
        <v>135</v>
      </c>
    </row>
    <row r="3" spans="1:23" ht="18.75" customHeight="1" x14ac:dyDescent="0.2">
      <c r="A3" s="461"/>
      <c r="B3" s="462" t="s">
        <v>143</v>
      </c>
      <c r="C3" s="462"/>
      <c r="D3" s="462"/>
      <c r="E3" s="462"/>
      <c r="F3" s="462"/>
      <c r="G3" s="462"/>
      <c r="H3" s="462"/>
      <c r="I3" s="462"/>
      <c r="J3" s="462"/>
      <c r="K3" s="462"/>
      <c r="L3" s="494"/>
      <c r="M3" s="462" t="s">
        <v>113</v>
      </c>
      <c r="N3" s="462"/>
      <c r="O3" s="462"/>
      <c r="P3" s="462"/>
      <c r="Q3" s="462"/>
      <c r="R3" s="462"/>
      <c r="S3" s="462"/>
      <c r="T3" s="462"/>
      <c r="U3" s="462"/>
      <c r="V3" s="462"/>
      <c r="W3" s="494"/>
    </row>
    <row r="4" spans="1:23" ht="18.75" customHeight="1" x14ac:dyDescent="0.2">
      <c r="A4" s="500"/>
      <c r="B4" s="495" t="s">
        <v>61</v>
      </c>
      <c r="C4" s="495"/>
      <c r="D4" s="496"/>
      <c r="E4" s="497" t="s">
        <v>62</v>
      </c>
      <c r="F4" s="495"/>
      <c r="G4" s="495"/>
      <c r="H4" s="495"/>
      <c r="I4" s="495"/>
      <c r="J4" s="495"/>
      <c r="K4" s="498"/>
      <c r="L4" s="499" t="s">
        <v>52</v>
      </c>
      <c r="M4" s="495" t="s">
        <v>61</v>
      </c>
      <c r="N4" s="495"/>
      <c r="O4" s="496"/>
      <c r="P4" s="497" t="s">
        <v>62</v>
      </c>
      <c r="Q4" s="495"/>
      <c r="R4" s="495"/>
      <c r="S4" s="495"/>
      <c r="T4" s="495"/>
      <c r="U4" s="495"/>
      <c r="V4" s="498"/>
      <c r="W4" s="499" t="s">
        <v>52</v>
      </c>
    </row>
    <row r="5" spans="1:23" ht="27" thickBot="1" x14ac:dyDescent="0.25">
      <c r="A5" s="501"/>
      <c r="B5" s="292" t="s">
        <v>43</v>
      </c>
      <c r="C5" s="292" t="s">
        <v>44</v>
      </c>
      <c r="D5" s="298" t="s">
        <v>45</v>
      </c>
      <c r="E5" s="300" t="s">
        <v>83</v>
      </c>
      <c r="F5" s="292" t="s">
        <v>47</v>
      </c>
      <c r="G5" s="292" t="s">
        <v>48</v>
      </c>
      <c r="H5" s="292" t="s">
        <v>49</v>
      </c>
      <c r="I5" s="292" t="s">
        <v>50</v>
      </c>
      <c r="J5" s="292" t="s">
        <v>51</v>
      </c>
      <c r="K5" s="298" t="s">
        <v>45</v>
      </c>
      <c r="L5" s="460"/>
      <c r="M5" s="292" t="s">
        <v>43</v>
      </c>
      <c r="N5" s="292" t="s">
        <v>44</v>
      </c>
      <c r="O5" s="298" t="s">
        <v>45</v>
      </c>
      <c r="P5" s="300" t="s">
        <v>83</v>
      </c>
      <c r="Q5" s="292" t="s">
        <v>47</v>
      </c>
      <c r="R5" s="292" t="s">
        <v>48</v>
      </c>
      <c r="S5" s="292" t="s">
        <v>49</v>
      </c>
      <c r="T5" s="292" t="s">
        <v>50</v>
      </c>
      <c r="U5" s="292" t="s">
        <v>51</v>
      </c>
      <c r="V5" s="298" t="s">
        <v>45</v>
      </c>
      <c r="W5" s="460"/>
    </row>
    <row r="6" spans="1:23" ht="21" customHeight="1" x14ac:dyDescent="0.2">
      <c r="A6" s="291" t="s">
        <v>4</v>
      </c>
      <c r="B6" s="306">
        <v>0</v>
      </c>
      <c r="C6" s="306">
        <v>0</v>
      </c>
      <c r="D6" s="303">
        <v>0</v>
      </c>
      <c r="E6" s="305">
        <v>0</v>
      </c>
      <c r="F6" s="306">
        <v>6806</v>
      </c>
      <c r="G6" s="306">
        <v>6232</v>
      </c>
      <c r="H6" s="306">
        <v>3611</v>
      </c>
      <c r="I6" s="306">
        <v>1565</v>
      </c>
      <c r="J6" s="306">
        <v>631</v>
      </c>
      <c r="K6" s="303">
        <v>18845</v>
      </c>
      <c r="L6" s="308">
        <v>18845</v>
      </c>
      <c r="M6" s="306">
        <v>3</v>
      </c>
      <c r="N6" s="306">
        <v>0</v>
      </c>
      <c r="O6" s="303">
        <v>3</v>
      </c>
      <c r="P6" s="305">
        <v>0</v>
      </c>
      <c r="Q6" s="306">
        <v>568</v>
      </c>
      <c r="R6" s="306">
        <v>735</v>
      </c>
      <c r="S6" s="306">
        <v>807</v>
      </c>
      <c r="T6" s="306">
        <v>326</v>
      </c>
      <c r="U6" s="306">
        <v>154</v>
      </c>
      <c r="V6" s="303">
        <v>2590</v>
      </c>
      <c r="W6" s="308">
        <v>2593</v>
      </c>
    </row>
    <row r="7" spans="1:23" ht="21" customHeight="1" x14ac:dyDescent="0.2">
      <c r="A7" s="289" t="s">
        <v>5</v>
      </c>
      <c r="B7" s="313">
        <v>0</v>
      </c>
      <c r="C7" s="313">
        <v>0</v>
      </c>
      <c r="D7" s="310">
        <v>0</v>
      </c>
      <c r="E7" s="312">
        <v>0</v>
      </c>
      <c r="F7" s="313">
        <v>2352</v>
      </c>
      <c r="G7" s="313">
        <v>2713</v>
      </c>
      <c r="H7" s="313">
        <v>1871</v>
      </c>
      <c r="I7" s="313">
        <v>633</v>
      </c>
      <c r="J7" s="313">
        <v>367</v>
      </c>
      <c r="K7" s="310">
        <v>7936</v>
      </c>
      <c r="L7" s="315">
        <v>7936</v>
      </c>
      <c r="M7" s="313">
        <v>0</v>
      </c>
      <c r="N7" s="313">
        <v>0</v>
      </c>
      <c r="O7" s="310">
        <v>0</v>
      </c>
      <c r="P7" s="312">
        <v>0</v>
      </c>
      <c r="Q7" s="313">
        <v>212</v>
      </c>
      <c r="R7" s="313">
        <v>409</v>
      </c>
      <c r="S7" s="313">
        <v>375</v>
      </c>
      <c r="T7" s="313">
        <v>189</v>
      </c>
      <c r="U7" s="313">
        <v>110</v>
      </c>
      <c r="V7" s="310">
        <v>1295</v>
      </c>
      <c r="W7" s="315">
        <v>1295</v>
      </c>
    </row>
    <row r="8" spans="1:23" ht="21" customHeight="1" x14ac:dyDescent="0.2">
      <c r="A8" s="289" t="s">
        <v>6</v>
      </c>
      <c r="B8" s="313">
        <v>0</v>
      </c>
      <c r="C8" s="313">
        <v>0</v>
      </c>
      <c r="D8" s="310">
        <v>0</v>
      </c>
      <c r="E8" s="312">
        <v>0</v>
      </c>
      <c r="F8" s="313">
        <v>800</v>
      </c>
      <c r="G8" s="313">
        <v>635</v>
      </c>
      <c r="H8" s="313">
        <v>289</v>
      </c>
      <c r="I8" s="313">
        <v>193</v>
      </c>
      <c r="J8" s="313">
        <v>82</v>
      </c>
      <c r="K8" s="310">
        <v>1999</v>
      </c>
      <c r="L8" s="315">
        <v>1999</v>
      </c>
      <c r="M8" s="313">
        <v>0</v>
      </c>
      <c r="N8" s="313">
        <v>0</v>
      </c>
      <c r="O8" s="310">
        <v>0</v>
      </c>
      <c r="P8" s="312">
        <v>0</v>
      </c>
      <c r="Q8" s="313">
        <v>143</v>
      </c>
      <c r="R8" s="313">
        <v>146</v>
      </c>
      <c r="S8" s="313">
        <v>161</v>
      </c>
      <c r="T8" s="313">
        <v>90</v>
      </c>
      <c r="U8" s="313">
        <v>44</v>
      </c>
      <c r="V8" s="310">
        <v>584</v>
      </c>
      <c r="W8" s="315">
        <v>584</v>
      </c>
    </row>
    <row r="9" spans="1:23" ht="21" customHeight="1" x14ac:dyDescent="0.2">
      <c r="A9" s="289" t="s">
        <v>14</v>
      </c>
      <c r="B9" s="313">
        <v>0</v>
      </c>
      <c r="C9" s="313">
        <v>0</v>
      </c>
      <c r="D9" s="310">
        <v>0</v>
      </c>
      <c r="E9" s="312">
        <v>0</v>
      </c>
      <c r="F9" s="313">
        <v>601</v>
      </c>
      <c r="G9" s="313">
        <v>619</v>
      </c>
      <c r="H9" s="313">
        <v>376</v>
      </c>
      <c r="I9" s="313">
        <v>191</v>
      </c>
      <c r="J9" s="313">
        <v>22</v>
      </c>
      <c r="K9" s="310">
        <v>1809</v>
      </c>
      <c r="L9" s="315">
        <v>1809</v>
      </c>
      <c r="M9" s="313">
        <v>0</v>
      </c>
      <c r="N9" s="313">
        <v>0</v>
      </c>
      <c r="O9" s="310">
        <v>0</v>
      </c>
      <c r="P9" s="312">
        <v>0</v>
      </c>
      <c r="Q9" s="313">
        <v>4</v>
      </c>
      <c r="R9" s="313">
        <v>8</v>
      </c>
      <c r="S9" s="313">
        <v>16</v>
      </c>
      <c r="T9" s="313">
        <v>16</v>
      </c>
      <c r="U9" s="313">
        <v>0</v>
      </c>
      <c r="V9" s="310">
        <v>44</v>
      </c>
      <c r="W9" s="315">
        <v>44</v>
      </c>
    </row>
    <row r="10" spans="1:23" ht="21" customHeight="1" x14ac:dyDescent="0.2">
      <c r="A10" s="289" t="s">
        <v>7</v>
      </c>
      <c r="B10" s="313">
        <v>0</v>
      </c>
      <c r="C10" s="313">
        <v>0</v>
      </c>
      <c r="D10" s="310">
        <v>0</v>
      </c>
      <c r="E10" s="312">
        <v>0</v>
      </c>
      <c r="F10" s="313">
        <v>670</v>
      </c>
      <c r="G10" s="313">
        <v>453</v>
      </c>
      <c r="H10" s="313">
        <v>156</v>
      </c>
      <c r="I10" s="313">
        <v>23</v>
      </c>
      <c r="J10" s="313">
        <v>8</v>
      </c>
      <c r="K10" s="310">
        <v>1310</v>
      </c>
      <c r="L10" s="315">
        <v>1310</v>
      </c>
      <c r="M10" s="313">
        <v>0</v>
      </c>
      <c r="N10" s="313">
        <v>0</v>
      </c>
      <c r="O10" s="310">
        <v>0</v>
      </c>
      <c r="P10" s="312">
        <v>0</v>
      </c>
      <c r="Q10" s="313">
        <v>85</v>
      </c>
      <c r="R10" s="313">
        <v>72</v>
      </c>
      <c r="S10" s="313">
        <v>68</v>
      </c>
      <c r="T10" s="313">
        <v>0</v>
      </c>
      <c r="U10" s="313">
        <v>0</v>
      </c>
      <c r="V10" s="310">
        <v>225</v>
      </c>
      <c r="W10" s="315">
        <v>225</v>
      </c>
    </row>
    <row r="11" spans="1:23" ht="21" customHeight="1" x14ac:dyDescent="0.2">
      <c r="A11" s="289" t="s">
        <v>8</v>
      </c>
      <c r="B11" s="313">
        <v>0</v>
      </c>
      <c r="C11" s="313">
        <v>0</v>
      </c>
      <c r="D11" s="310">
        <v>0</v>
      </c>
      <c r="E11" s="312">
        <v>0</v>
      </c>
      <c r="F11" s="313">
        <v>289</v>
      </c>
      <c r="G11" s="313">
        <v>270</v>
      </c>
      <c r="H11" s="313">
        <v>86</v>
      </c>
      <c r="I11" s="313">
        <v>65</v>
      </c>
      <c r="J11" s="313">
        <v>16</v>
      </c>
      <c r="K11" s="310">
        <v>726</v>
      </c>
      <c r="L11" s="315">
        <v>726</v>
      </c>
      <c r="M11" s="313">
        <v>0</v>
      </c>
      <c r="N11" s="313">
        <v>0</v>
      </c>
      <c r="O11" s="310">
        <v>0</v>
      </c>
      <c r="P11" s="312">
        <v>0</v>
      </c>
      <c r="Q11" s="313">
        <v>0</v>
      </c>
      <c r="R11" s="313">
        <v>0</v>
      </c>
      <c r="S11" s="313">
        <v>0</v>
      </c>
      <c r="T11" s="313">
        <v>0</v>
      </c>
      <c r="U11" s="313">
        <v>0</v>
      </c>
      <c r="V11" s="310">
        <v>0</v>
      </c>
      <c r="W11" s="315">
        <v>0</v>
      </c>
    </row>
    <row r="12" spans="1:23" ht="21" customHeight="1" x14ac:dyDescent="0.2">
      <c r="A12" s="289" t="s">
        <v>9</v>
      </c>
      <c r="B12" s="313">
        <v>0</v>
      </c>
      <c r="C12" s="313">
        <v>0</v>
      </c>
      <c r="D12" s="310">
        <v>0</v>
      </c>
      <c r="E12" s="312">
        <v>0</v>
      </c>
      <c r="F12" s="313">
        <v>296</v>
      </c>
      <c r="G12" s="313">
        <v>228</v>
      </c>
      <c r="H12" s="313">
        <v>135</v>
      </c>
      <c r="I12" s="313">
        <v>128</v>
      </c>
      <c r="J12" s="313">
        <v>0</v>
      </c>
      <c r="K12" s="310">
        <v>787</v>
      </c>
      <c r="L12" s="315">
        <v>787</v>
      </c>
      <c r="M12" s="313">
        <v>0</v>
      </c>
      <c r="N12" s="313">
        <v>0</v>
      </c>
      <c r="O12" s="310">
        <v>0</v>
      </c>
      <c r="P12" s="312">
        <v>0</v>
      </c>
      <c r="Q12" s="313">
        <v>4</v>
      </c>
      <c r="R12" s="313">
        <v>4</v>
      </c>
      <c r="S12" s="313">
        <v>26</v>
      </c>
      <c r="T12" s="313">
        <v>0</v>
      </c>
      <c r="U12" s="313">
        <v>0</v>
      </c>
      <c r="V12" s="310">
        <v>34</v>
      </c>
      <c r="W12" s="315">
        <v>34</v>
      </c>
    </row>
    <row r="13" spans="1:23" ht="21" customHeight="1" x14ac:dyDescent="0.2">
      <c r="A13" s="289" t="s">
        <v>10</v>
      </c>
      <c r="B13" s="313">
        <v>0</v>
      </c>
      <c r="C13" s="313">
        <v>0</v>
      </c>
      <c r="D13" s="310">
        <v>0</v>
      </c>
      <c r="E13" s="312">
        <v>0</v>
      </c>
      <c r="F13" s="313">
        <v>335</v>
      </c>
      <c r="G13" s="313">
        <v>181</v>
      </c>
      <c r="H13" s="313">
        <v>92</v>
      </c>
      <c r="I13" s="313">
        <v>7</v>
      </c>
      <c r="J13" s="313">
        <v>9</v>
      </c>
      <c r="K13" s="310">
        <v>624</v>
      </c>
      <c r="L13" s="315">
        <v>624</v>
      </c>
      <c r="M13" s="313">
        <v>0</v>
      </c>
      <c r="N13" s="313">
        <v>0</v>
      </c>
      <c r="O13" s="310">
        <v>0</v>
      </c>
      <c r="P13" s="312">
        <v>0</v>
      </c>
      <c r="Q13" s="313">
        <v>28</v>
      </c>
      <c r="R13" s="313">
        <v>14</v>
      </c>
      <c r="S13" s="313">
        <v>8</v>
      </c>
      <c r="T13" s="313">
        <v>4</v>
      </c>
      <c r="U13" s="313">
        <v>0</v>
      </c>
      <c r="V13" s="310">
        <v>54</v>
      </c>
      <c r="W13" s="315">
        <v>54</v>
      </c>
    </row>
    <row r="14" spans="1:23" ht="21" customHeight="1" x14ac:dyDescent="0.2">
      <c r="A14" s="289" t="s">
        <v>11</v>
      </c>
      <c r="B14" s="313">
        <v>0</v>
      </c>
      <c r="C14" s="313">
        <v>0</v>
      </c>
      <c r="D14" s="310">
        <v>0</v>
      </c>
      <c r="E14" s="312">
        <v>0</v>
      </c>
      <c r="F14" s="313">
        <v>304</v>
      </c>
      <c r="G14" s="313">
        <v>77</v>
      </c>
      <c r="H14" s="313">
        <v>153</v>
      </c>
      <c r="I14" s="313">
        <v>37</v>
      </c>
      <c r="J14" s="313">
        <v>25</v>
      </c>
      <c r="K14" s="310">
        <v>596</v>
      </c>
      <c r="L14" s="315">
        <v>596</v>
      </c>
      <c r="M14" s="313">
        <v>0</v>
      </c>
      <c r="N14" s="313">
        <v>0</v>
      </c>
      <c r="O14" s="310">
        <v>0</v>
      </c>
      <c r="P14" s="312">
        <v>0</v>
      </c>
      <c r="Q14" s="313">
        <v>21</v>
      </c>
      <c r="R14" s="313">
        <v>18</v>
      </c>
      <c r="S14" s="313">
        <v>0</v>
      </c>
      <c r="T14" s="313">
        <v>0</v>
      </c>
      <c r="U14" s="313">
        <v>0</v>
      </c>
      <c r="V14" s="310">
        <v>39</v>
      </c>
      <c r="W14" s="315">
        <v>39</v>
      </c>
    </row>
    <row r="15" spans="1:23" ht="21" customHeight="1" x14ac:dyDescent="0.2">
      <c r="A15" s="289" t="s">
        <v>12</v>
      </c>
      <c r="B15" s="313">
        <v>0</v>
      </c>
      <c r="C15" s="313">
        <v>0</v>
      </c>
      <c r="D15" s="310">
        <v>0</v>
      </c>
      <c r="E15" s="312">
        <v>0</v>
      </c>
      <c r="F15" s="313">
        <v>239</v>
      </c>
      <c r="G15" s="313">
        <v>145</v>
      </c>
      <c r="H15" s="313">
        <v>76</v>
      </c>
      <c r="I15" s="313">
        <v>35</v>
      </c>
      <c r="J15" s="313">
        <v>19</v>
      </c>
      <c r="K15" s="310">
        <v>514</v>
      </c>
      <c r="L15" s="315">
        <v>514</v>
      </c>
      <c r="M15" s="313">
        <v>0</v>
      </c>
      <c r="N15" s="313">
        <v>0</v>
      </c>
      <c r="O15" s="310">
        <v>0</v>
      </c>
      <c r="P15" s="312">
        <v>0</v>
      </c>
      <c r="Q15" s="313">
        <v>0</v>
      </c>
      <c r="R15" s="313">
        <v>0</v>
      </c>
      <c r="S15" s="313">
        <v>0</v>
      </c>
      <c r="T15" s="313">
        <v>0</v>
      </c>
      <c r="U15" s="313">
        <v>0</v>
      </c>
      <c r="V15" s="310">
        <v>0</v>
      </c>
      <c r="W15" s="315">
        <v>0</v>
      </c>
    </row>
    <row r="16" spans="1:23" ht="21" customHeight="1" x14ac:dyDescent="0.2">
      <c r="A16" s="289" t="s">
        <v>13</v>
      </c>
      <c r="B16" s="313">
        <v>0</v>
      </c>
      <c r="C16" s="313">
        <v>0</v>
      </c>
      <c r="D16" s="310">
        <v>0</v>
      </c>
      <c r="E16" s="312">
        <v>0</v>
      </c>
      <c r="F16" s="313">
        <v>86</v>
      </c>
      <c r="G16" s="313">
        <v>50</v>
      </c>
      <c r="H16" s="313">
        <v>21</v>
      </c>
      <c r="I16" s="313">
        <v>16</v>
      </c>
      <c r="J16" s="313">
        <v>16</v>
      </c>
      <c r="K16" s="310">
        <v>189</v>
      </c>
      <c r="L16" s="315">
        <v>189</v>
      </c>
      <c r="M16" s="313">
        <v>0</v>
      </c>
      <c r="N16" s="313">
        <v>0</v>
      </c>
      <c r="O16" s="310">
        <v>0</v>
      </c>
      <c r="P16" s="312">
        <v>0</v>
      </c>
      <c r="Q16" s="313">
        <v>0</v>
      </c>
      <c r="R16" s="313">
        <v>13</v>
      </c>
      <c r="S16" s="313">
        <v>50</v>
      </c>
      <c r="T16" s="313">
        <v>3</v>
      </c>
      <c r="U16" s="313">
        <v>0</v>
      </c>
      <c r="V16" s="310">
        <v>66</v>
      </c>
      <c r="W16" s="315">
        <v>66</v>
      </c>
    </row>
    <row r="17" spans="1:23" ht="21" customHeight="1" x14ac:dyDescent="0.2">
      <c r="A17" s="289" t="s">
        <v>15</v>
      </c>
      <c r="B17" s="313">
        <v>0</v>
      </c>
      <c r="C17" s="313">
        <v>0</v>
      </c>
      <c r="D17" s="310">
        <v>0</v>
      </c>
      <c r="E17" s="312">
        <v>0</v>
      </c>
      <c r="F17" s="313">
        <v>27</v>
      </c>
      <c r="G17" s="313">
        <v>63</v>
      </c>
      <c r="H17" s="313">
        <v>4</v>
      </c>
      <c r="I17" s="313">
        <v>3</v>
      </c>
      <c r="J17" s="313">
        <v>9</v>
      </c>
      <c r="K17" s="310">
        <v>106</v>
      </c>
      <c r="L17" s="315">
        <v>106</v>
      </c>
      <c r="M17" s="313">
        <v>0</v>
      </c>
      <c r="N17" s="313">
        <v>0</v>
      </c>
      <c r="O17" s="310">
        <v>0</v>
      </c>
      <c r="P17" s="312">
        <v>0</v>
      </c>
      <c r="Q17" s="313">
        <v>0</v>
      </c>
      <c r="R17" s="313">
        <v>13</v>
      </c>
      <c r="S17" s="313">
        <v>0</v>
      </c>
      <c r="T17" s="313">
        <v>0</v>
      </c>
      <c r="U17" s="313">
        <v>0</v>
      </c>
      <c r="V17" s="310">
        <v>13</v>
      </c>
      <c r="W17" s="315">
        <v>13</v>
      </c>
    </row>
    <row r="18" spans="1:23" ht="21" customHeight="1" x14ac:dyDescent="0.2">
      <c r="A18" s="289" t="s">
        <v>16</v>
      </c>
      <c r="B18" s="313">
        <v>0</v>
      </c>
      <c r="C18" s="313">
        <v>0</v>
      </c>
      <c r="D18" s="310">
        <v>0</v>
      </c>
      <c r="E18" s="312">
        <v>0</v>
      </c>
      <c r="F18" s="313">
        <v>71</v>
      </c>
      <c r="G18" s="313">
        <v>78</v>
      </c>
      <c r="H18" s="313">
        <v>24</v>
      </c>
      <c r="I18" s="313">
        <v>55</v>
      </c>
      <c r="J18" s="313">
        <v>8</v>
      </c>
      <c r="K18" s="310">
        <v>236</v>
      </c>
      <c r="L18" s="315">
        <v>236</v>
      </c>
      <c r="M18" s="313">
        <v>0</v>
      </c>
      <c r="N18" s="313">
        <v>0</v>
      </c>
      <c r="O18" s="310">
        <v>0</v>
      </c>
      <c r="P18" s="312">
        <v>0</v>
      </c>
      <c r="Q18" s="313">
        <v>24</v>
      </c>
      <c r="R18" s="313">
        <v>0</v>
      </c>
      <c r="S18" s="313">
        <v>14</v>
      </c>
      <c r="T18" s="313">
        <v>0</v>
      </c>
      <c r="U18" s="313">
        <v>0</v>
      </c>
      <c r="V18" s="310">
        <v>38</v>
      </c>
      <c r="W18" s="315">
        <v>38</v>
      </c>
    </row>
    <row r="19" spans="1:23" ht="21" customHeight="1" x14ac:dyDescent="0.2">
      <c r="A19" s="289" t="s">
        <v>17</v>
      </c>
      <c r="B19" s="313">
        <v>0</v>
      </c>
      <c r="C19" s="313">
        <v>0</v>
      </c>
      <c r="D19" s="310">
        <v>0</v>
      </c>
      <c r="E19" s="312">
        <v>0</v>
      </c>
      <c r="F19" s="313">
        <v>124</v>
      </c>
      <c r="G19" s="313">
        <v>108</v>
      </c>
      <c r="H19" s="313">
        <v>102</v>
      </c>
      <c r="I19" s="313">
        <v>33</v>
      </c>
      <c r="J19" s="313">
        <v>5</v>
      </c>
      <c r="K19" s="310">
        <v>372</v>
      </c>
      <c r="L19" s="315">
        <v>372</v>
      </c>
      <c r="M19" s="313">
        <v>0</v>
      </c>
      <c r="N19" s="313">
        <v>0</v>
      </c>
      <c r="O19" s="310">
        <v>0</v>
      </c>
      <c r="P19" s="312">
        <v>0</v>
      </c>
      <c r="Q19" s="313">
        <v>7</v>
      </c>
      <c r="R19" s="313">
        <v>0</v>
      </c>
      <c r="S19" s="313">
        <v>17</v>
      </c>
      <c r="T19" s="313">
        <v>0</v>
      </c>
      <c r="U19" s="313">
        <v>0</v>
      </c>
      <c r="V19" s="310">
        <v>24</v>
      </c>
      <c r="W19" s="315">
        <v>24</v>
      </c>
    </row>
    <row r="20" spans="1:23" ht="21" customHeight="1" x14ac:dyDescent="0.2">
      <c r="A20" s="289" t="s">
        <v>18</v>
      </c>
      <c r="B20" s="313">
        <v>0</v>
      </c>
      <c r="C20" s="313">
        <v>0</v>
      </c>
      <c r="D20" s="310">
        <v>0</v>
      </c>
      <c r="E20" s="312">
        <v>0</v>
      </c>
      <c r="F20" s="313">
        <v>132</v>
      </c>
      <c r="G20" s="313">
        <v>181</v>
      </c>
      <c r="H20" s="313">
        <v>8</v>
      </c>
      <c r="I20" s="313">
        <v>4</v>
      </c>
      <c r="J20" s="313">
        <v>0</v>
      </c>
      <c r="K20" s="310">
        <v>325</v>
      </c>
      <c r="L20" s="315">
        <v>325</v>
      </c>
      <c r="M20" s="313">
        <v>0</v>
      </c>
      <c r="N20" s="313">
        <v>0</v>
      </c>
      <c r="O20" s="310">
        <v>0</v>
      </c>
      <c r="P20" s="312">
        <v>0</v>
      </c>
      <c r="Q20" s="313">
        <v>8</v>
      </c>
      <c r="R20" s="313">
        <v>0</v>
      </c>
      <c r="S20" s="313">
        <v>11</v>
      </c>
      <c r="T20" s="313">
        <v>11</v>
      </c>
      <c r="U20" s="313">
        <v>0</v>
      </c>
      <c r="V20" s="310">
        <v>30</v>
      </c>
      <c r="W20" s="315">
        <v>30</v>
      </c>
    </row>
    <row r="21" spans="1:23" ht="21" customHeight="1" x14ac:dyDescent="0.2">
      <c r="A21" s="289" t="s">
        <v>19</v>
      </c>
      <c r="B21" s="313">
        <v>0</v>
      </c>
      <c r="C21" s="313">
        <v>0</v>
      </c>
      <c r="D21" s="310">
        <v>0</v>
      </c>
      <c r="E21" s="312">
        <v>0</v>
      </c>
      <c r="F21" s="313">
        <v>53</v>
      </c>
      <c r="G21" s="313">
        <v>35</v>
      </c>
      <c r="H21" s="313">
        <v>25</v>
      </c>
      <c r="I21" s="313">
        <v>5</v>
      </c>
      <c r="J21" s="313">
        <v>0</v>
      </c>
      <c r="K21" s="310">
        <v>118</v>
      </c>
      <c r="L21" s="315">
        <v>118</v>
      </c>
      <c r="M21" s="313">
        <v>0</v>
      </c>
      <c r="N21" s="313">
        <v>0</v>
      </c>
      <c r="O21" s="310">
        <v>0</v>
      </c>
      <c r="P21" s="312">
        <v>0</v>
      </c>
      <c r="Q21" s="313">
        <v>0</v>
      </c>
      <c r="R21" s="313">
        <v>35</v>
      </c>
      <c r="S21" s="313">
        <v>24</v>
      </c>
      <c r="T21" s="313">
        <v>0</v>
      </c>
      <c r="U21" s="313">
        <v>0</v>
      </c>
      <c r="V21" s="310">
        <v>59</v>
      </c>
      <c r="W21" s="315">
        <v>59</v>
      </c>
    </row>
    <row r="22" spans="1:23" ht="21" customHeight="1" x14ac:dyDescent="0.2">
      <c r="A22" s="289" t="s">
        <v>20</v>
      </c>
      <c r="B22" s="313">
        <v>0</v>
      </c>
      <c r="C22" s="313">
        <v>0</v>
      </c>
      <c r="D22" s="310">
        <v>0</v>
      </c>
      <c r="E22" s="312">
        <v>0</v>
      </c>
      <c r="F22" s="313">
        <v>68</v>
      </c>
      <c r="G22" s="313">
        <v>93</v>
      </c>
      <c r="H22" s="313">
        <v>54</v>
      </c>
      <c r="I22" s="313">
        <v>0</v>
      </c>
      <c r="J22" s="313">
        <v>0</v>
      </c>
      <c r="K22" s="310">
        <v>215</v>
      </c>
      <c r="L22" s="315">
        <v>215</v>
      </c>
      <c r="M22" s="313">
        <v>0</v>
      </c>
      <c r="N22" s="313">
        <v>0</v>
      </c>
      <c r="O22" s="310">
        <v>0</v>
      </c>
      <c r="P22" s="312">
        <v>0</v>
      </c>
      <c r="Q22" s="313">
        <v>0</v>
      </c>
      <c r="R22" s="313">
        <v>0</v>
      </c>
      <c r="S22" s="313">
        <v>0</v>
      </c>
      <c r="T22" s="313">
        <v>0</v>
      </c>
      <c r="U22" s="313">
        <v>0</v>
      </c>
      <c r="V22" s="310">
        <v>0</v>
      </c>
      <c r="W22" s="315">
        <v>0</v>
      </c>
    </row>
    <row r="23" spans="1:23" ht="21" customHeight="1" x14ac:dyDescent="0.2">
      <c r="A23" s="289" t="s">
        <v>21</v>
      </c>
      <c r="B23" s="313">
        <v>0</v>
      </c>
      <c r="C23" s="313">
        <v>0</v>
      </c>
      <c r="D23" s="310">
        <v>0</v>
      </c>
      <c r="E23" s="312">
        <v>0</v>
      </c>
      <c r="F23" s="313">
        <v>93</v>
      </c>
      <c r="G23" s="313">
        <v>125</v>
      </c>
      <c r="H23" s="313">
        <v>51</v>
      </c>
      <c r="I23" s="313">
        <v>44</v>
      </c>
      <c r="J23" s="313">
        <v>17</v>
      </c>
      <c r="K23" s="310">
        <v>330</v>
      </c>
      <c r="L23" s="315">
        <v>330</v>
      </c>
      <c r="M23" s="313">
        <v>0</v>
      </c>
      <c r="N23" s="313">
        <v>0</v>
      </c>
      <c r="O23" s="310">
        <v>0</v>
      </c>
      <c r="P23" s="312">
        <v>0</v>
      </c>
      <c r="Q23" s="313">
        <v>0</v>
      </c>
      <c r="R23" s="313">
        <v>0</v>
      </c>
      <c r="S23" s="313">
        <v>0</v>
      </c>
      <c r="T23" s="313">
        <v>0</v>
      </c>
      <c r="U23" s="313">
        <v>0</v>
      </c>
      <c r="V23" s="310">
        <v>0</v>
      </c>
      <c r="W23" s="315">
        <v>0</v>
      </c>
    </row>
    <row r="24" spans="1:23" ht="21" customHeight="1" x14ac:dyDescent="0.2">
      <c r="A24" s="289" t="s">
        <v>22</v>
      </c>
      <c r="B24" s="313">
        <v>0</v>
      </c>
      <c r="C24" s="313">
        <v>0</v>
      </c>
      <c r="D24" s="310">
        <v>0</v>
      </c>
      <c r="E24" s="312">
        <v>0</v>
      </c>
      <c r="F24" s="313">
        <v>39</v>
      </c>
      <c r="G24" s="313">
        <v>33</v>
      </c>
      <c r="H24" s="313">
        <v>17</v>
      </c>
      <c r="I24" s="313">
        <v>16</v>
      </c>
      <c r="J24" s="313">
        <v>0</v>
      </c>
      <c r="K24" s="310">
        <v>105</v>
      </c>
      <c r="L24" s="315">
        <v>105</v>
      </c>
      <c r="M24" s="313">
        <v>0</v>
      </c>
      <c r="N24" s="313">
        <v>0</v>
      </c>
      <c r="O24" s="310">
        <v>0</v>
      </c>
      <c r="P24" s="312">
        <v>0</v>
      </c>
      <c r="Q24" s="313">
        <v>8</v>
      </c>
      <c r="R24" s="313">
        <v>0</v>
      </c>
      <c r="S24" s="313">
        <v>9</v>
      </c>
      <c r="T24" s="313">
        <v>13</v>
      </c>
      <c r="U24" s="313">
        <v>0</v>
      </c>
      <c r="V24" s="310">
        <v>30</v>
      </c>
      <c r="W24" s="315">
        <v>30</v>
      </c>
    </row>
    <row r="25" spans="1:23" ht="21" customHeight="1" x14ac:dyDescent="0.2">
      <c r="A25" s="289" t="s">
        <v>23</v>
      </c>
      <c r="B25" s="313">
        <v>0</v>
      </c>
      <c r="C25" s="313">
        <v>0</v>
      </c>
      <c r="D25" s="310">
        <v>0</v>
      </c>
      <c r="E25" s="312">
        <v>0</v>
      </c>
      <c r="F25" s="313">
        <v>33</v>
      </c>
      <c r="G25" s="313">
        <v>9</v>
      </c>
      <c r="H25" s="313">
        <v>12</v>
      </c>
      <c r="I25" s="313">
        <v>31</v>
      </c>
      <c r="J25" s="313">
        <v>0</v>
      </c>
      <c r="K25" s="310">
        <v>85</v>
      </c>
      <c r="L25" s="315">
        <v>85</v>
      </c>
      <c r="M25" s="313">
        <v>0</v>
      </c>
      <c r="N25" s="313">
        <v>0</v>
      </c>
      <c r="O25" s="310">
        <v>0</v>
      </c>
      <c r="P25" s="312">
        <v>0</v>
      </c>
      <c r="Q25" s="313">
        <v>0</v>
      </c>
      <c r="R25" s="313">
        <v>0</v>
      </c>
      <c r="S25" s="313">
        <v>0</v>
      </c>
      <c r="T25" s="313">
        <v>0</v>
      </c>
      <c r="U25" s="313">
        <v>0</v>
      </c>
      <c r="V25" s="310">
        <v>0</v>
      </c>
      <c r="W25" s="315">
        <v>0</v>
      </c>
    </row>
    <row r="26" spans="1:23" ht="21" customHeight="1" x14ac:dyDescent="0.2">
      <c r="A26" s="289" t="s">
        <v>24</v>
      </c>
      <c r="B26" s="313">
        <v>0</v>
      </c>
      <c r="C26" s="313">
        <v>0</v>
      </c>
      <c r="D26" s="310">
        <v>0</v>
      </c>
      <c r="E26" s="312">
        <v>0</v>
      </c>
      <c r="F26" s="313">
        <v>33</v>
      </c>
      <c r="G26" s="313">
        <v>0</v>
      </c>
      <c r="H26" s="313">
        <v>39</v>
      </c>
      <c r="I26" s="313">
        <v>28</v>
      </c>
      <c r="J26" s="313">
        <v>0</v>
      </c>
      <c r="K26" s="310">
        <v>100</v>
      </c>
      <c r="L26" s="315">
        <v>100</v>
      </c>
      <c r="M26" s="313">
        <v>0</v>
      </c>
      <c r="N26" s="313">
        <v>0</v>
      </c>
      <c r="O26" s="310">
        <v>0</v>
      </c>
      <c r="P26" s="312">
        <v>0</v>
      </c>
      <c r="Q26" s="313">
        <v>0</v>
      </c>
      <c r="R26" s="313">
        <v>0</v>
      </c>
      <c r="S26" s="313">
        <v>12</v>
      </c>
      <c r="T26" s="313">
        <v>0</v>
      </c>
      <c r="U26" s="313">
        <v>0</v>
      </c>
      <c r="V26" s="310">
        <v>12</v>
      </c>
      <c r="W26" s="315">
        <v>12</v>
      </c>
    </row>
    <row r="27" spans="1:23" ht="21" customHeight="1" x14ac:dyDescent="0.2">
      <c r="A27" s="289" t="s">
        <v>25</v>
      </c>
      <c r="B27" s="313">
        <v>0</v>
      </c>
      <c r="C27" s="313">
        <v>0</v>
      </c>
      <c r="D27" s="310">
        <v>0</v>
      </c>
      <c r="E27" s="312">
        <v>0</v>
      </c>
      <c r="F27" s="313">
        <v>46</v>
      </c>
      <c r="G27" s="313">
        <v>7</v>
      </c>
      <c r="H27" s="313">
        <v>0</v>
      </c>
      <c r="I27" s="313">
        <v>8</v>
      </c>
      <c r="J27" s="313">
        <v>0</v>
      </c>
      <c r="K27" s="310">
        <v>61</v>
      </c>
      <c r="L27" s="315">
        <v>61</v>
      </c>
      <c r="M27" s="313">
        <v>0</v>
      </c>
      <c r="N27" s="313">
        <v>0</v>
      </c>
      <c r="O27" s="310">
        <v>0</v>
      </c>
      <c r="P27" s="312">
        <v>0</v>
      </c>
      <c r="Q27" s="313">
        <v>0</v>
      </c>
      <c r="R27" s="313">
        <v>0</v>
      </c>
      <c r="S27" s="313">
        <v>0</v>
      </c>
      <c r="T27" s="313">
        <v>0</v>
      </c>
      <c r="U27" s="313">
        <v>0</v>
      </c>
      <c r="V27" s="310">
        <v>0</v>
      </c>
      <c r="W27" s="315">
        <v>0</v>
      </c>
    </row>
    <row r="28" spans="1:23" ht="21" customHeight="1" x14ac:dyDescent="0.2">
      <c r="A28" s="289" t="s">
        <v>26</v>
      </c>
      <c r="B28" s="313">
        <v>0</v>
      </c>
      <c r="C28" s="313">
        <v>0</v>
      </c>
      <c r="D28" s="310">
        <v>0</v>
      </c>
      <c r="E28" s="312">
        <v>0</v>
      </c>
      <c r="F28" s="313">
        <v>16</v>
      </c>
      <c r="G28" s="313">
        <v>31</v>
      </c>
      <c r="H28" s="313">
        <v>9</v>
      </c>
      <c r="I28" s="313">
        <v>1</v>
      </c>
      <c r="J28" s="313">
        <v>5</v>
      </c>
      <c r="K28" s="310">
        <v>62</v>
      </c>
      <c r="L28" s="315">
        <v>62</v>
      </c>
      <c r="M28" s="313">
        <v>0</v>
      </c>
      <c r="N28" s="313">
        <v>0</v>
      </c>
      <c r="O28" s="310">
        <v>0</v>
      </c>
      <c r="P28" s="312">
        <v>0</v>
      </c>
      <c r="Q28" s="313">
        <v>0</v>
      </c>
      <c r="R28" s="313">
        <v>0</v>
      </c>
      <c r="S28" s="313">
        <v>0</v>
      </c>
      <c r="T28" s="313">
        <v>0</v>
      </c>
      <c r="U28" s="313">
        <v>0</v>
      </c>
      <c r="V28" s="310">
        <v>0</v>
      </c>
      <c r="W28" s="315">
        <v>0</v>
      </c>
    </row>
    <row r="29" spans="1:23" ht="21" customHeight="1" x14ac:dyDescent="0.2">
      <c r="A29" s="289" t="s">
        <v>27</v>
      </c>
      <c r="B29" s="313">
        <v>0</v>
      </c>
      <c r="C29" s="313">
        <v>0</v>
      </c>
      <c r="D29" s="310">
        <v>0</v>
      </c>
      <c r="E29" s="312">
        <v>0</v>
      </c>
      <c r="F29" s="313">
        <v>7</v>
      </c>
      <c r="G29" s="313">
        <v>8</v>
      </c>
      <c r="H29" s="313">
        <v>2</v>
      </c>
      <c r="I29" s="313">
        <v>0</v>
      </c>
      <c r="J29" s="313">
        <v>0</v>
      </c>
      <c r="K29" s="310">
        <v>17</v>
      </c>
      <c r="L29" s="315">
        <v>17</v>
      </c>
      <c r="M29" s="313">
        <v>0</v>
      </c>
      <c r="N29" s="313">
        <v>0</v>
      </c>
      <c r="O29" s="310">
        <v>0</v>
      </c>
      <c r="P29" s="312">
        <v>0</v>
      </c>
      <c r="Q29" s="313">
        <v>19</v>
      </c>
      <c r="R29" s="313">
        <v>3</v>
      </c>
      <c r="S29" s="313">
        <v>0</v>
      </c>
      <c r="T29" s="313">
        <v>0</v>
      </c>
      <c r="U29" s="313">
        <v>0</v>
      </c>
      <c r="V29" s="310">
        <v>22</v>
      </c>
      <c r="W29" s="315">
        <v>22</v>
      </c>
    </row>
    <row r="30" spans="1:23" ht="21" customHeight="1" x14ac:dyDescent="0.2">
      <c r="A30" s="289" t="s">
        <v>28</v>
      </c>
      <c r="B30" s="313">
        <v>0</v>
      </c>
      <c r="C30" s="313">
        <v>0</v>
      </c>
      <c r="D30" s="310">
        <v>0</v>
      </c>
      <c r="E30" s="312">
        <v>0</v>
      </c>
      <c r="F30" s="313">
        <v>20</v>
      </c>
      <c r="G30" s="313">
        <v>19</v>
      </c>
      <c r="H30" s="313">
        <v>0</v>
      </c>
      <c r="I30" s="313">
        <v>0</v>
      </c>
      <c r="J30" s="313">
        <v>0</v>
      </c>
      <c r="K30" s="310">
        <v>39</v>
      </c>
      <c r="L30" s="315">
        <v>39</v>
      </c>
      <c r="M30" s="313">
        <v>0</v>
      </c>
      <c r="N30" s="313">
        <v>0</v>
      </c>
      <c r="O30" s="310">
        <v>0</v>
      </c>
      <c r="P30" s="312">
        <v>0</v>
      </c>
      <c r="Q30" s="313">
        <v>0</v>
      </c>
      <c r="R30" s="313">
        <v>0</v>
      </c>
      <c r="S30" s="313">
        <v>3</v>
      </c>
      <c r="T30" s="313">
        <v>0</v>
      </c>
      <c r="U30" s="313">
        <v>0</v>
      </c>
      <c r="V30" s="310">
        <v>3</v>
      </c>
      <c r="W30" s="315">
        <v>3</v>
      </c>
    </row>
    <row r="31" spans="1:23" ht="21" customHeight="1" x14ac:dyDescent="0.2">
      <c r="A31" s="289" t="s">
        <v>29</v>
      </c>
      <c r="B31" s="313">
        <v>0</v>
      </c>
      <c r="C31" s="313">
        <v>0</v>
      </c>
      <c r="D31" s="310">
        <v>0</v>
      </c>
      <c r="E31" s="312">
        <v>0</v>
      </c>
      <c r="F31" s="313">
        <v>0</v>
      </c>
      <c r="G31" s="313">
        <v>21</v>
      </c>
      <c r="H31" s="313">
        <v>0</v>
      </c>
      <c r="I31" s="313">
        <v>0</v>
      </c>
      <c r="J31" s="313">
        <v>0</v>
      </c>
      <c r="K31" s="310">
        <v>21</v>
      </c>
      <c r="L31" s="315">
        <v>21</v>
      </c>
      <c r="M31" s="313">
        <v>0</v>
      </c>
      <c r="N31" s="313">
        <v>0</v>
      </c>
      <c r="O31" s="310">
        <v>0</v>
      </c>
      <c r="P31" s="312">
        <v>0</v>
      </c>
      <c r="Q31" s="313">
        <v>0</v>
      </c>
      <c r="R31" s="313">
        <v>0</v>
      </c>
      <c r="S31" s="313">
        <v>0</v>
      </c>
      <c r="T31" s="313">
        <v>0</v>
      </c>
      <c r="U31" s="313">
        <v>0</v>
      </c>
      <c r="V31" s="310">
        <v>0</v>
      </c>
      <c r="W31" s="315">
        <v>0</v>
      </c>
    </row>
    <row r="32" spans="1:23" ht="21" customHeight="1" x14ac:dyDescent="0.2">
      <c r="A32" s="289" t="s">
        <v>30</v>
      </c>
      <c r="B32" s="313">
        <v>0</v>
      </c>
      <c r="C32" s="313">
        <v>0</v>
      </c>
      <c r="D32" s="310">
        <v>0</v>
      </c>
      <c r="E32" s="312">
        <v>0</v>
      </c>
      <c r="F32" s="313">
        <v>0</v>
      </c>
      <c r="G32" s="313">
        <v>17</v>
      </c>
      <c r="H32" s="313">
        <v>0</v>
      </c>
      <c r="I32" s="313">
        <v>0</v>
      </c>
      <c r="J32" s="313">
        <v>0</v>
      </c>
      <c r="K32" s="310">
        <v>17</v>
      </c>
      <c r="L32" s="315">
        <v>17</v>
      </c>
      <c r="M32" s="313">
        <v>3</v>
      </c>
      <c r="N32" s="313">
        <v>0</v>
      </c>
      <c r="O32" s="310">
        <v>3</v>
      </c>
      <c r="P32" s="312">
        <v>0</v>
      </c>
      <c r="Q32" s="313">
        <v>0</v>
      </c>
      <c r="R32" s="313">
        <v>0</v>
      </c>
      <c r="S32" s="313">
        <v>0</v>
      </c>
      <c r="T32" s="313">
        <v>0</v>
      </c>
      <c r="U32" s="313">
        <v>0</v>
      </c>
      <c r="V32" s="310">
        <v>0</v>
      </c>
      <c r="W32" s="315">
        <v>3</v>
      </c>
    </row>
    <row r="33" spans="1:23" ht="21" customHeight="1" x14ac:dyDescent="0.2">
      <c r="A33" s="289" t="s">
        <v>31</v>
      </c>
      <c r="B33" s="313">
        <v>0</v>
      </c>
      <c r="C33" s="313">
        <v>0</v>
      </c>
      <c r="D33" s="310">
        <v>0</v>
      </c>
      <c r="E33" s="312">
        <v>0</v>
      </c>
      <c r="F33" s="313">
        <v>8</v>
      </c>
      <c r="G33" s="313">
        <v>1</v>
      </c>
      <c r="H33" s="313">
        <v>0</v>
      </c>
      <c r="I33" s="313">
        <v>0</v>
      </c>
      <c r="J33" s="313">
        <v>0</v>
      </c>
      <c r="K33" s="310">
        <v>9</v>
      </c>
      <c r="L33" s="315">
        <v>9</v>
      </c>
      <c r="M33" s="313">
        <v>0</v>
      </c>
      <c r="N33" s="313">
        <v>0</v>
      </c>
      <c r="O33" s="310">
        <v>0</v>
      </c>
      <c r="P33" s="312">
        <v>0</v>
      </c>
      <c r="Q33" s="313">
        <v>0</v>
      </c>
      <c r="R33" s="313">
        <v>0</v>
      </c>
      <c r="S33" s="313">
        <v>13</v>
      </c>
      <c r="T33" s="313">
        <v>0</v>
      </c>
      <c r="U33" s="313">
        <v>0</v>
      </c>
      <c r="V33" s="310">
        <v>13</v>
      </c>
      <c r="W33" s="315">
        <v>13</v>
      </c>
    </row>
    <row r="34" spans="1:23" ht="21" customHeight="1" x14ac:dyDescent="0.2">
      <c r="A34" s="289" t="s">
        <v>32</v>
      </c>
      <c r="B34" s="313">
        <v>0</v>
      </c>
      <c r="C34" s="313">
        <v>0</v>
      </c>
      <c r="D34" s="310">
        <v>0</v>
      </c>
      <c r="E34" s="312">
        <v>0</v>
      </c>
      <c r="F34" s="313">
        <v>20</v>
      </c>
      <c r="G34" s="313">
        <v>17</v>
      </c>
      <c r="H34" s="313">
        <v>9</v>
      </c>
      <c r="I34" s="313">
        <v>9</v>
      </c>
      <c r="J34" s="313">
        <v>0</v>
      </c>
      <c r="K34" s="310">
        <v>55</v>
      </c>
      <c r="L34" s="315">
        <v>55</v>
      </c>
      <c r="M34" s="313">
        <v>0</v>
      </c>
      <c r="N34" s="313">
        <v>0</v>
      </c>
      <c r="O34" s="310">
        <v>0</v>
      </c>
      <c r="P34" s="312">
        <v>0</v>
      </c>
      <c r="Q34" s="313">
        <v>5</v>
      </c>
      <c r="R34" s="313">
        <v>0</v>
      </c>
      <c r="S34" s="313">
        <v>0</v>
      </c>
      <c r="T34" s="313">
        <v>0</v>
      </c>
      <c r="U34" s="313">
        <v>0</v>
      </c>
      <c r="V34" s="310">
        <v>5</v>
      </c>
      <c r="W34" s="315">
        <v>5</v>
      </c>
    </row>
    <row r="35" spans="1:23" ht="21" customHeight="1" x14ac:dyDescent="0.2">
      <c r="A35" s="289" t="s">
        <v>33</v>
      </c>
      <c r="B35" s="313">
        <v>0</v>
      </c>
      <c r="C35" s="313">
        <v>0</v>
      </c>
      <c r="D35" s="310">
        <v>0</v>
      </c>
      <c r="E35" s="312">
        <v>0</v>
      </c>
      <c r="F35" s="313">
        <v>5</v>
      </c>
      <c r="G35" s="313">
        <v>0</v>
      </c>
      <c r="H35" s="313">
        <v>0</v>
      </c>
      <c r="I35" s="313">
        <v>0</v>
      </c>
      <c r="J35" s="313">
        <v>0</v>
      </c>
      <c r="K35" s="310">
        <v>5</v>
      </c>
      <c r="L35" s="315">
        <v>5</v>
      </c>
      <c r="M35" s="313">
        <v>0</v>
      </c>
      <c r="N35" s="313">
        <v>0</v>
      </c>
      <c r="O35" s="310">
        <v>0</v>
      </c>
      <c r="P35" s="312">
        <v>0</v>
      </c>
      <c r="Q35" s="313">
        <v>0</v>
      </c>
      <c r="R35" s="313">
        <v>0</v>
      </c>
      <c r="S35" s="313">
        <v>0</v>
      </c>
      <c r="T35" s="313">
        <v>0</v>
      </c>
      <c r="U35" s="313">
        <v>0</v>
      </c>
      <c r="V35" s="310">
        <v>0</v>
      </c>
      <c r="W35" s="315">
        <v>0</v>
      </c>
    </row>
    <row r="36" spans="1:23" ht="21" customHeight="1" x14ac:dyDescent="0.2">
      <c r="A36" s="289" t="s">
        <v>34</v>
      </c>
      <c r="B36" s="313">
        <v>0</v>
      </c>
      <c r="C36" s="313">
        <v>0</v>
      </c>
      <c r="D36" s="310">
        <v>0</v>
      </c>
      <c r="E36" s="312">
        <v>0</v>
      </c>
      <c r="F36" s="313">
        <v>24</v>
      </c>
      <c r="G36" s="313">
        <v>0</v>
      </c>
      <c r="H36" s="313">
        <v>0</v>
      </c>
      <c r="I36" s="313">
        <v>0</v>
      </c>
      <c r="J36" s="313">
        <v>0</v>
      </c>
      <c r="K36" s="310">
        <v>24</v>
      </c>
      <c r="L36" s="315">
        <v>24</v>
      </c>
      <c r="M36" s="313">
        <v>0</v>
      </c>
      <c r="N36" s="313">
        <v>0</v>
      </c>
      <c r="O36" s="310">
        <v>0</v>
      </c>
      <c r="P36" s="312">
        <v>0</v>
      </c>
      <c r="Q36" s="313">
        <v>0</v>
      </c>
      <c r="R36" s="313">
        <v>0</v>
      </c>
      <c r="S36" s="313">
        <v>0</v>
      </c>
      <c r="T36" s="313">
        <v>0</v>
      </c>
      <c r="U36" s="313">
        <v>0</v>
      </c>
      <c r="V36" s="310">
        <v>0</v>
      </c>
      <c r="W36" s="315">
        <v>0</v>
      </c>
    </row>
    <row r="37" spans="1:23" ht="21" customHeight="1" x14ac:dyDescent="0.2">
      <c r="A37" s="289" t="s">
        <v>35</v>
      </c>
      <c r="B37" s="313">
        <v>0</v>
      </c>
      <c r="C37" s="313">
        <v>0</v>
      </c>
      <c r="D37" s="310">
        <v>0</v>
      </c>
      <c r="E37" s="312">
        <v>0</v>
      </c>
      <c r="F37" s="313">
        <v>0</v>
      </c>
      <c r="G37" s="313">
        <v>11</v>
      </c>
      <c r="H37" s="313">
        <v>0</v>
      </c>
      <c r="I37" s="313">
        <v>0</v>
      </c>
      <c r="J37" s="313">
        <v>0</v>
      </c>
      <c r="K37" s="310">
        <v>11</v>
      </c>
      <c r="L37" s="315">
        <v>11</v>
      </c>
      <c r="M37" s="313">
        <v>0</v>
      </c>
      <c r="N37" s="313">
        <v>0</v>
      </c>
      <c r="O37" s="310">
        <v>0</v>
      </c>
      <c r="P37" s="312">
        <v>0</v>
      </c>
      <c r="Q37" s="313">
        <v>0</v>
      </c>
      <c r="R37" s="313">
        <v>0</v>
      </c>
      <c r="S37" s="313">
        <v>0</v>
      </c>
      <c r="T37" s="313">
        <v>0</v>
      </c>
      <c r="U37" s="313">
        <v>0</v>
      </c>
      <c r="V37" s="310">
        <v>0</v>
      </c>
      <c r="W37" s="315">
        <v>0</v>
      </c>
    </row>
    <row r="38" spans="1:23" ht="21" customHeight="1" x14ac:dyDescent="0.2">
      <c r="A38" s="289" t="s">
        <v>36</v>
      </c>
      <c r="B38" s="313">
        <v>0</v>
      </c>
      <c r="C38" s="313">
        <v>0</v>
      </c>
      <c r="D38" s="310">
        <v>0</v>
      </c>
      <c r="E38" s="312">
        <v>0</v>
      </c>
      <c r="F38" s="313">
        <v>15</v>
      </c>
      <c r="G38" s="313">
        <v>4</v>
      </c>
      <c r="H38" s="313">
        <v>0</v>
      </c>
      <c r="I38" s="313">
        <v>0</v>
      </c>
      <c r="J38" s="313">
        <v>23</v>
      </c>
      <c r="K38" s="310">
        <v>42</v>
      </c>
      <c r="L38" s="315">
        <v>42</v>
      </c>
      <c r="M38" s="313">
        <v>0</v>
      </c>
      <c r="N38" s="313">
        <v>0</v>
      </c>
      <c r="O38" s="310">
        <v>0</v>
      </c>
      <c r="P38" s="312">
        <v>0</v>
      </c>
      <c r="Q38" s="313">
        <v>0</v>
      </c>
      <c r="R38" s="313">
        <v>0</v>
      </c>
      <c r="S38" s="313">
        <v>0</v>
      </c>
      <c r="T38" s="313">
        <v>0</v>
      </c>
      <c r="U38" s="313">
        <v>0</v>
      </c>
      <c r="V38" s="310">
        <v>0</v>
      </c>
      <c r="W38" s="315">
        <v>0</v>
      </c>
    </row>
    <row r="39" spans="1:23" ht="21" customHeight="1" thickBot="1" x14ac:dyDescent="0.25">
      <c r="A39" s="290" t="s">
        <v>37</v>
      </c>
      <c r="B39" s="320">
        <v>0</v>
      </c>
      <c r="C39" s="320">
        <v>0</v>
      </c>
      <c r="D39" s="317">
        <v>0</v>
      </c>
      <c r="E39" s="319">
        <v>0</v>
      </c>
      <c r="F39" s="320">
        <v>0</v>
      </c>
      <c r="G39" s="320">
        <v>0</v>
      </c>
      <c r="H39" s="320">
        <v>0</v>
      </c>
      <c r="I39" s="320">
        <v>0</v>
      </c>
      <c r="J39" s="320">
        <v>0</v>
      </c>
      <c r="K39" s="317">
        <v>0</v>
      </c>
      <c r="L39" s="322">
        <v>0</v>
      </c>
      <c r="M39" s="320">
        <v>0</v>
      </c>
      <c r="N39" s="320">
        <v>0</v>
      </c>
      <c r="O39" s="317">
        <v>0</v>
      </c>
      <c r="P39" s="319">
        <v>0</v>
      </c>
      <c r="Q39" s="320">
        <v>0</v>
      </c>
      <c r="R39" s="320">
        <v>0</v>
      </c>
      <c r="S39" s="320">
        <v>0</v>
      </c>
      <c r="T39" s="320">
        <v>0</v>
      </c>
      <c r="U39" s="320">
        <v>0</v>
      </c>
      <c r="V39" s="317">
        <v>0</v>
      </c>
      <c r="W39" s="322">
        <v>0</v>
      </c>
    </row>
  </sheetData>
  <mergeCells count="11">
    <mergeCell ref="A3:A5"/>
    <mergeCell ref="B3:L3"/>
    <mergeCell ref="B4:D4"/>
    <mergeCell ref="E4:K4"/>
    <mergeCell ref="L4:L5"/>
    <mergeCell ref="M3:W3"/>
    <mergeCell ref="M4:O4"/>
    <mergeCell ref="P4:V4"/>
    <mergeCell ref="W4:W5"/>
    <mergeCell ref="G1:H1"/>
    <mergeCell ref="J1:K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88"/>
    <col min="4" max="4" width="10" style="288" customWidth="1"/>
    <col min="5" max="5" width="7.77734375" style="288" customWidth="1"/>
    <col min="6" max="6" width="10.77734375" style="288" customWidth="1"/>
    <col min="7" max="15" width="9" style="288"/>
    <col min="16" max="16" width="7.6640625" style="288" customWidth="1"/>
    <col min="17" max="16384" width="9" style="288"/>
  </cols>
  <sheetData>
    <row r="1" spans="1:23" ht="17.25" customHeight="1" x14ac:dyDescent="0.2">
      <c r="A1" s="323" t="s">
        <v>125</v>
      </c>
      <c r="G1" s="457">
        <f>第１表!F2</f>
        <v>3</v>
      </c>
      <c r="H1" s="457"/>
      <c r="I1" s="280">
        <f>第１表!G2</f>
        <v>12</v>
      </c>
      <c r="J1" s="458">
        <f>IF(I1&lt;3,I1+12-2,I1-2)</f>
        <v>10</v>
      </c>
      <c r="K1" s="458"/>
    </row>
    <row r="2" spans="1:23" ht="21" customHeight="1" thickBot="1" x14ac:dyDescent="0.25">
      <c r="A2" s="323" t="s">
        <v>155</v>
      </c>
    </row>
    <row r="3" spans="1:23" ht="18.75" customHeight="1" x14ac:dyDescent="0.2">
      <c r="A3" s="461"/>
      <c r="B3" s="462" t="s">
        <v>142</v>
      </c>
      <c r="C3" s="462"/>
      <c r="D3" s="462"/>
      <c r="E3" s="462"/>
      <c r="F3" s="462"/>
      <c r="G3" s="462"/>
      <c r="H3" s="462"/>
      <c r="I3" s="462"/>
      <c r="J3" s="462"/>
      <c r="K3" s="462"/>
      <c r="L3" s="494"/>
      <c r="M3" s="462" t="s">
        <v>113</v>
      </c>
      <c r="N3" s="462"/>
      <c r="O3" s="462"/>
      <c r="P3" s="462"/>
      <c r="Q3" s="462"/>
      <c r="R3" s="462"/>
      <c r="S3" s="462"/>
      <c r="T3" s="462"/>
      <c r="U3" s="462"/>
      <c r="V3" s="462"/>
      <c r="W3" s="494"/>
    </row>
    <row r="4" spans="1:23" ht="18.75" customHeight="1" x14ac:dyDescent="0.2">
      <c r="A4" s="500"/>
      <c r="B4" s="495" t="s">
        <v>61</v>
      </c>
      <c r="C4" s="495"/>
      <c r="D4" s="496"/>
      <c r="E4" s="497" t="s">
        <v>62</v>
      </c>
      <c r="F4" s="495"/>
      <c r="G4" s="495"/>
      <c r="H4" s="495"/>
      <c r="I4" s="495"/>
      <c r="J4" s="495"/>
      <c r="K4" s="498"/>
      <c r="L4" s="499" t="s">
        <v>52</v>
      </c>
      <c r="M4" s="495" t="s">
        <v>61</v>
      </c>
      <c r="N4" s="495"/>
      <c r="O4" s="496"/>
      <c r="P4" s="497" t="s">
        <v>62</v>
      </c>
      <c r="Q4" s="495"/>
      <c r="R4" s="495"/>
      <c r="S4" s="495"/>
      <c r="T4" s="495"/>
      <c r="U4" s="495"/>
      <c r="V4" s="498"/>
      <c r="W4" s="499" t="s">
        <v>52</v>
      </c>
    </row>
    <row r="5" spans="1:23" ht="27" thickBot="1" x14ac:dyDescent="0.25">
      <c r="A5" s="501"/>
      <c r="B5" s="292" t="s">
        <v>43</v>
      </c>
      <c r="C5" s="292" t="s">
        <v>44</v>
      </c>
      <c r="D5" s="298" t="s">
        <v>45</v>
      </c>
      <c r="E5" s="300" t="s">
        <v>83</v>
      </c>
      <c r="F5" s="292" t="s">
        <v>47</v>
      </c>
      <c r="G5" s="292" t="s">
        <v>48</v>
      </c>
      <c r="H5" s="292" t="s">
        <v>49</v>
      </c>
      <c r="I5" s="292" t="s">
        <v>50</v>
      </c>
      <c r="J5" s="292" t="s">
        <v>51</v>
      </c>
      <c r="K5" s="298" t="s">
        <v>45</v>
      </c>
      <c r="L5" s="460"/>
      <c r="M5" s="292" t="s">
        <v>43</v>
      </c>
      <c r="N5" s="292" t="s">
        <v>44</v>
      </c>
      <c r="O5" s="298" t="s">
        <v>45</v>
      </c>
      <c r="P5" s="300" t="s">
        <v>83</v>
      </c>
      <c r="Q5" s="292" t="s">
        <v>47</v>
      </c>
      <c r="R5" s="292" t="s">
        <v>48</v>
      </c>
      <c r="S5" s="292" t="s">
        <v>49</v>
      </c>
      <c r="T5" s="292" t="s">
        <v>50</v>
      </c>
      <c r="U5" s="292" t="s">
        <v>51</v>
      </c>
      <c r="V5" s="298" t="s">
        <v>45</v>
      </c>
      <c r="W5" s="460"/>
    </row>
    <row r="6" spans="1:23" ht="21" customHeight="1" x14ac:dyDescent="0.2">
      <c r="A6" s="291" t="s">
        <v>4</v>
      </c>
      <c r="B6" s="306">
        <v>0</v>
      </c>
      <c r="C6" s="306">
        <v>0</v>
      </c>
      <c r="D6" s="303">
        <v>0</v>
      </c>
      <c r="E6" s="305">
        <v>0</v>
      </c>
      <c r="F6" s="306">
        <v>5557</v>
      </c>
      <c r="G6" s="306">
        <v>4449</v>
      </c>
      <c r="H6" s="306">
        <v>2708</v>
      </c>
      <c r="I6" s="306">
        <v>1367</v>
      </c>
      <c r="J6" s="306">
        <v>527</v>
      </c>
      <c r="K6" s="303">
        <v>14608</v>
      </c>
      <c r="L6" s="308">
        <v>14608</v>
      </c>
      <c r="M6" s="306">
        <v>0</v>
      </c>
      <c r="N6" s="306">
        <v>0</v>
      </c>
      <c r="O6" s="303">
        <v>0</v>
      </c>
      <c r="P6" s="305">
        <v>0</v>
      </c>
      <c r="Q6" s="306">
        <v>347</v>
      </c>
      <c r="R6" s="306">
        <v>759</v>
      </c>
      <c r="S6" s="306">
        <v>625</v>
      </c>
      <c r="T6" s="306">
        <v>236</v>
      </c>
      <c r="U6" s="306">
        <v>440</v>
      </c>
      <c r="V6" s="303">
        <v>2407</v>
      </c>
      <c r="W6" s="308">
        <v>2407</v>
      </c>
    </row>
    <row r="7" spans="1:23" ht="21" customHeight="1" x14ac:dyDescent="0.2">
      <c r="A7" s="289" t="s">
        <v>5</v>
      </c>
      <c r="B7" s="313">
        <v>0</v>
      </c>
      <c r="C7" s="313">
        <v>0</v>
      </c>
      <c r="D7" s="310">
        <v>0</v>
      </c>
      <c r="E7" s="312">
        <v>0</v>
      </c>
      <c r="F7" s="313">
        <v>1998</v>
      </c>
      <c r="G7" s="313">
        <v>2146</v>
      </c>
      <c r="H7" s="313">
        <v>1128</v>
      </c>
      <c r="I7" s="313">
        <v>647</v>
      </c>
      <c r="J7" s="313">
        <v>229</v>
      </c>
      <c r="K7" s="310">
        <v>6148</v>
      </c>
      <c r="L7" s="315">
        <v>6148</v>
      </c>
      <c r="M7" s="313">
        <v>0</v>
      </c>
      <c r="N7" s="313">
        <v>0</v>
      </c>
      <c r="O7" s="310">
        <v>0</v>
      </c>
      <c r="P7" s="312">
        <v>0</v>
      </c>
      <c r="Q7" s="313">
        <v>184</v>
      </c>
      <c r="R7" s="313">
        <v>438</v>
      </c>
      <c r="S7" s="313">
        <v>284</v>
      </c>
      <c r="T7" s="313">
        <v>124</v>
      </c>
      <c r="U7" s="313">
        <v>308</v>
      </c>
      <c r="V7" s="310">
        <v>1338</v>
      </c>
      <c r="W7" s="315">
        <v>1338</v>
      </c>
    </row>
    <row r="8" spans="1:23" ht="21" customHeight="1" x14ac:dyDescent="0.2">
      <c r="A8" s="289" t="s">
        <v>6</v>
      </c>
      <c r="B8" s="313">
        <v>0</v>
      </c>
      <c r="C8" s="313">
        <v>0</v>
      </c>
      <c r="D8" s="310">
        <v>0</v>
      </c>
      <c r="E8" s="312">
        <v>0</v>
      </c>
      <c r="F8" s="313">
        <v>1054</v>
      </c>
      <c r="G8" s="313">
        <v>584</v>
      </c>
      <c r="H8" s="313">
        <v>394</v>
      </c>
      <c r="I8" s="313">
        <v>182</v>
      </c>
      <c r="J8" s="313">
        <v>143</v>
      </c>
      <c r="K8" s="310">
        <v>2357</v>
      </c>
      <c r="L8" s="315">
        <v>2357</v>
      </c>
      <c r="M8" s="313">
        <v>0</v>
      </c>
      <c r="N8" s="313">
        <v>0</v>
      </c>
      <c r="O8" s="310">
        <v>0</v>
      </c>
      <c r="P8" s="312">
        <v>0</v>
      </c>
      <c r="Q8" s="313">
        <v>81</v>
      </c>
      <c r="R8" s="313">
        <v>188</v>
      </c>
      <c r="S8" s="313">
        <v>181</v>
      </c>
      <c r="T8" s="313">
        <v>52</v>
      </c>
      <c r="U8" s="313">
        <v>40</v>
      </c>
      <c r="V8" s="310">
        <v>542</v>
      </c>
      <c r="W8" s="315">
        <v>542</v>
      </c>
    </row>
    <row r="9" spans="1:23" ht="21" customHeight="1" x14ac:dyDescent="0.2">
      <c r="A9" s="289" t="s">
        <v>14</v>
      </c>
      <c r="B9" s="313">
        <v>0</v>
      </c>
      <c r="C9" s="313">
        <v>0</v>
      </c>
      <c r="D9" s="310">
        <v>0</v>
      </c>
      <c r="E9" s="312">
        <v>0</v>
      </c>
      <c r="F9" s="313">
        <v>428</v>
      </c>
      <c r="G9" s="313">
        <v>392</v>
      </c>
      <c r="H9" s="313">
        <v>194</v>
      </c>
      <c r="I9" s="313">
        <v>45</v>
      </c>
      <c r="J9" s="313">
        <v>38</v>
      </c>
      <c r="K9" s="310">
        <v>1097</v>
      </c>
      <c r="L9" s="315">
        <v>1097</v>
      </c>
      <c r="M9" s="313">
        <v>0</v>
      </c>
      <c r="N9" s="313">
        <v>0</v>
      </c>
      <c r="O9" s="310">
        <v>0</v>
      </c>
      <c r="P9" s="312">
        <v>0</v>
      </c>
      <c r="Q9" s="313">
        <v>9</v>
      </c>
      <c r="R9" s="313">
        <v>7</v>
      </c>
      <c r="S9" s="313">
        <v>1</v>
      </c>
      <c r="T9" s="313">
        <v>1</v>
      </c>
      <c r="U9" s="313">
        <v>23</v>
      </c>
      <c r="V9" s="310">
        <v>41</v>
      </c>
      <c r="W9" s="315">
        <v>41</v>
      </c>
    </row>
    <row r="10" spans="1:23" ht="21" customHeight="1" x14ac:dyDescent="0.2">
      <c r="A10" s="289" t="s">
        <v>7</v>
      </c>
      <c r="B10" s="313">
        <v>0</v>
      </c>
      <c r="C10" s="313">
        <v>0</v>
      </c>
      <c r="D10" s="310">
        <v>0</v>
      </c>
      <c r="E10" s="312">
        <v>0</v>
      </c>
      <c r="F10" s="313">
        <v>156</v>
      </c>
      <c r="G10" s="313">
        <v>120</v>
      </c>
      <c r="H10" s="313">
        <v>99</v>
      </c>
      <c r="I10" s="313">
        <v>78</v>
      </c>
      <c r="J10" s="313">
        <v>13</v>
      </c>
      <c r="K10" s="310">
        <v>466</v>
      </c>
      <c r="L10" s="315">
        <v>466</v>
      </c>
      <c r="M10" s="313">
        <v>0</v>
      </c>
      <c r="N10" s="313">
        <v>0</v>
      </c>
      <c r="O10" s="310">
        <v>0</v>
      </c>
      <c r="P10" s="312">
        <v>0</v>
      </c>
      <c r="Q10" s="313">
        <v>22</v>
      </c>
      <c r="R10" s="313">
        <v>29</v>
      </c>
      <c r="S10" s="313">
        <v>37</v>
      </c>
      <c r="T10" s="313">
        <v>43</v>
      </c>
      <c r="U10" s="313">
        <v>13</v>
      </c>
      <c r="V10" s="310">
        <v>144</v>
      </c>
      <c r="W10" s="315">
        <v>144</v>
      </c>
    </row>
    <row r="11" spans="1:23" ht="21" customHeight="1" x14ac:dyDescent="0.2">
      <c r="A11" s="289" t="s">
        <v>8</v>
      </c>
      <c r="B11" s="313">
        <v>0</v>
      </c>
      <c r="C11" s="313">
        <v>0</v>
      </c>
      <c r="D11" s="310">
        <v>0</v>
      </c>
      <c r="E11" s="312">
        <v>0</v>
      </c>
      <c r="F11" s="313">
        <v>177</v>
      </c>
      <c r="G11" s="313">
        <v>189</v>
      </c>
      <c r="H11" s="313">
        <v>108</v>
      </c>
      <c r="I11" s="313">
        <v>32</v>
      </c>
      <c r="J11" s="313">
        <v>0</v>
      </c>
      <c r="K11" s="310">
        <v>506</v>
      </c>
      <c r="L11" s="315">
        <v>506</v>
      </c>
      <c r="M11" s="313">
        <v>0</v>
      </c>
      <c r="N11" s="313">
        <v>0</v>
      </c>
      <c r="O11" s="310">
        <v>0</v>
      </c>
      <c r="P11" s="312">
        <v>0</v>
      </c>
      <c r="Q11" s="313">
        <v>0</v>
      </c>
      <c r="R11" s="313">
        <v>19</v>
      </c>
      <c r="S11" s="313">
        <v>0</v>
      </c>
      <c r="T11" s="313">
        <v>0</v>
      </c>
      <c r="U11" s="313">
        <v>0</v>
      </c>
      <c r="V11" s="310">
        <v>19</v>
      </c>
      <c r="W11" s="315">
        <v>19</v>
      </c>
    </row>
    <row r="12" spans="1:23" ht="21" customHeight="1" x14ac:dyDescent="0.2">
      <c r="A12" s="289" t="s">
        <v>9</v>
      </c>
      <c r="B12" s="313">
        <v>0</v>
      </c>
      <c r="C12" s="313">
        <v>0</v>
      </c>
      <c r="D12" s="310">
        <v>0</v>
      </c>
      <c r="E12" s="312">
        <v>0</v>
      </c>
      <c r="F12" s="313">
        <v>213</v>
      </c>
      <c r="G12" s="313">
        <v>235</v>
      </c>
      <c r="H12" s="313">
        <v>183</v>
      </c>
      <c r="I12" s="313">
        <v>96</v>
      </c>
      <c r="J12" s="313">
        <v>11</v>
      </c>
      <c r="K12" s="310">
        <v>738</v>
      </c>
      <c r="L12" s="315">
        <v>738</v>
      </c>
      <c r="M12" s="313">
        <v>0</v>
      </c>
      <c r="N12" s="313">
        <v>0</v>
      </c>
      <c r="O12" s="310">
        <v>0</v>
      </c>
      <c r="P12" s="312">
        <v>0</v>
      </c>
      <c r="Q12" s="313">
        <v>13</v>
      </c>
      <c r="R12" s="313">
        <v>4</v>
      </c>
      <c r="S12" s="313">
        <v>0</v>
      </c>
      <c r="T12" s="313">
        <v>0</v>
      </c>
      <c r="U12" s="313">
        <v>0</v>
      </c>
      <c r="V12" s="310">
        <v>17</v>
      </c>
      <c r="W12" s="315">
        <v>17</v>
      </c>
    </row>
    <row r="13" spans="1:23" ht="21" customHeight="1" x14ac:dyDescent="0.2">
      <c r="A13" s="289" t="s">
        <v>10</v>
      </c>
      <c r="B13" s="313">
        <v>0</v>
      </c>
      <c r="C13" s="313">
        <v>0</v>
      </c>
      <c r="D13" s="310">
        <v>0</v>
      </c>
      <c r="E13" s="312">
        <v>0</v>
      </c>
      <c r="F13" s="313">
        <v>333</v>
      </c>
      <c r="G13" s="313">
        <v>65</v>
      </c>
      <c r="H13" s="313">
        <v>82</v>
      </c>
      <c r="I13" s="313">
        <v>31</v>
      </c>
      <c r="J13" s="313">
        <v>4</v>
      </c>
      <c r="K13" s="310">
        <v>515</v>
      </c>
      <c r="L13" s="315">
        <v>515</v>
      </c>
      <c r="M13" s="313">
        <v>0</v>
      </c>
      <c r="N13" s="313">
        <v>0</v>
      </c>
      <c r="O13" s="310">
        <v>0</v>
      </c>
      <c r="P13" s="312">
        <v>0</v>
      </c>
      <c r="Q13" s="313">
        <v>13</v>
      </c>
      <c r="R13" s="313">
        <v>25</v>
      </c>
      <c r="S13" s="313">
        <v>13</v>
      </c>
      <c r="T13" s="313">
        <v>9</v>
      </c>
      <c r="U13" s="313">
        <v>6</v>
      </c>
      <c r="V13" s="310">
        <v>66</v>
      </c>
      <c r="W13" s="315">
        <v>66</v>
      </c>
    </row>
    <row r="14" spans="1:23" ht="21" customHeight="1" x14ac:dyDescent="0.2">
      <c r="A14" s="289" t="s">
        <v>11</v>
      </c>
      <c r="B14" s="313">
        <v>0</v>
      </c>
      <c r="C14" s="313">
        <v>0</v>
      </c>
      <c r="D14" s="310">
        <v>0</v>
      </c>
      <c r="E14" s="312">
        <v>0</v>
      </c>
      <c r="F14" s="313">
        <v>141</v>
      </c>
      <c r="G14" s="313">
        <v>43</v>
      </c>
      <c r="H14" s="313">
        <v>74</v>
      </c>
      <c r="I14" s="313">
        <v>28</v>
      </c>
      <c r="J14" s="313">
        <v>4</v>
      </c>
      <c r="K14" s="310">
        <v>290</v>
      </c>
      <c r="L14" s="315">
        <v>290</v>
      </c>
      <c r="M14" s="313">
        <v>0</v>
      </c>
      <c r="N14" s="313">
        <v>0</v>
      </c>
      <c r="O14" s="310">
        <v>0</v>
      </c>
      <c r="P14" s="312">
        <v>0</v>
      </c>
      <c r="Q14" s="313">
        <v>0</v>
      </c>
      <c r="R14" s="313">
        <v>0</v>
      </c>
      <c r="S14" s="313">
        <v>0</v>
      </c>
      <c r="T14" s="313">
        <v>0</v>
      </c>
      <c r="U14" s="313">
        <v>28</v>
      </c>
      <c r="V14" s="310">
        <v>28</v>
      </c>
      <c r="W14" s="315">
        <v>28</v>
      </c>
    </row>
    <row r="15" spans="1:23" ht="21" customHeight="1" x14ac:dyDescent="0.2">
      <c r="A15" s="289" t="s">
        <v>12</v>
      </c>
      <c r="B15" s="313">
        <v>0</v>
      </c>
      <c r="C15" s="313">
        <v>0</v>
      </c>
      <c r="D15" s="310">
        <v>0</v>
      </c>
      <c r="E15" s="312">
        <v>0</v>
      </c>
      <c r="F15" s="313">
        <v>182</v>
      </c>
      <c r="G15" s="313">
        <v>86</v>
      </c>
      <c r="H15" s="313">
        <v>123</v>
      </c>
      <c r="I15" s="313">
        <v>56</v>
      </c>
      <c r="J15" s="313">
        <v>3</v>
      </c>
      <c r="K15" s="310">
        <v>450</v>
      </c>
      <c r="L15" s="315">
        <v>450</v>
      </c>
      <c r="M15" s="313">
        <v>0</v>
      </c>
      <c r="N15" s="313">
        <v>0</v>
      </c>
      <c r="O15" s="310">
        <v>0</v>
      </c>
      <c r="P15" s="312">
        <v>0</v>
      </c>
      <c r="Q15" s="313">
        <v>4</v>
      </c>
      <c r="R15" s="313">
        <v>0</v>
      </c>
      <c r="S15" s="313">
        <v>0</v>
      </c>
      <c r="T15" s="313">
        <v>0</v>
      </c>
      <c r="U15" s="313">
        <v>0</v>
      </c>
      <c r="V15" s="310">
        <v>4</v>
      </c>
      <c r="W15" s="315">
        <v>4</v>
      </c>
    </row>
    <row r="16" spans="1:23" ht="21" customHeight="1" x14ac:dyDescent="0.2">
      <c r="A16" s="289" t="s">
        <v>13</v>
      </c>
      <c r="B16" s="313">
        <v>0</v>
      </c>
      <c r="C16" s="313">
        <v>0</v>
      </c>
      <c r="D16" s="310">
        <v>0</v>
      </c>
      <c r="E16" s="312">
        <v>0</v>
      </c>
      <c r="F16" s="313">
        <v>49</v>
      </c>
      <c r="G16" s="313">
        <v>58</v>
      </c>
      <c r="H16" s="313">
        <v>83</v>
      </c>
      <c r="I16" s="313">
        <v>21</v>
      </c>
      <c r="J16" s="313">
        <v>0</v>
      </c>
      <c r="K16" s="310">
        <v>211</v>
      </c>
      <c r="L16" s="315">
        <v>211</v>
      </c>
      <c r="M16" s="313">
        <v>0</v>
      </c>
      <c r="N16" s="313">
        <v>0</v>
      </c>
      <c r="O16" s="310">
        <v>0</v>
      </c>
      <c r="P16" s="312">
        <v>0</v>
      </c>
      <c r="Q16" s="313">
        <v>0</v>
      </c>
      <c r="R16" s="313">
        <v>0</v>
      </c>
      <c r="S16" s="313">
        <v>0</v>
      </c>
      <c r="T16" s="313">
        <v>0</v>
      </c>
      <c r="U16" s="313">
        <v>0</v>
      </c>
      <c r="V16" s="310">
        <v>0</v>
      </c>
      <c r="W16" s="315">
        <v>0</v>
      </c>
    </row>
    <row r="17" spans="1:23" ht="21" customHeight="1" x14ac:dyDescent="0.2">
      <c r="A17" s="289" t="s">
        <v>15</v>
      </c>
      <c r="B17" s="313">
        <v>0</v>
      </c>
      <c r="C17" s="313">
        <v>0</v>
      </c>
      <c r="D17" s="310">
        <v>0</v>
      </c>
      <c r="E17" s="312">
        <v>0</v>
      </c>
      <c r="F17" s="313">
        <v>58</v>
      </c>
      <c r="G17" s="313">
        <v>42</v>
      </c>
      <c r="H17" s="313">
        <v>8</v>
      </c>
      <c r="I17" s="313">
        <v>55</v>
      </c>
      <c r="J17" s="313">
        <v>4</v>
      </c>
      <c r="K17" s="310">
        <v>167</v>
      </c>
      <c r="L17" s="315">
        <v>167</v>
      </c>
      <c r="M17" s="313">
        <v>0</v>
      </c>
      <c r="N17" s="313">
        <v>0</v>
      </c>
      <c r="O17" s="310">
        <v>0</v>
      </c>
      <c r="P17" s="312">
        <v>0</v>
      </c>
      <c r="Q17" s="313">
        <v>0</v>
      </c>
      <c r="R17" s="313">
        <v>0</v>
      </c>
      <c r="S17" s="313">
        <v>11</v>
      </c>
      <c r="T17" s="313">
        <v>0</v>
      </c>
      <c r="U17" s="313">
        <v>0</v>
      </c>
      <c r="V17" s="310">
        <v>11</v>
      </c>
      <c r="W17" s="315">
        <v>11</v>
      </c>
    </row>
    <row r="18" spans="1:23" ht="21" customHeight="1" x14ac:dyDescent="0.2">
      <c r="A18" s="289" t="s">
        <v>16</v>
      </c>
      <c r="B18" s="313">
        <v>0</v>
      </c>
      <c r="C18" s="313">
        <v>0</v>
      </c>
      <c r="D18" s="310">
        <v>0</v>
      </c>
      <c r="E18" s="312">
        <v>0</v>
      </c>
      <c r="F18" s="313">
        <v>59</v>
      </c>
      <c r="G18" s="313">
        <v>43</v>
      </c>
      <c r="H18" s="313">
        <v>33</v>
      </c>
      <c r="I18" s="313">
        <v>5</v>
      </c>
      <c r="J18" s="313">
        <v>28</v>
      </c>
      <c r="K18" s="310">
        <v>168</v>
      </c>
      <c r="L18" s="315">
        <v>168</v>
      </c>
      <c r="M18" s="313">
        <v>0</v>
      </c>
      <c r="N18" s="313">
        <v>0</v>
      </c>
      <c r="O18" s="310">
        <v>0</v>
      </c>
      <c r="P18" s="312">
        <v>0</v>
      </c>
      <c r="Q18" s="313">
        <v>0</v>
      </c>
      <c r="R18" s="313">
        <v>18</v>
      </c>
      <c r="S18" s="313">
        <v>18</v>
      </c>
      <c r="T18" s="313">
        <v>0</v>
      </c>
      <c r="U18" s="313">
        <v>0</v>
      </c>
      <c r="V18" s="310">
        <v>36</v>
      </c>
      <c r="W18" s="315">
        <v>36</v>
      </c>
    </row>
    <row r="19" spans="1:23" ht="21" customHeight="1" x14ac:dyDescent="0.2">
      <c r="A19" s="289" t="s">
        <v>17</v>
      </c>
      <c r="B19" s="313">
        <v>0</v>
      </c>
      <c r="C19" s="313">
        <v>0</v>
      </c>
      <c r="D19" s="310">
        <v>0</v>
      </c>
      <c r="E19" s="312">
        <v>0</v>
      </c>
      <c r="F19" s="313">
        <v>101</v>
      </c>
      <c r="G19" s="313">
        <v>106</v>
      </c>
      <c r="H19" s="313">
        <v>61</v>
      </c>
      <c r="I19" s="313">
        <v>30</v>
      </c>
      <c r="J19" s="313">
        <v>9</v>
      </c>
      <c r="K19" s="310">
        <v>307</v>
      </c>
      <c r="L19" s="315">
        <v>307</v>
      </c>
      <c r="M19" s="313">
        <v>0</v>
      </c>
      <c r="N19" s="313">
        <v>0</v>
      </c>
      <c r="O19" s="310">
        <v>0</v>
      </c>
      <c r="P19" s="312">
        <v>0</v>
      </c>
      <c r="Q19" s="313">
        <v>8</v>
      </c>
      <c r="R19" s="313">
        <v>0</v>
      </c>
      <c r="S19" s="313">
        <v>0</v>
      </c>
      <c r="T19" s="313">
        <v>0</v>
      </c>
      <c r="U19" s="313">
        <v>1</v>
      </c>
      <c r="V19" s="310">
        <v>9</v>
      </c>
      <c r="W19" s="315">
        <v>9</v>
      </c>
    </row>
    <row r="20" spans="1:23" ht="21" customHeight="1" x14ac:dyDescent="0.2">
      <c r="A20" s="289" t="s">
        <v>18</v>
      </c>
      <c r="B20" s="313">
        <v>0</v>
      </c>
      <c r="C20" s="313">
        <v>0</v>
      </c>
      <c r="D20" s="310">
        <v>0</v>
      </c>
      <c r="E20" s="312">
        <v>0</v>
      </c>
      <c r="F20" s="313">
        <v>190</v>
      </c>
      <c r="G20" s="313">
        <v>110</v>
      </c>
      <c r="H20" s="313">
        <v>55</v>
      </c>
      <c r="I20" s="313">
        <v>11</v>
      </c>
      <c r="J20" s="313">
        <v>0</v>
      </c>
      <c r="K20" s="310">
        <v>366</v>
      </c>
      <c r="L20" s="315">
        <v>366</v>
      </c>
      <c r="M20" s="313">
        <v>0</v>
      </c>
      <c r="N20" s="313">
        <v>0</v>
      </c>
      <c r="O20" s="310">
        <v>0</v>
      </c>
      <c r="P20" s="312">
        <v>0</v>
      </c>
      <c r="Q20" s="313">
        <v>0</v>
      </c>
      <c r="R20" s="313">
        <v>0</v>
      </c>
      <c r="S20" s="313">
        <v>34</v>
      </c>
      <c r="T20" s="313">
        <v>0</v>
      </c>
      <c r="U20" s="313">
        <v>0</v>
      </c>
      <c r="V20" s="310">
        <v>34</v>
      </c>
      <c r="W20" s="315">
        <v>34</v>
      </c>
    </row>
    <row r="21" spans="1:23" ht="21" customHeight="1" x14ac:dyDescent="0.2">
      <c r="A21" s="289" t="s">
        <v>19</v>
      </c>
      <c r="B21" s="313">
        <v>0</v>
      </c>
      <c r="C21" s="313">
        <v>0</v>
      </c>
      <c r="D21" s="310">
        <v>0</v>
      </c>
      <c r="E21" s="312">
        <v>0</v>
      </c>
      <c r="F21" s="313">
        <v>56</v>
      </c>
      <c r="G21" s="313">
        <v>37</v>
      </c>
      <c r="H21" s="313">
        <v>30</v>
      </c>
      <c r="I21" s="313">
        <v>19</v>
      </c>
      <c r="J21" s="313">
        <v>0</v>
      </c>
      <c r="K21" s="310">
        <v>142</v>
      </c>
      <c r="L21" s="315">
        <v>142</v>
      </c>
      <c r="M21" s="313">
        <v>0</v>
      </c>
      <c r="N21" s="313">
        <v>0</v>
      </c>
      <c r="O21" s="310">
        <v>0</v>
      </c>
      <c r="P21" s="312">
        <v>0</v>
      </c>
      <c r="Q21" s="313">
        <v>4</v>
      </c>
      <c r="R21" s="313">
        <v>23</v>
      </c>
      <c r="S21" s="313">
        <v>5</v>
      </c>
      <c r="T21" s="313">
        <v>0</v>
      </c>
      <c r="U21" s="313">
        <v>0</v>
      </c>
      <c r="V21" s="310">
        <v>32</v>
      </c>
      <c r="W21" s="315">
        <v>32</v>
      </c>
    </row>
    <row r="22" spans="1:23" ht="21" customHeight="1" x14ac:dyDescent="0.2">
      <c r="A22" s="289" t="s">
        <v>20</v>
      </c>
      <c r="B22" s="313">
        <v>0</v>
      </c>
      <c r="C22" s="313">
        <v>0</v>
      </c>
      <c r="D22" s="310">
        <v>0</v>
      </c>
      <c r="E22" s="312">
        <v>0</v>
      </c>
      <c r="F22" s="313">
        <v>40</v>
      </c>
      <c r="G22" s="313">
        <v>46</v>
      </c>
      <c r="H22" s="313">
        <v>0</v>
      </c>
      <c r="I22" s="313">
        <v>3</v>
      </c>
      <c r="J22" s="313">
        <v>2</v>
      </c>
      <c r="K22" s="310">
        <v>91</v>
      </c>
      <c r="L22" s="315">
        <v>91</v>
      </c>
      <c r="M22" s="313">
        <v>0</v>
      </c>
      <c r="N22" s="313">
        <v>0</v>
      </c>
      <c r="O22" s="310">
        <v>0</v>
      </c>
      <c r="P22" s="312">
        <v>0</v>
      </c>
      <c r="Q22" s="313">
        <v>0</v>
      </c>
      <c r="R22" s="313">
        <v>0</v>
      </c>
      <c r="S22" s="313">
        <v>0</v>
      </c>
      <c r="T22" s="313">
        <v>7</v>
      </c>
      <c r="U22" s="313">
        <v>0</v>
      </c>
      <c r="V22" s="310">
        <v>7</v>
      </c>
      <c r="W22" s="315">
        <v>7</v>
      </c>
    </row>
    <row r="23" spans="1:23" ht="21" customHeight="1" x14ac:dyDescent="0.2">
      <c r="A23" s="289" t="s">
        <v>21</v>
      </c>
      <c r="B23" s="313">
        <v>0</v>
      </c>
      <c r="C23" s="313">
        <v>0</v>
      </c>
      <c r="D23" s="310">
        <v>0</v>
      </c>
      <c r="E23" s="312">
        <v>0</v>
      </c>
      <c r="F23" s="313">
        <v>62</v>
      </c>
      <c r="G23" s="313">
        <v>19</v>
      </c>
      <c r="H23" s="313">
        <v>22</v>
      </c>
      <c r="I23" s="313">
        <v>3</v>
      </c>
      <c r="J23" s="313">
        <v>0</v>
      </c>
      <c r="K23" s="310">
        <v>106</v>
      </c>
      <c r="L23" s="315">
        <v>106</v>
      </c>
      <c r="M23" s="313">
        <v>0</v>
      </c>
      <c r="N23" s="313">
        <v>0</v>
      </c>
      <c r="O23" s="310">
        <v>0</v>
      </c>
      <c r="P23" s="312">
        <v>0</v>
      </c>
      <c r="Q23" s="313">
        <v>0</v>
      </c>
      <c r="R23" s="313">
        <v>0</v>
      </c>
      <c r="S23" s="313">
        <v>0</v>
      </c>
      <c r="T23" s="313">
        <v>0</v>
      </c>
      <c r="U23" s="313">
        <v>0</v>
      </c>
      <c r="V23" s="310">
        <v>0</v>
      </c>
      <c r="W23" s="315">
        <v>0</v>
      </c>
    </row>
    <row r="24" spans="1:23" ht="21" customHeight="1" x14ac:dyDescent="0.2">
      <c r="A24" s="289" t="s">
        <v>22</v>
      </c>
      <c r="B24" s="313">
        <v>0</v>
      </c>
      <c r="C24" s="313">
        <v>0</v>
      </c>
      <c r="D24" s="310">
        <v>0</v>
      </c>
      <c r="E24" s="312">
        <v>0</v>
      </c>
      <c r="F24" s="313">
        <v>57</v>
      </c>
      <c r="G24" s="313">
        <v>16</v>
      </c>
      <c r="H24" s="313">
        <v>0</v>
      </c>
      <c r="I24" s="313">
        <v>0</v>
      </c>
      <c r="J24" s="313">
        <v>0</v>
      </c>
      <c r="K24" s="310">
        <v>73</v>
      </c>
      <c r="L24" s="315">
        <v>73</v>
      </c>
      <c r="M24" s="313">
        <v>0</v>
      </c>
      <c r="N24" s="313">
        <v>0</v>
      </c>
      <c r="O24" s="310">
        <v>0</v>
      </c>
      <c r="P24" s="312">
        <v>0</v>
      </c>
      <c r="Q24" s="313">
        <v>0</v>
      </c>
      <c r="R24" s="313">
        <v>0</v>
      </c>
      <c r="S24" s="313">
        <v>4</v>
      </c>
      <c r="T24" s="313">
        <v>0</v>
      </c>
      <c r="U24" s="313">
        <v>0</v>
      </c>
      <c r="V24" s="310">
        <v>4</v>
      </c>
      <c r="W24" s="315">
        <v>4</v>
      </c>
    </row>
    <row r="25" spans="1:23" ht="21" customHeight="1" x14ac:dyDescent="0.2">
      <c r="A25" s="289" t="s">
        <v>23</v>
      </c>
      <c r="B25" s="313">
        <v>0</v>
      </c>
      <c r="C25" s="313">
        <v>0</v>
      </c>
      <c r="D25" s="310">
        <v>0</v>
      </c>
      <c r="E25" s="312">
        <v>0</v>
      </c>
      <c r="F25" s="313">
        <v>21</v>
      </c>
      <c r="G25" s="313">
        <v>12</v>
      </c>
      <c r="H25" s="313">
        <v>0</v>
      </c>
      <c r="I25" s="313">
        <v>0</v>
      </c>
      <c r="J25" s="313">
        <v>22</v>
      </c>
      <c r="K25" s="310">
        <v>55</v>
      </c>
      <c r="L25" s="315">
        <v>55</v>
      </c>
      <c r="M25" s="313">
        <v>0</v>
      </c>
      <c r="N25" s="313">
        <v>0</v>
      </c>
      <c r="O25" s="310">
        <v>0</v>
      </c>
      <c r="P25" s="312">
        <v>0</v>
      </c>
      <c r="Q25" s="313">
        <v>0</v>
      </c>
      <c r="R25" s="313">
        <v>0</v>
      </c>
      <c r="S25" s="313">
        <v>0</v>
      </c>
      <c r="T25" s="313">
        <v>0</v>
      </c>
      <c r="U25" s="313">
        <v>0</v>
      </c>
      <c r="V25" s="310">
        <v>0</v>
      </c>
      <c r="W25" s="315">
        <v>0</v>
      </c>
    </row>
    <row r="26" spans="1:23" ht="21" customHeight="1" x14ac:dyDescent="0.2">
      <c r="A26" s="289" t="s">
        <v>24</v>
      </c>
      <c r="B26" s="313">
        <v>0</v>
      </c>
      <c r="C26" s="313">
        <v>0</v>
      </c>
      <c r="D26" s="310">
        <v>0</v>
      </c>
      <c r="E26" s="312">
        <v>0</v>
      </c>
      <c r="F26" s="313">
        <v>13</v>
      </c>
      <c r="G26" s="313">
        <v>30</v>
      </c>
      <c r="H26" s="313">
        <v>3</v>
      </c>
      <c r="I26" s="313">
        <v>0</v>
      </c>
      <c r="J26" s="313">
        <v>0</v>
      </c>
      <c r="K26" s="310">
        <v>46</v>
      </c>
      <c r="L26" s="315">
        <v>46</v>
      </c>
      <c r="M26" s="313">
        <v>0</v>
      </c>
      <c r="N26" s="313">
        <v>0</v>
      </c>
      <c r="O26" s="310">
        <v>0</v>
      </c>
      <c r="P26" s="312">
        <v>0</v>
      </c>
      <c r="Q26" s="313">
        <v>0</v>
      </c>
      <c r="R26" s="313">
        <v>4</v>
      </c>
      <c r="S26" s="313">
        <v>0</v>
      </c>
      <c r="T26" s="313">
        <v>0</v>
      </c>
      <c r="U26" s="313">
        <v>21</v>
      </c>
      <c r="V26" s="310">
        <v>25</v>
      </c>
      <c r="W26" s="315">
        <v>25</v>
      </c>
    </row>
    <row r="27" spans="1:23" ht="21" customHeight="1" x14ac:dyDescent="0.2">
      <c r="A27" s="289" t="s">
        <v>25</v>
      </c>
      <c r="B27" s="313">
        <v>0</v>
      </c>
      <c r="C27" s="313">
        <v>0</v>
      </c>
      <c r="D27" s="310">
        <v>0</v>
      </c>
      <c r="E27" s="312">
        <v>0</v>
      </c>
      <c r="F27" s="313">
        <v>22</v>
      </c>
      <c r="G27" s="313">
        <v>0</v>
      </c>
      <c r="H27" s="313">
        <v>0</v>
      </c>
      <c r="I27" s="313">
        <v>0</v>
      </c>
      <c r="J27" s="313">
        <v>0</v>
      </c>
      <c r="K27" s="310">
        <v>22</v>
      </c>
      <c r="L27" s="315">
        <v>22</v>
      </c>
      <c r="M27" s="313">
        <v>0</v>
      </c>
      <c r="N27" s="313">
        <v>0</v>
      </c>
      <c r="O27" s="310">
        <v>0</v>
      </c>
      <c r="P27" s="312">
        <v>0</v>
      </c>
      <c r="Q27" s="313">
        <v>0</v>
      </c>
      <c r="R27" s="313">
        <v>0</v>
      </c>
      <c r="S27" s="313">
        <v>0</v>
      </c>
      <c r="T27" s="313">
        <v>0</v>
      </c>
      <c r="U27" s="313">
        <v>0</v>
      </c>
      <c r="V27" s="310">
        <v>0</v>
      </c>
      <c r="W27" s="315">
        <v>0</v>
      </c>
    </row>
    <row r="28" spans="1:23" ht="21" customHeight="1" x14ac:dyDescent="0.2">
      <c r="A28" s="289" t="s">
        <v>26</v>
      </c>
      <c r="B28" s="313">
        <v>0</v>
      </c>
      <c r="C28" s="313">
        <v>0</v>
      </c>
      <c r="D28" s="310">
        <v>0</v>
      </c>
      <c r="E28" s="312">
        <v>0</v>
      </c>
      <c r="F28" s="313">
        <v>23</v>
      </c>
      <c r="G28" s="313">
        <v>14</v>
      </c>
      <c r="H28" s="313">
        <v>0</v>
      </c>
      <c r="I28" s="313">
        <v>0</v>
      </c>
      <c r="J28" s="313">
        <v>13</v>
      </c>
      <c r="K28" s="310">
        <v>50</v>
      </c>
      <c r="L28" s="315">
        <v>50</v>
      </c>
      <c r="M28" s="313">
        <v>0</v>
      </c>
      <c r="N28" s="313">
        <v>0</v>
      </c>
      <c r="O28" s="310">
        <v>0</v>
      </c>
      <c r="P28" s="312">
        <v>0</v>
      </c>
      <c r="Q28" s="313">
        <v>0</v>
      </c>
      <c r="R28" s="313">
        <v>0</v>
      </c>
      <c r="S28" s="313">
        <v>24</v>
      </c>
      <c r="T28" s="313">
        <v>0</v>
      </c>
      <c r="U28" s="313">
        <v>0</v>
      </c>
      <c r="V28" s="310">
        <v>24</v>
      </c>
      <c r="W28" s="315">
        <v>24</v>
      </c>
    </row>
    <row r="29" spans="1:23" ht="21" customHeight="1" x14ac:dyDescent="0.2">
      <c r="A29" s="289" t="s">
        <v>27</v>
      </c>
      <c r="B29" s="313">
        <v>0</v>
      </c>
      <c r="C29" s="313">
        <v>0</v>
      </c>
      <c r="D29" s="310">
        <v>0</v>
      </c>
      <c r="E29" s="312">
        <v>0</v>
      </c>
      <c r="F29" s="313">
        <v>8</v>
      </c>
      <c r="G29" s="313">
        <v>0</v>
      </c>
      <c r="H29" s="313">
        <v>3</v>
      </c>
      <c r="I29" s="313">
        <v>0</v>
      </c>
      <c r="J29" s="313">
        <v>0</v>
      </c>
      <c r="K29" s="310">
        <v>11</v>
      </c>
      <c r="L29" s="315">
        <v>11</v>
      </c>
      <c r="M29" s="313">
        <v>0</v>
      </c>
      <c r="N29" s="313">
        <v>0</v>
      </c>
      <c r="O29" s="310">
        <v>0</v>
      </c>
      <c r="P29" s="312">
        <v>0</v>
      </c>
      <c r="Q29" s="313">
        <v>9</v>
      </c>
      <c r="R29" s="313">
        <v>0</v>
      </c>
      <c r="S29" s="313">
        <v>0</v>
      </c>
      <c r="T29" s="313">
        <v>0</v>
      </c>
      <c r="U29" s="313">
        <v>0</v>
      </c>
      <c r="V29" s="310">
        <v>9</v>
      </c>
      <c r="W29" s="315">
        <v>9</v>
      </c>
    </row>
    <row r="30" spans="1:23" ht="21" customHeight="1" x14ac:dyDescent="0.2">
      <c r="A30" s="289" t="s">
        <v>28</v>
      </c>
      <c r="B30" s="313">
        <v>0</v>
      </c>
      <c r="C30" s="313">
        <v>0</v>
      </c>
      <c r="D30" s="310">
        <v>0</v>
      </c>
      <c r="E30" s="312">
        <v>0</v>
      </c>
      <c r="F30" s="313">
        <v>21</v>
      </c>
      <c r="G30" s="313">
        <v>10</v>
      </c>
      <c r="H30" s="313">
        <v>0</v>
      </c>
      <c r="I30" s="313">
        <v>0</v>
      </c>
      <c r="J30" s="313">
        <v>0</v>
      </c>
      <c r="K30" s="310">
        <v>31</v>
      </c>
      <c r="L30" s="315">
        <v>31</v>
      </c>
      <c r="M30" s="313">
        <v>0</v>
      </c>
      <c r="N30" s="313">
        <v>0</v>
      </c>
      <c r="O30" s="310">
        <v>0</v>
      </c>
      <c r="P30" s="312">
        <v>0</v>
      </c>
      <c r="Q30" s="313">
        <v>0</v>
      </c>
      <c r="R30" s="313">
        <v>0</v>
      </c>
      <c r="S30" s="313">
        <v>4</v>
      </c>
      <c r="T30" s="313">
        <v>0</v>
      </c>
      <c r="U30" s="313">
        <v>0</v>
      </c>
      <c r="V30" s="310">
        <v>4</v>
      </c>
      <c r="W30" s="315">
        <v>4</v>
      </c>
    </row>
    <row r="31" spans="1:23" ht="21" customHeight="1" x14ac:dyDescent="0.2">
      <c r="A31" s="289" t="s">
        <v>29</v>
      </c>
      <c r="B31" s="313">
        <v>0</v>
      </c>
      <c r="C31" s="313">
        <v>0</v>
      </c>
      <c r="D31" s="310">
        <v>0</v>
      </c>
      <c r="E31" s="312">
        <v>0</v>
      </c>
      <c r="F31" s="313">
        <v>0</v>
      </c>
      <c r="G31" s="313">
        <v>3</v>
      </c>
      <c r="H31" s="313">
        <v>0</v>
      </c>
      <c r="I31" s="313">
        <v>0</v>
      </c>
      <c r="J31" s="313">
        <v>0</v>
      </c>
      <c r="K31" s="310">
        <v>3</v>
      </c>
      <c r="L31" s="315">
        <v>3</v>
      </c>
      <c r="M31" s="313">
        <v>0</v>
      </c>
      <c r="N31" s="313">
        <v>0</v>
      </c>
      <c r="O31" s="310">
        <v>0</v>
      </c>
      <c r="P31" s="312">
        <v>0</v>
      </c>
      <c r="Q31" s="313">
        <v>0</v>
      </c>
      <c r="R31" s="313">
        <v>0</v>
      </c>
      <c r="S31" s="313">
        <v>9</v>
      </c>
      <c r="T31" s="313">
        <v>0</v>
      </c>
      <c r="U31" s="313">
        <v>0</v>
      </c>
      <c r="V31" s="310">
        <v>9</v>
      </c>
      <c r="W31" s="315">
        <v>9</v>
      </c>
    </row>
    <row r="32" spans="1:23" ht="21" customHeight="1" x14ac:dyDescent="0.2">
      <c r="A32" s="289" t="s">
        <v>30</v>
      </c>
      <c r="B32" s="313">
        <v>0</v>
      </c>
      <c r="C32" s="313">
        <v>0</v>
      </c>
      <c r="D32" s="310">
        <v>0</v>
      </c>
      <c r="E32" s="312">
        <v>0</v>
      </c>
      <c r="F32" s="313">
        <v>33</v>
      </c>
      <c r="G32" s="313">
        <v>0</v>
      </c>
      <c r="H32" s="313">
        <v>0</v>
      </c>
      <c r="I32" s="313">
        <v>0</v>
      </c>
      <c r="J32" s="313">
        <v>0</v>
      </c>
      <c r="K32" s="310">
        <v>33</v>
      </c>
      <c r="L32" s="315">
        <v>33</v>
      </c>
      <c r="M32" s="313">
        <v>0</v>
      </c>
      <c r="N32" s="313">
        <v>0</v>
      </c>
      <c r="O32" s="310">
        <v>0</v>
      </c>
      <c r="P32" s="312">
        <v>0</v>
      </c>
      <c r="Q32" s="313">
        <v>0</v>
      </c>
      <c r="R32" s="313">
        <v>4</v>
      </c>
      <c r="S32" s="313">
        <v>0</v>
      </c>
      <c r="T32" s="313">
        <v>0</v>
      </c>
      <c r="U32" s="313">
        <v>0</v>
      </c>
      <c r="V32" s="310">
        <v>4</v>
      </c>
      <c r="W32" s="315">
        <v>4</v>
      </c>
    </row>
    <row r="33" spans="1:23" ht="21" customHeight="1" x14ac:dyDescent="0.2">
      <c r="A33" s="289" t="s">
        <v>31</v>
      </c>
      <c r="B33" s="313">
        <v>0</v>
      </c>
      <c r="C33" s="313">
        <v>0</v>
      </c>
      <c r="D33" s="310">
        <v>0</v>
      </c>
      <c r="E33" s="312">
        <v>0</v>
      </c>
      <c r="F33" s="313">
        <v>15</v>
      </c>
      <c r="G33" s="313">
        <v>10</v>
      </c>
      <c r="H33" s="313">
        <v>8</v>
      </c>
      <c r="I33" s="313">
        <v>0</v>
      </c>
      <c r="J33" s="313">
        <v>0</v>
      </c>
      <c r="K33" s="310">
        <v>33</v>
      </c>
      <c r="L33" s="315">
        <v>33</v>
      </c>
      <c r="M33" s="313">
        <v>0</v>
      </c>
      <c r="N33" s="313">
        <v>0</v>
      </c>
      <c r="O33" s="310">
        <v>0</v>
      </c>
      <c r="P33" s="312">
        <v>0</v>
      </c>
      <c r="Q33" s="313">
        <v>0</v>
      </c>
      <c r="R33" s="313">
        <v>0</v>
      </c>
      <c r="S33" s="313">
        <v>0</v>
      </c>
      <c r="T33" s="313">
        <v>0</v>
      </c>
      <c r="U33" s="313">
        <v>0</v>
      </c>
      <c r="V33" s="310">
        <v>0</v>
      </c>
      <c r="W33" s="315">
        <v>0</v>
      </c>
    </row>
    <row r="34" spans="1:23" ht="21" customHeight="1" x14ac:dyDescent="0.2">
      <c r="A34" s="289" t="s">
        <v>32</v>
      </c>
      <c r="B34" s="313">
        <v>0</v>
      </c>
      <c r="C34" s="313">
        <v>0</v>
      </c>
      <c r="D34" s="310">
        <v>0</v>
      </c>
      <c r="E34" s="312">
        <v>0</v>
      </c>
      <c r="F34" s="313">
        <v>13</v>
      </c>
      <c r="G34" s="313">
        <v>10</v>
      </c>
      <c r="H34" s="313">
        <v>7</v>
      </c>
      <c r="I34" s="313">
        <v>0</v>
      </c>
      <c r="J34" s="313">
        <v>0</v>
      </c>
      <c r="K34" s="310">
        <v>30</v>
      </c>
      <c r="L34" s="315">
        <v>30</v>
      </c>
      <c r="M34" s="313">
        <v>0</v>
      </c>
      <c r="N34" s="313">
        <v>0</v>
      </c>
      <c r="O34" s="310">
        <v>0</v>
      </c>
      <c r="P34" s="312">
        <v>0</v>
      </c>
      <c r="Q34" s="313">
        <v>0</v>
      </c>
      <c r="R34" s="313">
        <v>0</v>
      </c>
      <c r="S34" s="313">
        <v>0</v>
      </c>
      <c r="T34" s="313">
        <v>0</v>
      </c>
      <c r="U34" s="313">
        <v>0</v>
      </c>
      <c r="V34" s="310">
        <v>0</v>
      </c>
      <c r="W34" s="315">
        <v>0</v>
      </c>
    </row>
    <row r="35" spans="1:23" ht="21" customHeight="1" x14ac:dyDescent="0.2">
      <c r="A35" s="289" t="s">
        <v>33</v>
      </c>
      <c r="B35" s="313">
        <v>0</v>
      </c>
      <c r="C35" s="313">
        <v>0</v>
      </c>
      <c r="D35" s="310">
        <v>0</v>
      </c>
      <c r="E35" s="312">
        <v>0</v>
      </c>
      <c r="F35" s="313">
        <v>13</v>
      </c>
      <c r="G35" s="313">
        <v>0</v>
      </c>
      <c r="H35" s="313">
        <v>10</v>
      </c>
      <c r="I35" s="313">
        <v>0</v>
      </c>
      <c r="J35" s="313">
        <v>0</v>
      </c>
      <c r="K35" s="310">
        <v>23</v>
      </c>
      <c r="L35" s="315">
        <v>23</v>
      </c>
      <c r="M35" s="313">
        <v>0</v>
      </c>
      <c r="N35" s="313">
        <v>0</v>
      </c>
      <c r="O35" s="310">
        <v>0</v>
      </c>
      <c r="P35" s="312">
        <v>0</v>
      </c>
      <c r="Q35" s="313">
        <v>0</v>
      </c>
      <c r="R35" s="313">
        <v>0</v>
      </c>
      <c r="S35" s="313">
        <v>0</v>
      </c>
      <c r="T35" s="313">
        <v>0</v>
      </c>
      <c r="U35" s="313">
        <v>0</v>
      </c>
      <c r="V35" s="310">
        <v>0</v>
      </c>
      <c r="W35" s="315">
        <v>0</v>
      </c>
    </row>
    <row r="36" spans="1:23" ht="21" customHeight="1" x14ac:dyDescent="0.2">
      <c r="A36" s="289" t="s">
        <v>34</v>
      </c>
      <c r="B36" s="313">
        <v>0</v>
      </c>
      <c r="C36" s="313">
        <v>0</v>
      </c>
      <c r="D36" s="310">
        <v>0</v>
      </c>
      <c r="E36" s="312">
        <v>0</v>
      </c>
      <c r="F36" s="313">
        <v>0</v>
      </c>
      <c r="G36" s="313">
        <v>0</v>
      </c>
      <c r="H36" s="313">
        <v>0</v>
      </c>
      <c r="I36" s="313">
        <v>0</v>
      </c>
      <c r="J36" s="313">
        <v>0</v>
      </c>
      <c r="K36" s="310">
        <v>0</v>
      </c>
      <c r="L36" s="315">
        <v>0</v>
      </c>
      <c r="M36" s="313">
        <v>0</v>
      </c>
      <c r="N36" s="313">
        <v>0</v>
      </c>
      <c r="O36" s="310">
        <v>0</v>
      </c>
      <c r="P36" s="312">
        <v>0</v>
      </c>
      <c r="Q36" s="313">
        <v>0</v>
      </c>
      <c r="R36" s="313">
        <v>0</v>
      </c>
      <c r="S36" s="313">
        <v>0</v>
      </c>
      <c r="T36" s="313">
        <v>0</v>
      </c>
      <c r="U36" s="313">
        <v>0</v>
      </c>
      <c r="V36" s="310">
        <v>0</v>
      </c>
      <c r="W36" s="315">
        <v>0</v>
      </c>
    </row>
    <row r="37" spans="1:23" ht="21" customHeight="1" x14ac:dyDescent="0.2">
      <c r="A37" s="289" t="s">
        <v>35</v>
      </c>
      <c r="B37" s="313">
        <v>0</v>
      </c>
      <c r="C37" s="313">
        <v>0</v>
      </c>
      <c r="D37" s="310">
        <v>0</v>
      </c>
      <c r="E37" s="312">
        <v>0</v>
      </c>
      <c r="F37" s="313">
        <v>18</v>
      </c>
      <c r="G37" s="313">
        <v>0</v>
      </c>
      <c r="H37" s="313">
        <v>0</v>
      </c>
      <c r="I37" s="313">
        <v>0</v>
      </c>
      <c r="J37" s="313">
        <v>0</v>
      </c>
      <c r="K37" s="310">
        <v>18</v>
      </c>
      <c r="L37" s="315">
        <v>18</v>
      </c>
      <c r="M37" s="313">
        <v>0</v>
      </c>
      <c r="N37" s="313">
        <v>0</v>
      </c>
      <c r="O37" s="310">
        <v>0</v>
      </c>
      <c r="P37" s="312">
        <v>0</v>
      </c>
      <c r="Q37" s="313">
        <v>0</v>
      </c>
      <c r="R37" s="313">
        <v>0</v>
      </c>
      <c r="S37" s="313">
        <v>0</v>
      </c>
      <c r="T37" s="313">
        <v>0</v>
      </c>
      <c r="U37" s="313">
        <v>0</v>
      </c>
      <c r="V37" s="310">
        <v>0</v>
      </c>
      <c r="W37" s="315">
        <v>0</v>
      </c>
    </row>
    <row r="38" spans="1:23" ht="21" customHeight="1" x14ac:dyDescent="0.2">
      <c r="A38" s="289" t="s">
        <v>36</v>
      </c>
      <c r="B38" s="313">
        <v>0</v>
      </c>
      <c r="C38" s="313">
        <v>0</v>
      </c>
      <c r="D38" s="310">
        <v>0</v>
      </c>
      <c r="E38" s="312">
        <v>0</v>
      </c>
      <c r="F38" s="313">
        <v>3</v>
      </c>
      <c r="G38" s="313">
        <v>23</v>
      </c>
      <c r="H38" s="313">
        <v>0</v>
      </c>
      <c r="I38" s="313">
        <v>25</v>
      </c>
      <c r="J38" s="313">
        <v>0</v>
      </c>
      <c r="K38" s="310">
        <v>51</v>
      </c>
      <c r="L38" s="315">
        <v>51</v>
      </c>
      <c r="M38" s="313">
        <v>0</v>
      </c>
      <c r="N38" s="313">
        <v>0</v>
      </c>
      <c r="O38" s="310">
        <v>0</v>
      </c>
      <c r="P38" s="312">
        <v>0</v>
      </c>
      <c r="Q38" s="313">
        <v>0</v>
      </c>
      <c r="R38" s="313">
        <v>0</v>
      </c>
      <c r="S38" s="313">
        <v>0</v>
      </c>
      <c r="T38" s="313">
        <v>0</v>
      </c>
      <c r="U38" s="313">
        <v>0</v>
      </c>
      <c r="V38" s="310">
        <v>0</v>
      </c>
      <c r="W38" s="315">
        <v>0</v>
      </c>
    </row>
    <row r="39" spans="1:23" ht="21" customHeight="1" thickBot="1" x14ac:dyDescent="0.25">
      <c r="A39" s="290" t="s">
        <v>37</v>
      </c>
      <c r="B39" s="320">
        <v>0</v>
      </c>
      <c r="C39" s="320">
        <v>0</v>
      </c>
      <c r="D39" s="317">
        <v>0</v>
      </c>
      <c r="E39" s="319">
        <v>0</v>
      </c>
      <c r="F39" s="320">
        <v>0</v>
      </c>
      <c r="G39" s="320">
        <v>0</v>
      </c>
      <c r="H39" s="320">
        <v>0</v>
      </c>
      <c r="I39" s="320">
        <v>0</v>
      </c>
      <c r="J39" s="320">
        <v>4</v>
      </c>
      <c r="K39" s="317">
        <v>4</v>
      </c>
      <c r="L39" s="322">
        <v>4</v>
      </c>
      <c r="M39" s="320">
        <v>0</v>
      </c>
      <c r="N39" s="320">
        <v>0</v>
      </c>
      <c r="O39" s="317">
        <v>0</v>
      </c>
      <c r="P39" s="319">
        <v>0</v>
      </c>
      <c r="Q39" s="320">
        <v>0</v>
      </c>
      <c r="R39" s="320">
        <v>0</v>
      </c>
      <c r="S39" s="320">
        <v>0</v>
      </c>
      <c r="T39" s="320">
        <v>0</v>
      </c>
      <c r="U39" s="320">
        <v>0</v>
      </c>
      <c r="V39" s="317">
        <v>0</v>
      </c>
      <c r="W39" s="322">
        <v>0</v>
      </c>
    </row>
  </sheetData>
  <mergeCells count="11">
    <mergeCell ref="W4:W5"/>
    <mergeCell ref="G1:H1"/>
    <mergeCell ref="J1:K1"/>
    <mergeCell ref="A3:A5"/>
    <mergeCell ref="B3:L3"/>
    <mergeCell ref="M3:W3"/>
    <mergeCell ref="B4:D4"/>
    <mergeCell ref="E4:K4"/>
    <mergeCell ref="L4:L5"/>
    <mergeCell ref="M4:O4"/>
    <mergeCell ref="P4:V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B219"/>
  <sheetViews>
    <sheetView zoomScaleNormal="100" zoomScaleSheetLayoutView="55"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8" style="1" customWidth="1"/>
    <col min="3" max="3" width="8.109375" style="1" customWidth="1"/>
    <col min="4" max="4" width="10.109375" style="1" bestFit="1" customWidth="1"/>
    <col min="5" max="10" width="9" style="1"/>
    <col min="11" max="11" width="9.6640625" style="1" customWidth="1"/>
    <col min="12" max="14" width="8.109375" style="1" customWidth="1"/>
    <col min="15" max="20" width="9.21875" style="1" customWidth="1"/>
    <col min="21" max="21" width="7.77734375" style="1" customWidth="1"/>
    <col min="22" max="24" width="8.33203125" style="1" customWidth="1"/>
    <col min="25" max="29" width="8.44140625" style="1" customWidth="1"/>
    <col min="30" max="31" width="7.109375" style="1" customWidth="1"/>
    <col min="32" max="41" width="8.77734375" style="1" customWidth="1"/>
    <col min="42" max="51" width="8.44140625" style="1" customWidth="1"/>
    <col min="52" max="131" width="9.6640625" style="1" customWidth="1"/>
    <col min="132" max="16384" width="9" style="1"/>
  </cols>
  <sheetData>
    <row r="1" spans="1:132" ht="25.5" customHeight="1" x14ac:dyDescent="0.2">
      <c r="A1" s="20" t="s">
        <v>56</v>
      </c>
      <c r="D1" s="416">
        <f>第１表!F2</f>
        <v>3</v>
      </c>
      <c r="E1" s="283">
        <f>第１表!G2</f>
        <v>12</v>
      </c>
      <c r="F1" s="484">
        <f>IF(E1&lt;3,E1-2+12,E1-2)</f>
        <v>10</v>
      </c>
      <c r="G1" s="484"/>
    </row>
    <row r="2" spans="1:132" ht="17.25" customHeight="1" thickBot="1" x14ac:dyDescent="0.25"/>
    <row r="3" spans="1:132" ht="24.75" customHeight="1" thickBot="1" x14ac:dyDescent="0.25">
      <c r="A3" s="502"/>
      <c r="B3" s="505" t="s">
        <v>57</v>
      </c>
      <c r="C3" s="506"/>
      <c r="D3" s="506"/>
      <c r="E3" s="506"/>
      <c r="F3" s="506"/>
      <c r="G3" s="506"/>
      <c r="H3" s="506"/>
      <c r="I3" s="506"/>
      <c r="J3" s="506"/>
      <c r="K3" s="506"/>
      <c r="L3" s="506"/>
      <c r="M3" s="506"/>
      <c r="N3" s="506"/>
      <c r="O3" s="506"/>
      <c r="P3" s="506"/>
      <c r="Q3" s="506"/>
      <c r="R3" s="506"/>
      <c r="S3" s="506"/>
      <c r="T3" s="506"/>
      <c r="U3" s="506"/>
      <c r="V3" s="506"/>
      <c r="W3" s="506"/>
      <c r="X3" s="506"/>
      <c r="Y3" s="506"/>
      <c r="Z3" s="506"/>
      <c r="AA3" s="506"/>
      <c r="AB3" s="506"/>
      <c r="AC3" s="506"/>
      <c r="AD3" s="506"/>
      <c r="AE3" s="507"/>
      <c r="AF3" s="505" t="s">
        <v>58</v>
      </c>
      <c r="AG3" s="508"/>
      <c r="AH3" s="508"/>
      <c r="AI3" s="508"/>
      <c r="AJ3" s="508"/>
      <c r="AK3" s="508"/>
      <c r="AL3" s="508"/>
      <c r="AM3" s="508"/>
      <c r="AN3" s="508"/>
      <c r="AO3" s="508"/>
      <c r="AP3" s="508"/>
      <c r="AQ3" s="508"/>
      <c r="AR3" s="508"/>
      <c r="AS3" s="508"/>
      <c r="AT3" s="508"/>
      <c r="AU3" s="508"/>
      <c r="AV3" s="508"/>
      <c r="AW3" s="508"/>
      <c r="AX3" s="508"/>
      <c r="AY3" s="508"/>
      <c r="AZ3" s="508"/>
      <c r="BA3" s="508"/>
      <c r="BB3" s="508"/>
      <c r="BC3" s="508"/>
      <c r="BD3" s="508"/>
      <c r="BE3" s="508"/>
      <c r="BF3" s="508"/>
      <c r="BG3" s="508"/>
      <c r="BH3" s="508"/>
      <c r="BI3" s="509"/>
      <c r="BJ3" s="505" t="s">
        <v>59</v>
      </c>
      <c r="BK3" s="506"/>
      <c r="BL3" s="506"/>
      <c r="BM3" s="506"/>
      <c r="BN3" s="506"/>
      <c r="BO3" s="506"/>
      <c r="BP3" s="506"/>
      <c r="BQ3" s="506"/>
      <c r="BR3" s="506"/>
      <c r="BS3" s="506"/>
      <c r="BT3" s="506"/>
      <c r="BU3" s="506"/>
      <c r="BV3" s="506"/>
      <c r="BW3" s="506"/>
      <c r="BX3" s="506"/>
      <c r="BY3" s="506"/>
      <c r="BZ3" s="506"/>
      <c r="CA3" s="506"/>
      <c r="CB3" s="506"/>
      <c r="CC3" s="506"/>
      <c r="CD3" s="506"/>
      <c r="CE3" s="506"/>
      <c r="CF3" s="506"/>
      <c r="CG3" s="506"/>
      <c r="CH3" s="506"/>
      <c r="CI3" s="506"/>
      <c r="CJ3" s="506"/>
      <c r="CK3" s="506"/>
      <c r="CL3" s="506"/>
      <c r="CM3" s="507"/>
      <c r="CN3" s="534" t="s">
        <v>151</v>
      </c>
      <c r="CO3" s="506"/>
      <c r="CP3" s="506"/>
      <c r="CQ3" s="506"/>
      <c r="CR3" s="506"/>
      <c r="CS3" s="506"/>
      <c r="CT3" s="506"/>
      <c r="CU3" s="506"/>
      <c r="CV3" s="506"/>
      <c r="CW3" s="506"/>
      <c r="CX3" s="506"/>
      <c r="CY3" s="506"/>
      <c r="CZ3" s="506"/>
      <c r="DA3" s="506"/>
      <c r="DB3" s="506"/>
      <c r="DC3" s="506"/>
      <c r="DD3" s="506"/>
      <c r="DE3" s="506"/>
      <c r="DF3" s="506"/>
      <c r="DG3" s="506"/>
      <c r="DH3" s="506"/>
      <c r="DI3" s="506"/>
      <c r="DJ3" s="506"/>
      <c r="DK3" s="506"/>
      <c r="DL3" s="506"/>
      <c r="DM3" s="506"/>
      <c r="DN3" s="506"/>
      <c r="DO3" s="506"/>
      <c r="DP3" s="506"/>
      <c r="DQ3" s="507"/>
      <c r="DR3" s="528" t="s">
        <v>60</v>
      </c>
      <c r="DS3" s="432"/>
      <c r="DT3" s="432"/>
      <c r="DU3" s="432"/>
      <c r="DV3" s="432"/>
      <c r="DW3" s="432"/>
      <c r="DX3" s="432"/>
      <c r="DY3" s="432"/>
      <c r="DZ3" s="432"/>
      <c r="EA3" s="433"/>
    </row>
    <row r="4" spans="1:132" ht="24.75" customHeight="1" thickBot="1" x14ac:dyDescent="0.25">
      <c r="A4" s="503"/>
      <c r="B4" s="529"/>
      <c r="C4" s="522"/>
      <c r="D4" s="522"/>
      <c r="E4" s="522"/>
      <c r="F4" s="522"/>
      <c r="G4" s="522"/>
      <c r="H4" s="522"/>
      <c r="I4" s="522"/>
      <c r="J4" s="522"/>
      <c r="K4" s="522"/>
      <c r="L4" s="531" t="s">
        <v>39</v>
      </c>
      <c r="M4" s="532"/>
      <c r="N4" s="532"/>
      <c r="O4" s="532"/>
      <c r="P4" s="532"/>
      <c r="Q4" s="532"/>
      <c r="R4" s="532"/>
      <c r="S4" s="532"/>
      <c r="T4" s="532"/>
      <c r="U4" s="533"/>
      <c r="V4" s="531" t="s">
        <v>40</v>
      </c>
      <c r="W4" s="532"/>
      <c r="X4" s="532"/>
      <c r="Y4" s="532"/>
      <c r="Z4" s="532"/>
      <c r="AA4" s="532"/>
      <c r="AB4" s="532"/>
      <c r="AC4" s="532"/>
      <c r="AD4" s="532"/>
      <c r="AE4" s="533"/>
      <c r="AF4" s="529"/>
      <c r="AG4" s="522"/>
      <c r="AH4" s="522"/>
      <c r="AI4" s="522"/>
      <c r="AJ4" s="522"/>
      <c r="AK4" s="522"/>
      <c r="AL4" s="522"/>
      <c r="AM4" s="522"/>
      <c r="AN4" s="522"/>
      <c r="AO4" s="522"/>
      <c r="AP4" s="531" t="s">
        <v>39</v>
      </c>
      <c r="AQ4" s="532"/>
      <c r="AR4" s="532"/>
      <c r="AS4" s="532"/>
      <c r="AT4" s="532"/>
      <c r="AU4" s="532"/>
      <c r="AV4" s="532"/>
      <c r="AW4" s="532"/>
      <c r="AX4" s="532"/>
      <c r="AY4" s="533"/>
      <c r="AZ4" s="531" t="s">
        <v>40</v>
      </c>
      <c r="BA4" s="532"/>
      <c r="BB4" s="532"/>
      <c r="BC4" s="532"/>
      <c r="BD4" s="532"/>
      <c r="BE4" s="532"/>
      <c r="BF4" s="532"/>
      <c r="BG4" s="532"/>
      <c r="BH4" s="532"/>
      <c r="BI4" s="533"/>
      <c r="BJ4" s="529"/>
      <c r="BK4" s="522"/>
      <c r="BL4" s="522"/>
      <c r="BM4" s="522"/>
      <c r="BN4" s="522"/>
      <c r="BO4" s="522"/>
      <c r="BP4" s="522"/>
      <c r="BQ4" s="522"/>
      <c r="BR4" s="522"/>
      <c r="BS4" s="522"/>
      <c r="BT4" s="531" t="s">
        <v>39</v>
      </c>
      <c r="BU4" s="532"/>
      <c r="BV4" s="532"/>
      <c r="BW4" s="532"/>
      <c r="BX4" s="532"/>
      <c r="BY4" s="532"/>
      <c r="BZ4" s="532"/>
      <c r="CA4" s="532"/>
      <c r="CB4" s="532"/>
      <c r="CC4" s="533"/>
      <c r="CD4" s="531" t="s">
        <v>40</v>
      </c>
      <c r="CE4" s="532"/>
      <c r="CF4" s="532"/>
      <c r="CG4" s="532"/>
      <c r="CH4" s="532"/>
      <c r="CI4" s="532"/>
      <c r="CJ4" s="532"/>
      <c r="CK4" s="532"/>
      <c r="CL4" s="532"/>
      <c r="CM4" s="533"/>
      <c r="CN4" s="529"/>
      <c r="CO4" s="522"/>
      <c r="CP4" s="522"/>
      <c r="CQ4" s="522"/>
      <c r="CR4" s="522"/>
      <c r="CS4" s="522"/>
      <c r="CT4" s="522"/>
      <c r="CU4" s="522"/>
      <c r="CV4" s="522"/>
      <c r="CW4" s="522"/>
      <c r="CX4" s="531" t="s">
        <v>39</v>
      </c>
      <c r="CY4" s="532"/>
      <c r="CZ4" s="532"/>
      <c r="DA4" s="532"/>
      <c r="DB4" s="532"/>
      <c r="DC4" s="532"/>
      <c r="DD4" s="532"/>
      <c r="DE4" s="532"/>
      <c r="DF4" s="532"/>
      <c r="DG4" s="533"/>
      <c r="DH4" s="531" t="s">
        <v>40</v>
      </c>
      <c r="DI4" s="532"/>
      <c r="DJ4" s="532"/>
      <c r="DK4" s="532"/>
      <c r="DL4" s="532"/>
      <c r="DM4" s="532"/>
      <c r="DN4" s="532"/>
      <c r="DO4" s="532"/>
      <c r="DP4" s="532"/>
      <c r="DQ4" s="533"/>
      <c r="DR4" s="529"/>
      <c r="DS4" s="522"/>
      <c r="DT4" s="522"/>
      <c r="DU4" s="522"/>
      <c r="DV4" s="522"/>
      <c r="DW4" s="522"/>
      <c r="DX4" s="522"/>
      <c r="DY4" s="522"/>
      <c r="DZ4" s="522"/>
      <c r="EA4" s="530"/>
    </row>
    <row r="5" spans="1:132" ht="24.75" customHeight="1" x14ac:dyDescent="0.2">
      <c r="A5" s="504"/>
      <c r="B5" s="510" t="s">
        <v>61</v>
      </c>
      <c r="C5" s="511"/>
      <c r="D5" s="512"/>
      <c r="E5" s="513" t="s">
        <v>62</v>
      </c>
      <c r="F5" s="514"/>
      <c r="G5" s="514"/>
      <c r="H5" s="514"/>
      <c r="I5" s="514"/>
      <c r="J5" s="515"/>
      <c r="K5" s="526" t="s">
        <v>52</v>
      </c>
      <c r="L5" s="518" t="s">
        <v>61</v>
      </c>
      <c r="M5" s="519"/>
      <c r="N5" s="520"/>
      <c r="O5" s="521" t="s">
        <v>62</v>
      </c>
      <c r="P5" s="522"/>
      <c r="Q5" s="522"/>
      <c r="R5" s="522"/>
      <c r="S5" s="522"/>
      <c r="T5" s="523"/>
      <c r="U5" s="527" t="s">
        <v>52</v>
      </c>
      <c r="V5" s="535" t="s">
        <v>61</v>
      </c>
      <c r="W5" s="519"/>
      <c r="X5" s="520"/>
      <c r="Y5" s="521" t="s">
        <v>62</v>
      </c>
      <c r="Z5" s="522"/>
      <c r="AA5" s="522"/>
      <c r="AB5" s="522"/>
      <c r="AC5" s="522"/>
      <c r="AD5" s="523"/>
      <c r="AE5" s="527" t="s">
        <v>52</v>
      </c>
      <c r="AF5" s="510" t="s">
        <v>61</v>
      </c>
      <c r="AG5" s="511"/>
      <c r="AH5" s="512"/>
      <c r="AI5" s="513" t="s">
        <v>62</v>
      </c>
      <c r="AJ5" s="514"/>
      <c r="AK5" s="514"/>
      <c r="AL5" s="514"/>
      <c r="AM5" s="514"/>
      <c r="AN5" s="515"/>
      <c r="AO5" s="516" t="s">
        <v>52</v>
      </c>
      <c r="AP5" s="518" t="s">
        <v>61</v>
      </c>
      <c r="AQ5" s="519"/>
      <c r="AR5" s="520"/>
      <c r="AS5" s="521" t="s">
        <v>62</v>
      </c>
      <c r="AT5" s="522"/>
      <c r="AU5" s="522"/>
      <c r="AV5" s="522"/>
      <c r="AW5" s="522"/>
      <c r="AX5" s="523"/>
      <c r="AY5" s="524" t="s">
        <v>52</v>
      </c>
      <c r="AZ5" s="518" t="s">
        <v>61</v>
      </c>
      <c r="BA5" s="519"/>
      <c r="BB5" s="520"/>
      <c r="BC5" s="521" t="s">
        <v>62</v>
      </c>
      <c r="BD5" s="522"/>
      <c r="BE5" s="522"/>
      <c r="BF5" s="522"/>
      <c r="BG5" s="522"/>
      <c r="BH5" s="523"/>
      <c r="BI5" s="527" t="s">
        <v>52</v>
      </c>
      <c r="BJ5" s="510" t="s">
        <v>61</v>
      </c>
      <c r="BK5" s="511"/>
      <c r="BL5" s="512"/>
      <c r="BM5" s="513" t="s">
        <v>62</v>
      </c>
      <c r="BN5" s="514"/>
      <c r="BO5" s="514"/>
      <c r="BP5" s="514"/>
      <c r="BQ5" s="514"/>
      <c r="BR5" s="515"/>
      <c r="BS5" s="526" t="s">
        <v>52</v>
      </c>
      <c r="BT5" s="518" t="s">
        <v>61</v>
      </c>
      <c r="BU5" s="519"/>
      <c r="BV5" s="520"/>
      <c r="BW5" s="521" t="s">
        <v>62</v>
      </c>
      <c r="BX5" s="522"/>
      <c r="BY5" s="522"/>
      <c r="BZ5" s="522"/>
      <c r="CA5" s="522"/>
      <c r="CB5" s="523"/>
      <c r="CC5" s="527" t="s">
        <v>52</v>
      </c>
      <c r="CD5" s="535" t="s">
        <v>61</v>
      </c>
      <c r="CE5" s="519"/>
      <c r="CF5" s="520"/>
      <c r="CG5" s="521" t="s">
        <v>62</v>
      </c>
      <c r="CH5" s="522"/>
      <c r="CI5" s="522"/>
      <c r="CJ5" s="522"/>
      <c r="CK5" s="522"/>
      <c r="CL5" s="523"/>
      <c r="CM5" s="527" t="s">
        <v>52</v>
      </c>
      <c r="CN5" s="510" t="s">
        <v>61</v>
      </c>
      <c r="CO5" s="511"/>
      <c r="CP5" s="512"/>
      <c r="CQ5" s="513" t="s">
        <v>62</v>
      </c>
      <c r="CR5" s="514"/>
      <c r="CS5" s="514"/>
      <c r="CT5" s="514"/>
      <c r="CU5" s="514"/>
      <c r="CV5" s="515"/>
      <c r="CW5" s="526" t="s">
        <v>52</v>
      </c>
      <c r="CX5" s="518" t="s">
        <v>61</v>
      </c>
      <c r="CY5" s="519"/>
      <c r="CZ5" s="520"/>
      <c r="DA5" s="521" t="s">
        <v>62</v>
      </c>
      <c r="DB5" s="522"/>
      <c r="DC5" s="522"/>
      <c r="DD5" s="522"/>
      <c r="DE5" s="522"/>
      <c r="DF5" s="523"/>
      <c r="DG5" s="527" t="s">
        <v>52</v>
      </c>
      <c r="DH5" s="535" t="s">
        <v>61</v>
      </c>
      <c r="DI5" s="519"/>
      <c r="DJ5" s="520"/>
      <c r="DK5" s="521" t="s">
        <v>62</v>
      </c>
      <c r="DL5" s="522"/>
      <c r="DM5" s="522"/>
      <c r="DN5" s="522"/>
      <c r="DO5" s="522"/>
      <c r="DP5" s="523"/>
      <c r="DQ5" s="527" t="s">
        <v>52</v>
      </c>
      <c r="DR5" s="510" t="s">
        <v>61</v>
      </c>
      <c r="DS5" s="511"/>
      <c r="DT5" s="512"/>
      <c r="DU5" s="513" t="s">
        <v>62</v>
      </c>
      <c r="DV5" s="514"/>
      <c r="DW5" s="514"/>
      <c r="DX5" s="514"/>
      <c r="DY5" s="514"/>
      <c r="DZ5" s="515"/>
      <c r="EA5" s="516" t="s">
        <v>52</v>
      </c>
    </row>
    <row r="6" spans="1:132" ht="24.75" customHeight="1" thickBot="1" x14ac:dyDescent="0.25">
      <c r="A6" s="347" t="s">
        <v>42</v>
      </c>
      <c r="B6" s="31" t="s">
        <v>43</v>
      </c>
      <c r="C6" s="32" t="s">
        <v>44</v>
      </c>
      <c r="D6" s="32" t="s">
        <v>45</v>
      </c>
      <c r="E6" s="33" t="s">
        <v>47</v>
      </c>
      <c r="F6" s="34" t="s">
        <v>48</v>
      </c>
      <c r="G6" s="34" t="s">
        <v>49</v>
      </c>
      <c r="H6" s="35" t="s">
        <v>50</v>
      </c>
      <c r="I6" s="32" t="s">
        <v>51</v>
      </c>
      <c r="J6" s="36" t="s">
        <v>95</v>
      </c>
      <c r="K6" s="525"/>
      <c r="L6" s="31" t="s">
        <v>43</v>
      </c>
      <c r="M6" s="32" t="s">
        <v>44</v>
      </c>
      <c r="N6" s="36" t="s">
        <v>45</v>
      </c>
      <c r="O6" s="33" t="s">
        <v>47</v>
      </c>
      <c r="P6" s="34" t="s">
        <v>48</v>
      </c>
      <c r="Q6" s="34" t="s">
        <v>49</v>
      </c>
      <c r="R6" s="35" t="s">
        <v>50</v>
      </c>
      <c r="S6" s="32" t="s">
        <v>51</v>
      </c>
      <c r="T6" s="36" t="s">
        <v>45</v>
      </c>
      <c r="U6" s="517"/>
      <c r="V6" s="15" t="s">
        <v>43</v>
      </c>
      <c r="W6" s="32" t="s">
        <v>44</v>
      </c>
      <c r="X6" s="36" t="s">
        <v>45</v>
      </c>
      <c r="Y6" s="15" t="s">
        <v>47</v>
      </c>
      <c r="Z6" s="34" t="s">
        <v>48</v>
      </c>
      <c r="AA6" s="34" t="s">
        <v>49</v>
      </c>
      <c r="AB6" s="35" t="s">
        <v>50</v>
      </c>
      <c r="AC6" s="32" t="s">
        <v>51</v>
      </c>
      <c r="AD6" s="36" t="s">
        <v>45</v>
      </c>
      <c r="AE6" s="517"/>
      <c r="AF6" s="31" t="s">
        <v>43</v>
      </c>
      <c r="AG6" s="32" t="s">
        <v>44</v>
      </c>
      <c r="AH6" s="36" t="s">
        <v>45</v>
      </c>
      <c r="AI6" s="15" t="s">
        <v>47</v>
      </c>
      <c r="AJ6" s="34" t="s">
        <v>48</v>
      </c>
      <c r="AK6" s="34" t="s">
        <v>49</v>
      </c>
      <c r="AL6" s="35" t="s">
        <v>50</v>
      </c>
      <c r="AM6" s="32" t="s">
        <v>51</v>
      </c>
      <c r="AN6" s="36" t="s">
        <v>45</v>
      </c>
      <c r="AO6" s="517"/>
      <c r="AP6" s="31" t="s">
        <v>43</v>
      </c>
      <c r="AQ6" s="32" t="s">
        <v>44</v>
      </c>
      <c r="AR6" s="36" t="s">
        <v>45</v>
      </c>
      <c r="AS6" s="33" t="s">
        <v>47</v>
      </c>
      <c r="AT6" s="34" t="s">
        <v>48</v>
      </c>
      <c r="AU6" s="34" t="s">
        <v>49</v>
      </c>
      <c r="AV6" s="35" t="s">
        <v>50</v>
      </c>
      <c r="AW6" s="32" t="s">
        <v>51</v>
      </c>
      <c r="AX6" s="36" t="s">
        <v>45</v>
      </c>
      <c r="AY6" s="525"/>
      <c r="AZ6" s="31" t="s">
        <v>43</v>
      </c>
      <c r="BA6" s="32" t="s">
        <v>44</v>
      </c>
      <c r="BB6" s="32" t="s">
        <v>45</v>
      </c>
      <c r="BC6" s="33" t="s">
        <v>47</v>
      </c>
      <c r="BD6" s="34" t="s">
        <v>48</v>
      </c>
      <c r="BE6" s="34" t="s">
        <v>49</v>
      </c>
      <c r="BF6" s="35" t="s">
        <v>50</v>
      </c>
      <c r="BG6" s="32" t="s">
        <v>51</v>
      </c>
      <c r="BH6" s="36" t="s">
        <v>45</v>
      </c>
      <c r="BI6" s="517"/>
      <c r="BJ6" s="31" t="s">
        <v>43</v>
      </c>
      <c r="BK6" s="32" t="s">
        <v>44</v>
      </c>
      <c r="BL6" s="32" t="s">
        <v>45</v>
      </c>
      <c r="BM6" s="33" t="s">
        <v>47</v>
      </c>
      <c r="BN6" s="34" t="s">
        <v>48</v>
      </c>
      <c r="BO6" s="34" t="s">
        <v>49</v>
      </c>
      <c r="BP6" s="35" t="s">
        <v>50</v>
      </c>
      <c r="BQ6" s="32" t="s">
        <v>51</v>
      </c>
      <c r="BR6" s="36" t="s">
        <v>45</v>
      </c>
      <c r="BS6" s="525"/>
      <c r="BT6" s="31" t="s">
        <v>43</v>
      </c>
      <c r="BU6" s="32" t="s">
        <v>44</v>
      </c>
      <c r="BV6" s="32" t="s">
        <v>45</v>
      </c>
      <c r="BW6" s="33" t="s">
        <v>47</v>
      </c>
      <c r="BX6" s="34" t="s">
        <v>48</v>
      </c>
      <c r="BY6" s="34" t="s">
        <v>49</v>
      </c>
      <c r="BZ6" s="35" t="s">
        <v>50</v>
      </c>
      <c r="CA6" s="32" t="s">
        <v>51</v>
      </c>
      <c r="CB6" s="36" t="s">
        <v>45</v>
      </c>
      <c r="CC6" s="517"/>
      <c r="CD6" s="15" t="s">
        <v>43</v>
      </c>
      <c r="CE6" s="32" t="s">
        <v>44</v>
      </c>
      <c r="CF6" s="32" t="s">
        <v>45</v>
      </c>
      <c r="CG6" s="33" t="s">
        <v>47</v>
      </c>
      <c r="CH6" s="34" t="s">
        <v>48</v>
      </c>
      <c r="CI6" s="34" t="s">
        <v>49</v>
      </c>
      <c r="CJ6" s="35" t="s">
        <v>50</v>
      </c>
      <c r="CK6" s="32" t="s">
        <v>51</v>
      </c>
      <c r="CL6" s="36" t="s">
        <v>45</v>
      </c>
      <c r="CM6" s="517"/>
      <c r="CN6" s="31" t="s">
        <v>43</v>
      </c>
      <c r="CO6" s="32" t="s">
        <v>44</v>
      </c>
      <c r="CP6" s="32" t="s">
        <v>45</v>
      </c>
      <c r="CQ6" s="33" t="s">
        <v>47</v>
      </c>
      <c r="CR6" s="34" t="s">
        <v>48</v>
      </c>
      <c r="CS6" s="34" t="s">
        <v>49</v>
      </c>
      <c r="CT6" s="35" t="s">
        <v>50</v>
      </c>
      <c r="CU6" s="32" t="s">
        <v>51</v>
      </c>
      <c r="CV6" s="36" t="s">
        <v>45</v>
      </c>
      <c r="CW6" s="525"/>
      <c r="CX6" s="31" t="s">
        <v>43</v>
      </c>
      <c r="CY6" s="32" t="s">
        <v>44</v>
      </c>
      <c r="CZ6" s="32" t="s">
        <v>45</v>
      </c>
      <c r="DA6" s="33" t="s">
        <v>47</v>
      </c>
      <c r="DB6" s="34" t="s">
        <v>48</v>
      </c>
      <c r="DC6" s="34" t="s">
        <v>49</v>
      </c>
      <c r="DD6" s="35" t="s">
        <v>50</v>
      </c>
      <c r="DE6" s="32" t="s">
        <v>51</v>
      </c>
      <c r="DF6" s="36" t="s">
        <v>45</v>
      </c>
      <c r="DG6" s="517"/>
      <c r="DH6" s="15" t="s">
        <v>43</v>
      </c>
      <c r="DI6" s="32" t="s">
        <v>44</v>
      </c>
      <c r="DJ6" s="32" t="s">
        <v>45</v>
      </c>
      <c r="DK6" s="33" t="s">
        <v>47</v>
      </c>
      <c r="DL6" s="34" t="s">
        <v>48</v>
      </c>
      <c r="DM6" s="34" t="s">
        <v>49</v>
      </c>
      <c r="DN6" s="35" t="s">
        <v>50</v>
      </c>
      <c r="DO6" s="32" t="s">
        <v>51</v>
      </c>
      <c r="DP6" s="36" t="s">
        <v>45</v>
      </c>
      <c r="DQ6" s="517"/>
      <c r="DR6" s="31" t="s">
        <v>43</v>
      </c>
      <c r="DS6" s="32" t="s">
        <v>44</v>
      </c>
      <c r="DT6" s="32" t="s">
        <v>45</v>
      </c>
      <c r="DU6" s="33" t="s">
        <v>47</v>
      </c>
      <c r="DV6" s="34" t="s">
        <v>48</v>
      </c>
      <c r="DW6" s="34" t="s">
        <v>49</v>
      </c>
      <c r="DX6" s="35" t="s">
        <v>50</v>
      </c>
      <c r="DY6" s="32" t="s">
        <v>51</v>
      </c>
      <c r="DZ6" s="36" t="s">
        <v>45</v>
      </c>
      <c r="EA6" s="517"/>
    </row>
    <row r="7" spans="1:132" ht="20.25" customHeight="1" x14ac:dyDescent="0.2">
      <c r="A7" s="346" t="s">
        <v>4</v>
      </c>
      <c r="B7" s="210">
        <v>0</v>
      </c>
      <c r="C7" s="211">
        <v>0</v>
      </c>
      <c r="D7" s="211">
        <v>0</v>
      </c>
      <c r="E7" s="212">
        <v>451</v>
      </c>
      <c r="F7" s="213">
        <v>1558</v>
      </c>
      <c r="G7" s="213">
        <v>9831</v>
      </c>
      <c r="H7" s="213">
        <v>14222</v>
      </c>
      <c r="I7" s="211">
        <v>10213</v>
      </c>
      <c r="J7" s="214">
        <v>36275</v>
      </c>
      <c r="K7" s="215">
        <v>36275</v>
      </c>
      <c r="L7" s="210">
        <v>0</v>
      </c>
      <c r="M7" s="211">
        <v>0</v>
      </c>
      <c r="N7" s="214">
        <v>0</v>
      </c>
      <c r="O7" s="212">
        <v>448</v>
      </c>
      <c r="P7" s="213">
        <v>1549</v>
      </c>
      <c r="Q7" s="213">
        <v>9756</v>
      </c>
      <c r="R7" s="213">
        <v>14097</v>
      </c>
      <c r="S7" s="211">
        <v>10064</v>
      </c>
      <c r="T7" s="214">
        <v>35914</v>
      </c>
      <c r="U7" s="216">
        <v>35914</v>
      </c>
      <c r="V7" s="217">
        <v>0</v>
      </c>
      <c r="W7" s="211">
        <v>0</v>
      </c>
      <c r="X7" s="214">
        <v>0</v>
      </c>
      <c r="Y7" s="217">
        <v>3</v>
      </c>
      <c r="Z7" s="213">
        <v>9</v>
      </c>
      <c r="AA7" s="213">
        <v>75</v>
      </c>
      <c r="AB7" s="213">
        <v>125</v>
      </c>
      <c r="AC7" s="211">
        <v>149</v>
      </c>
      <c r="AD7" s="214">
        <v>361</v>
      </c>
      <c r="AE7" s="218">
        <v>361</v>
      </c>
      <c r="AF7" s="217">
        <v>0</v>
      </c>
      <c r="AG7" s="211">
        <v>0</v>
      </c>
      <c r="AH7" s="214">
        <v>0</v>
      </c>
      <c r="AI7" s="217">
        <v>1818</v>
      </c>
      <c r="AJ7" s="213">
        <v>3577</v>
      </c>
      <c r="AK7" s="213">
        <v>4632</v>
      </c>
      <c r="AL7" s="213">
        <v>5457</v>
      </c>
      <c r="AM7" s="211">
        <v>2842</v>
      </c>
      <c r="AN7" s="214">
        <v>18326</v>
      </c>
      <c r="AO7" s="218">
        <v>18326</v>
      </c>
      <c r="AP7" s="217">
        <v>0</v>
      </c>
      <c r="AQ7" s="211">
        <v>0</v>
      </c>
      <c r="AR7" s="214">
        <v>0</v>
      </c>
      <c r="AS7" s="212">
        <v>1801</v>
      </c>
      <c r="AT7" s="213">
        <v>3541</v>
      </c>
      <c r="AU7" s="213">
        <v>4549</v>
      </c>
      <c r="AV7" s="213">
        <v>5355</v>
      </c>
      <c r="AW7" s="211">
        <v>2760</v>
      </c>
      <c r="AX7" s="214">
        <v>18006</v>
      </c>
      <c r="AY7" s="215">
        <v>18006</v>
      </c>
      <c r="AZ7" s="210">
        <v>0</v>
      </c>
      <c r="BA7" s="211">
        <v>0</v>
      </c>
      <c r="BB7" s="211">
        <v>0</v>
      </c>
      <c r="BC7" s="212">
        <v>17</v>
      </c>
      <c r="BD7" s="213">
        <v>36</v>
      </c>
      <c r="BE7" s="213">
        <v>83</v>
      </c>
      <c r="BF7" s="213">
        <v>102</v>
      </c>
      <c r="BG7" s="211">
        <v>82</v>
      </c>
      <c r="BH7" s="214">
        <v>320</v>
      </c>
      <c r="BI7" s="216">
        <v>320</v>
      </c>
      <c r="BJ7" s="217">
        <v>0</v>
      </c>
      <c r="BK7" s="211">
        <v>0</v>
      </c>
      <c r="BL7" s="211">
        <v>0</v>
      </c>
      <c r="BM7" s="212">
        <v>2</v>
      </c>
      <c r="BN7" s="213">
        <v>3</v>
      </c>
      <c r="BO7" s="213">
        <v>19</v>
      </c>
      <c r="BP7" s="213">
        <v>218</v>
      </c>
      <c r="BQ7" s="211">
        <v>299</v>
      </c>
      <c r="BR7" s="214">
        <v>541</v>
      </c>
      <c r="BS7" s="215">
        <v>541</v>
      </c>
      <c r="BT7" s="210">
        <v>0</v>
      </c>
      <c r="BU7" s="211">
        <v>0</v>
      </c>
      <c r="BV7" s="211">
        <v>0</v>
      </c>
      <c r="BW7" s="212">
        <v>2</v>
      </c>
      <c r="BX7" s="213">
        <v>3</v>
      </c>
      <c r="BY7" s="213">
        <v>19</v>
      </c>
      <c r="BZ7" s="213">
        <v>216</v>
      </c>
      <c r="CA7" s="211">
        <v>296</v>
      </c>
      <c r="CB7" s="214">
        <v>536</v>
      </c>
      <c r="CC7" s="216">
        <v>536</v>
      </c>
      <c r="CD7" s="217">
        <v>0</v>
      </c>
      <c r="CE7" s="211">
        <v>0</v>
      </c>
      <c r="CF7" s="211">
        <v>0</v>
      </c>
      <c r="CG7" s="212">
        <v>0</v>
      </c>
      <c r="CH7" s="213">
        <v>0</v>
      </c>
      <c r="CI7" s="213">
        <v>0</v>
      </c>
      <c r="CJ7" s="213">
        <v>2</v>
      </c>
      <c r="CK7" s="211">
        <v>3</v>
      </c>
      <c r="CL7" s="214">
        <v>5</v>
      </c>
      <c r="CM7" s="216">
        <v>5</v>
      </c>
      <c r="CN7" s="217">
        <v>0</v>
      </c>
      <c r="CO7" s="211">
        <v>0</v>
      </c>
      <c r="CP7" s="211">
        <v>0</v>
      </c>
      <c r="CQ7" s="212">
        <v>15</v>
      </c>
      <c r="CR7" s="213">
        <v>23</v>
      </c>
      <c r="CS7" s="213">
        <v>59</v>
      </c>
      <c r="CT7" s="213">
        <v>257</v>
      </c>
      <c r="CU7" s="211">
        <v>350</v>
      </c>
      <c r="CV7" s="214">
        <v>704</v>
      </c>
      <c r="CW7" s="215">
        <v>704</v>
      </c>
      <c r="CX7" s="210">
        <v>0</v>
      </c>
      <c r="CY7" s="211">
        <v>0</v>
      </c>
      <c r="CZ7" s="211">
        <v>0</v>
      </c>
      <c r="DA7" s="212">
        <v>14</v>
      </c>
      <c r="DB7" s="213">
        <v>22</v>
      </c>
      <c r="DC7" s="213">
        <v>59</v>
      </c>
      <c r="DD7" s="213">
        <v>253</v>
      </c>
      <c r="DE7" s="211">
        <v>340</v>
      </c>
      <c r="DF7" s="214">
        <v>688</v>
      </c>
      <c r="DG7" s="216">
        <v>688</v>
      </c>
      <c r="DH7" s="217">
        <v>0</v>
      </c>
      <c r="DI7" s="211">
        <v>0</v>
      </c>
      <c r="DJ7" s="211">
        <v>0</v>
      </c>
      <c r="DK7" s="212">
        <v>1</v>
      </c>
      <c r="DL7" s="213">
        <v>1</v>
      </c>
      <c r="DM7" s="213">
        <v>0</v>
      </c>
      <c r="DN7" s="213">
        <v>4</v>
      </c>
      <c r="DO7" s="211">
        <v>10</v>
      </c>
      <c r="DP7" s="214">
        <v>16</v>
      </c>
      <c r="DQ7" s="216">
        <v>16</v>
      </c>
      <c r="DR7" s="217">
        <v>0</v>
      </c>
      <c r="DS7" s="211">
        <v>0</v>
      </c>
      <c r="DT7" s="211">
        <v>0</v>
      </c>
      <c r="DU7" s="212">
        <v>2285</v>
      </c>
      <c r="DV7" s="213">
        <v>5161</v>
      </c>
      <c r="DW7" s="213">
        <v>14521</v>
      </c>
      <c r="DX7" s="213">
        <v>20116</v>
      </c>
      <c r="DY7" s="211">
        <v>13689</v>
      </c>
      <c r="DZ7" s="214">
        <v>55772</v>
      </c>
      <c r="EA7" s="216">
        <v>55772</v>
      </c>
      <c r="EB7" s="37"/>
    </row>
    <row r="8" spans="1:132" ht="20.25" customHeight="1" x14ac:dyDescent="0.2">
      <c r="A8" s="63" t="s">
        <v>5</v>
      </c>
      <c r="B8" s="219">
        <v>0</v>
      </c>
      <c r="C8" s="220">
        <v>0</v>
      </c>
      <c r="D8" s="220">
        <v>0</v>
      </c>
      <c r="E8" s="221">
        <v>222</v>
      </c>
      <c r="F8" s="222">
        <v>914</v>
      </c>
      <c r="G8" s="222">
        <v>4210</v>
      </c>
      <c r="H8" s="222">
        <v>5940</v>
      </c>
      <c r="I8" s="220">
        <v>4444</v>
      </c>
      <c r="J8" s="223">
        <v>15730</v>
      </c>
      <c r="K8" s="224">
        <v>15730</v>
      </c>
      <c r="L8" s="219">
        <v>0</v>
      </c>
      <c r="M8" s="220">
        <v>0</v>
      </c>
      <c r="N8" s="223">
        <v>0</v>
      </c>
      <c r="O8" s="221">
        <v>219</v>
      </c>
      <c r="P8" s="222">
        <v>909</v>
      </c>
      <c r="Q8" s="222">
        <v>4173</v>
      </c>
      <c r="R8" s="222">
        <v>5877</v>
      </c>
      <c r="S8" s="220">
        <v>4367</v>
      </c>
      <c r="T8" s="223">
        <v>15545</v>
      </c>
      <c r="U8" s="225">
        <v>15545</v>
      </c>
      <c r="V8" s="226">
        <v>0</v>
      </c>
      <c r="W8" s="220">
        <v>0</v>
      </c>
      <c r="X8" s="223">
        <v>0</v>
      </c>
      <c r="Y8" s="226">
        <v>3</v>
      </c>
      <c r="Z8" s="222">
        <v>5</v>
      </c>
      <c r="AA8" s="222">
        <v>37</v>
      </c>
      <c r="AB8" s="222">
        <v>63</v>
      </c>
      <c r="AC8" s="220">
        <v>77</v>
      </c>
      <c r="AD8" s="223">
        <v>185</v>
      </c>
      <c r="AE8" s="227">
        <v>185</v>
      </c>
      <c r="AF8" s="226">
        <v>0</v>
      </c>
      <c r="AG8" s="220">
        <v>0</v>
      </c>
      <c r="AH8" s="223">
        <v>0</v>
      </c>
      <c r="AI8" s="226">
        <v>664</v>
      </c>
      <c r="AJ8" s="222">
        <v>1622</v>
      </c>
      <c r="AK8" s="222">
        <v>2003</v>
      </c>
      <c r="AL8" s="222">
        <v>2408</v>
      </c>
      <c r="AM8" s="220">
        <v>1358</v>
      </c>
      <c r="AN8" s="223">
        <v>8055</v>
      </c>
      <c r="AO8" s="227">
        <v>8055</v>
      </c>
      <c r="AP8" s="226">
        <v>0</v>
      </c>
      <c r="AQ8" s="220">
        <v>0</v>
      </c>
      <c r="AR8" s="223">
        <v>0</v>
      </c>
      <c r="AS8" s="221">
        <v>659</v>
      </c>
      <c r="AT8" s="222">
        <v>1605</v>
      </c>
      <c r="AU8" s="222">
        <v>1971</v>
      </c>
      <c r="AV8" s="222">
        <v>2373</v>
      </c>
      <c r="AW8" s="220">
        <v>1322</v>
      </c>
      <c r="AX8" s="223">
        <v>7930</v>
      </c>
      <c r="AY8" s="224">
        <v>7930</v>
      </c>
      <c r="AZ8" s="219">
        <v>0</v>
      </c>
      <c r="BA8" s="220">
        <v>0</v>
      </c>
      <c r="BB8" s="220">
        <v>0</v>
      </c>
      <c r="BC8" s="221">
        <v>5</v>
      </c>
      <c r="BD8" s="222">
        <v>17</v>
      </c>
      <c r="BE8" s="222">
        <v>32</v>
      </c>
      <c r="BF8" s="222">
        <v>35</v>
      </c>
      <c r="BG8" s="220">
        <v>36</v>
      </c>
      <c r="BH8" s="223">
        <v>125</v>
      </c>
      <c r="BI8" s="225">
        <v>125</v>
      </c>
      <c r="BJ8" s="226">
        <v>0</v>
      </c>
      <c r="BK8" s="220">
        <v>0</v>
      </c>
      <c r="BL8" s="220">
        <v>0</v>
      </c>
      <c r="BM8" s="221">
        <v>0</v>
      </c>
      <c r="BN8" s="222">
        <v>3</v>
      </c>
      <c r="BO8" s="222">
        <v>6</v>
      </c>
      <c r="BP8" s="222">
        <v>60</v>
      </c>
      <c r="BQ8" s="220">
        <v>98</v>
      </c>
      <c r="BR8" s="223">
        <v>167</v>
      </c>
      <c r="BS8" s="224">
        <v>167</v>
      </c>
      <c r="BT8" s="219">
        <v>0</v>
      </c>
      <c r="BU8" s="220">
        <v>0</v>
      </c>
      <c r="BV8" s="220">
        <v>0</v>
      </c>
      <c r="BW8" s="221">
        <v>0</v>
      </c>
      <c r="BX8" s="222">
        <v>3</v>
      </c>
      <c r="BY8" s="222">
        <v>6</v>
      </c>
      <c r="BZ8" s="222">
        <v>59</v>
      </c>
      <c r="CA8" s="220">
        <v>97</v>
      </c>
      <c r="CB8" s="223">
        <v>165</v>
      </c>
      <c r="CC8" s="225">
        <v>165</v>
      </c>
      <c r="CD8" s="226">
        <v>0</v>
      </c>
      <c r="CE8" s="220">
        <v>0</v>
      </c>
      <c r="CF8" s="220">
        <v>0</v>
      </c>
      <c r="CG8" s="221">
        <v>0</v>
      </c>
      <c r="CH8" s="222">
        <v>0</v>
      </c>
      <c r="CI8" s="222">
        <v>0</v>
      </c>
      <c r="CJ8" s="222">
        <v>1</v>
      </c>
      <c r="CK8" s="220">
        <v>1</v>
      </c>
      <c r="CL8" s="223">
        <v>2</v>
      </c>
      <c r="CM8" s="225">
        <v>2</v>
      </c>
      <c r="CN8" s="226">
        <v>0</v>
      </c>
      <c r="CO8" s="220">
        <v>0</v>
      </c>
      <c r="CP8" s="220">
        <v>0</v>
      </c>
      <c r="CQ8" s="221">
        <v>2</v>
      </c>
      <c r="CR8" s="222">
        <v>7</v>
      </c>
      <c r="CS8" s="222">
        <v>13</v>
      </c>
      <c r="CT8" s="222">
        <v>81</v>
      </c>
      <c r="CU8" s="220">
        <v>90</v>
      </c>
      <c r="CV8" s="223">
        <v>193</v>
      </c>
      <c r="CW8" s="224">
        <v>193</v>
      </c>
      <c r="CX8" s="219">
        <v>0</v>
      </c>
      <c r="CY8" s="220">
        <v>0</v>
      </c>
      <c r="CZ8" s="220">
        <v>0</v>
      </c>
      <c r="DA8" s="221">
        <v>2</v>
      </c>
      <c r="DB8" s="222">
        <v>7</v>
      </c>
      <c r="DC8" s="222">
        <v>13</v>
      </c>
      <c r="DD8" s="222">
        <v>79</v>
      </c>
      <c r="DE8" s="220">
        <v>88</v>
      </c>
      <c r="DF8" s="223">
        <v>189</v>
      </c>
      <c r="DG8" s="225">
        <v>189</v>
      </c>
      <c r="DH8" s="226">
        <v>0</v>
      </c>
      <c r="DI8" s="220">
        <v>0</v>
      </c>
      <c r="DJ8" s="220">
        <v>0</v>
      </c>
      <c r="DK8" s="221">
        <v>0</v>
      </c>
      <c r="DL8" s="222">
        <v>0</v>
      </c>
      <c r="DM8" s="222">
        <v>0</v>
      </c>
      <c r="DN8" s="222">
        <v>2</v>
      </c>
      <c r="DO8" s="220">
        <v>2</v>
      </c>
      <c r="DP8" s="223">
        <v>4</v>
      </c>
      <c r="DQ8" s="225">
        <v>4</v>
      </c>
      <c r="DR8" s="226">
        <v>0</v>
      </c>
      <c r="DS8" s="220">
        <v>0</v>
      </c>
      <c r="DT8" s="220">
        <v>0</v>
      </c>
      <c r="DU8" s="221">
        <v>888</v>
      </c>
      <c r="DV8" s="222">
        <v>2546</v>
      </c>
      <c r="DW8" s="222">
        <v>6232</v>
      </c>
      <c r="DX8" s="222">
        <v>8489</v>
      </c>
      <c r="DY8" s="220">
        <v>5990</v>
      </c>
      <c r="DZ8" s="223">
        <v>24145</v>
      </c>
      <c r="EA8" s="225">
        <v>24145</v>
      </c>
      <c r="EB8" s="37"/>
    </row>
    <row r="9" spans="1:132" ht="20.25" customHeight="1" x14ac:dyDescent="0.2">
      <c r="A9" s="63" t="s">
        <v>6</v>
      </c>
      <c r="B9" s="219">
        <v>0</v>
      </c>
      <c r="C9" s="220">
        <v>0</v>
      </c>
      <c r="D9" s="220">
        <v>0</v>
      </c>
      <c r="E9" s="221">
        <v>79</v>
      </c>
      <c r="F9" s="222">
        <v>201</v>
      </c>
      <c r="G9" s="222">
        <v>1218</v>
      </c>
      <c r="H9" s="222">
        <v>1653</v>
      </c>
      <c r="I9" s="220">
        <v>1270</v>
      </c>
      <c r="J9" s="223">
        <v>4421</v>
      </c>
      <c r="K9" s="224">
        <v>4421</v>
      </c>
      <c r="L9" s="219">
        <v>0</v>
      </c>
      <c r="M9" s="220">
        <v>0</v>
      </c>
      <c r="N9" s="223">
        <v>0</v>
      </c>
      <c r="O9" s="221">
        <v>79</v>
      </c>
      <c r="P9" s="222">
        <v>200</v>
      </c>
      <c r="Q9" s="222">
        <v>1205</v>
      </c>
      <c r="R9" s="222">
        <v>1638</v>
      </c>
      <c r="S9" s="220">
        <v>1260</v>
      </c>
      <c r="T9" s="223">
        <v>4382</v>
      </c>
      <c r="U9" s="225">
        <v>4382</v>
      </c>
      <c r="V9" s="226">
        <v>0</v>
      </c>
      <c r="W9" s="220">
        <v>0</v>
      </c>
      <c r="X9" s="223">
        <v>0</v>
      </c>
      <c r="Y9" s="226">
        <v>0</v>
      </c>
      <c r="Z9" s="222">
        <v>1</v>
      </c>
      <c r="AA9" s="222">
        <v>13</v>
      </c>
      <c r="AB9" s="222">
        <v>15</v>
      </c>
      <c r="AC9" s="220">
        <v>10</v>
      </c>
      <c r="AD9" s="223">
        <v>39</v>
      </c>
      <c r="AE9" s="227">
        <v>39</v>
      </c>
      <c r="AF9" s="226">
        <v>0</v>
      </c>
      <c r="AG9" s="220">
        <v>0</v>
      </c>
      <c r="AH9" s="223">
        <v>0</v>
      </c>
      <c r="AI9" s="226">
        <v>221</v>
      </c>
      <c r="AJ9" s="222">
        <v>333</v>
      </c>
      <c r="AK9" s="222">
        <v>476</v>
      </c>
      <c r="AL9" s="222">
        <v>674</v>
      </c>
      <c r="AM9" s="220">
        <v>331</v>
      </c>
      <c r="AN9" s="223">
        <v>2035</v>
      </c>
      <c r="AO9" s="227">
        <v>2035</v>
      </c>
      <c r="AP9" s="226">
        <v>0</v>
      </c>
      <c r="AQ9" s="220">
        <v>0</v>
      </c>
      <c r="AR9" s="223">
        <v>0</v>
      </c>
      <c r="AS9" s="221">
        <v>216</v>
      </c>
      <c r="AT9" s="222">
        <v>330</v>
      </c>
      <c r="AU9" s="222">
        <v>470</v>
      </c>
      <c r="AV9" s="222">
        <v>652</v>
      </c>
      <c r="AW9" s="220">
        <v>316</v>
      </c>
      <c r="AX9" s="223">
        <v>1984</v>
      </c>
      <c r="AY9" s="224">
        <v>1984</v>
      </c>
      <c r="AZ9" s="219">
        <v>0</v>
      </c>
      <c r="BA9" s="220">
        <v>0</v>
      </c>
      <c r="BB9" s="220">
        <v>0</v>
      </c>
      <c r="BC9" s="221">
        <v>5</v>
      </c>
      <c r="BD9" s="222">
        <v>3</v>
      </c>
      <c r="BE9" s="222">
        <v>6</v>
      </c>
      <c r="BF9" s="222">
        <v>22</v>
      </c>
      <c r="BG9" s="220">
        <v>15</v>
      </c>
      <c r="BH9" s="223">
        <v>51</v>
      </c>
      <c r="BI9" s="225">
        <v>51</v>
      </c>
      <c r="BJ9" s="226">
        <v>0</v>
      </c>
      <c r="BK9" s="220">
        <v>0</v>
      </c>
      <c r="BL9" s="220">
        <v>0</v>
      </c>
      <c r="BM9" s="221">
        <v>2</v>
      </c>
      <c r="BN9" s="222">
        <v>0</v>
      </c>
      <c r="BO9" s="222">
        <v>9</v>
      </c>
      <c r="BP9" s="222">
        <v>70</v>
      </c>
      <c r="BQ9" s="220">
        <v>93</v>
      </c>
      <c r="BR9" s="223">
        <v>174</v>
      </c>
      <c r="BS9" s="224">
        <v>174</v>
      </c>
      <c r="BT9" s="219">
        <v>0</v>
      </c>
      <c r="BU9" s="220">
        <v>0</v>
      </c>
      <c r="BV9" s="220">
        <v>0</v>
      </c>
      <c r="BW9" s="221">
        <v>2</v>
      </c>
      <c r="BX9" s="222">
        <v>0</v>
      </c>
      <c r="BY9" s="222">
        <v>9</v>
      </c>
      <c r="BZ9" s="222">
        <v>69</v>
      </c>
      <c r="CA9" s="220">
        <v>91</v>
      </c>
      <c r="CB9" s="223">
        <v>171</v>
      </c>
      <c r="CC9" s="225">
        <v>171</v>
      </c>
      <c r="CD9" s="226">
        <v>0</v>
      </c>
      <c r="CE9" s="220">
        <v>0</v>
      </c>
      <c r="CF9" s="220">
        <v>0</v>
      </c>
      <c r="CG9" s="221">
        <v>0</v>
      </c>
      <c r="CH9" s="222">
        <v>0</v>
      </c>
      <c r="CI9" s="222">
        <v>0</v>
      </c>
      <c r="CJ9" s="222">
        <v>1</v>
      </c>
      <c r="CK9" s="220">
        <v>2</v>
      </c>
      <c r="CL9" s="223">
        <v>3</v>
      </c>
      <c r="CM9" s="225">
        <v>3</v>
      </c>
      <c r="CN9" s="226">
        <v>0</v>
      </c>
      <c r="CO9" s="220">
        <v>0</v>
      </c>
      <c r="CP9" s="220">
        <v>0</v>
      </c>
      <c r="CQ9" s="221">
        <v>0</v>
      </c>
      <c r="CR9" s="222">
        <v>1</v>
      </c>
      <c r="CS9" s="222">
        <v>4</v>
      </c>
      <c r="CT9" s="222">
        <v>36</v>
      </c>
      <c r="CU9" s="220">
        <v>55</v>
      </c>
      <c r="CV9" s="223">
        <v>96</v>
      </c>
      <c r="CW9" s="224">
        <v>96</v>
      </c>
      <c r="CX9" s="219">
        <v>0</v>
      </c>
      <c r="CY9" s="220">
        <v>0</v>
      </c>
      <c r="CZ9" s="220">
        <v>0</v>
      </c>
      <c r="DA9" s="221">
        <v>0</v>
      </c>
      <c r="DB9" s="222">
        <v>1</v>
      </c>
      <c r="DC9" s="222">
        <v>4</v>
      </c>
      <c r="DD9" s="222">
        <v>35</v>
      </c>
      <c r="DE9" s="220">
        <v>55</v>
      </c>
      <c r="DF9" s="223">
        <v>95</v>
      </c>
      <c r="DG9" s="225">
        <v>95</v>
      </c>
      <c r="DH9" s="226">
        <v>0</v>
      </c>
      <c r="DI9" s="220">
        <v>0</v>
      </c>
      <c r="DJ9" s="220">
        <v>0</v>
      </c>
      <c r="DK9" s="221">
        <v>0</v>
      </c>
      <c r="DL9" s="222">
        <v>0</v>
      </c>
      <c r="DM9" s="222">
        <v>0</v>
      </c>
      <c r="DN9" s="222">
        <v>1</v>
      </c>
      <c r="DO9" s="220">
        <v>0</v>
      </c>
      <c r="DP9" s="223">
        <v>1</v>
      </c>
      <c r="DQ9" s="225">
        <v>1</v>
      </c>
      <c r="DR9" s="226">
        <v>0</v>
      </c>
      <c r="DS9" s="220">
        <v>0</v>
      </c>
      <c r="DT9" s="220">
        <v>0</v>
      </c>
      <c r="DU9" s="221">
        <v>302</v>
      </c>
      <c r="DV9" s="222">
        <v>535</v>
      </c>
      <c r="DW9" s="222">
        <v>1707</v>
      </c>
      <c r="DX9" s="222">
        <v>2433</v>
      </c>
      <c r="DY9" s="220">
        <v>1749</v>
      </c>
      <c r="DZ9" s="223">
        <v>6726</v>
      </c>
      <c r="EA9" s="225">
        <v>6726</v>
      </c>
      <c r="EB9" s="37"/>
    </row>
    <row r="10" spans="1:132" ht="20.25" customHeight="1" x14ac:dyDescent="0.2">
      <c r="A10" s="63" t="s">
        <v>14</v>
      </c>
      <c r="B10" s="219">
        <v>0</v>
      </c>
      <c r="C10" s="220">
        <v>0</v>
      </c>
      <c r="D10" s="220">
        <v>0</v>
      </c>
      <c r="E10" s="221">
        <v>12</v>
      </c>
      <c r="F10" s="222">
        <v>63</v>
      </c>
      <c r="G10" s="222">
        <v>863</v>
      </c>
      <c r="H10" s="222">
        <v>1231</v>
      </c>
      <c r="I10" s="220">
        <v>739</v>
      </c>
      <c r="J10" s="223">
        <v>2908</v>
      </c>
      <c r="K10" s="224">
        <v>2908</v>
      </c>
      <c r="L10" s="219">
        <v>0</v>
      </c>
      <c r="M10" s="220">
        <v>0</v>
      </c>
      <c r="N10" s="223">
        <v>0</v>
      </c>
      <c r="O10" s="221">
        <v>12</v>
      </c>
      <c r="P10" s="222">
        <v>62</v>
      </c>
      <c r="Q10" s="222">
        <v>861</v>
      </c>
      <c r="R10" s="222">
        <v>1223</v>
      </c>
      <c r="S10" s="220">
        <v>731</v>
      </c>
      <c r="T10" s="223">
        <v>2889</v>
      </c>
      <c r="U10" s="225">
        <v>2889</v>
      </c>
      <c r="V10" s="226">
        <v>0</v>
      </c>
      <c r="W10" s="220">
        <v>0</v>
      </c>
      <c r="X10" s="223">
        <v>0</v>
      </c>
      <c r="Y10" s="226">
        <v>0</v>
      </c>
      <c r="Z10" s="222">
        <v>1</v>
      </c>
      <c r="AA10" s="222">
        <v>2</v>
      </c>
      <c r="AB10" s="222">
        <v>8</v>
      </c>
      <c r="AC10" s="220">
        <v>8</v>
      </c>
      <c r="AD10" s="223">
        <v>19</v>
      </c>
      <c r="AE10" s="227">
        <v>19</v>
      </c>
      <c r="AF10" s="226">
        <v>0</v>
      </c>
      <c r="AG10" s="220">
        <v>0</v>
      </c>
      <c r="AH10" s="223">
        <v>0</v>
      </c>
      <c r="AI10" s="226">
        <v>92</v>
      </c>
      <c r="AJ10" s="222">
        <v>219</v>
      </c>
      <c r="AK10" s="222">
        <v>318</v>
      </c>
      <c r="AL10" s="222">
        <v>344</v>
      </c>
      <c r="AM10" s="220">
        <v>185</v>
      </c>
      <c r="AN10" s="223">
        <v>1158</v>
      </c>
      <c r="AO10" s="227">
        <v>1158</v>
      </c>
      <c r="AP10" s="226">
        <v>0</v>
      </c>
      <c r="AQ10" s="220">
        <v>0</v>
      </c>
      <c r="AR10" s="223">
        <v>0</v>
      </c>
      <c r="AS10" s="221">
        <v>91</v>
      </c>
      <c r="AT10" s="222">
        <v>217</v>
      </c>
      <c r="AU10" s="222">
        <v>313</v>
      </c>
      <c r="AV10" s="222">
        <v>340</v>
      </c>
      <c r="AW10" s="220">
        <v>178</v>
      </c>
      <c r="AX10" s="223">
        <v>1139</v>
      </c>
      <c r="AY10" s="224">
        <v>1139</v>
      </c>
      <c r="AZ10" s="219">
        <v>0</v>
      </c>
      <c r="BA10" s="220">
        <v>0</v>
      </c>
      <c r="BB10" s="220">
        <v>0</v>
      </c>
      <c r="BC10" s="221">
        <v>1</v>
      </c>
      <c r="BD10" s="222">
        <v>2</v>
      </c>
      <c r="BE10" s="222">
        <v>5</v>
      </c>
      <c r="BF10" s="222">
        <v>4</v>
      </c>
      <c r="BG10" s="220">
        <v>7</v>
      </c>
      <c r="BH10" s="223">
        <v>19</v>
      </c>
      <c r="BI10" s="225">
        <v>19</v>
      </c>
      <c r="BJ10" s="226">
        <v>0</v>
      </c>
      <c r="BK10" s="220">
        <v>0</v>
      </c>
      <c r="BL10" s="220">
        <v>0</v>
      </c>
      <c r="BM10" s="221">
        <v>0</v>
      </c>
      <c r="BN10" s="222">
        <v>0</v>
      </c>
      <c r="BO10" s="222">
        <v>0</v>
      </c>
      <c r="BP10" s="222">
        <v>41</v>
      </c>
      <c r="BQ10" s="220">
        <v>38</v>
      </c>
      <c r="BR10" s="223">
        <v>79</v>
      </c>
      <c r="BS10" s="224">
        <v>79</v>
      </c>
      <c r="BT10" s="219">
        <v>0</v>
      </c>
      <c r="BU10" s="220">
        <v>0</v>
      </c>
      <c r="BV10" s="220">
        <v>0</v>
      </c>
      <c r="BW10" s="221">
        <v>0</v>
      </c>
      <c r="BX10" s="222">
        <v>0</v>
      </c>
      <c r="BY10" s="222">
        <v>0</v>
      </c>
      <c r="BZ10" s="222">
        <v>41</v>
      </c>
      <c r="CA10" s="220">
        <v>38</v>
      </c>
      <c r="CB10" s="223">
        <v>79</v>
      </c>
      <c r="CC10" s="225">
        <v>79</v>
      </c>
      <c r="CD10" s="226">
        <v>0</v>
      </c>
      <c r="CE10" s="220">
        <v>0</v>
      </c>
      <c r="CF10" s="220">
        <v>0</v>
      </c>
      <c r="CG10" s="221">
        <v>0</v>
      </c>
      <c r="CH10" s="222">
        <v>0</v>
      </c>
      <c r="CI10" s="222">
        <v>0</v>
      </c>
      <c r="CJ10" s="222">
        <v>0</v>
      </c>
      <c r="CK10" s="220">
        <v>0</v>
      </c>
      <c r="CL10" s="223">
        <v>0</v>
      </c>
      <c r="CM10" s="225">
        <v>0</v>
      </c>
      <c r="CN10" s="226">
        <v>0</v>
      </c>
      <c r="CO10" s="220">
        <v>0</v>
      </c>
      <c r="CP10" s="220">
        <v>0</v>
      </c>
      <c r="CQ10" s="221">
        <v>0</v>
      </c>
      <c r="CR10" s="222">
        <v>0</v>
      </c>
      <c r="CS10" s="222">
        <v>6</v>
      </c>
      <c r="CT10" s="222">
        <v>58</v>
      </c>
      <c r="CU10" s="220">
        <v>60</v>
      </c>
      <c r="CV10" s="223">
        <v>124</v>
      </c>
      <c r="CW10" s="224">
        <v>124</v>
      </c>
      <c r="CX10" s="219">
        <v>0</v>
      </c>
      <c r="CY10" s="220">
        <v>0</v>
      </c>
      <c r="CZ10" s="220">
        <v>0</v>
      </c>
      <c r="DA10" s="221">
        <v>0</v>
      </c>
      <c r="DB10" s="222">
        <v>0</v>
      </c>
      <c r="DC10" s="222">
        <v>6</v>
      </c>
      <c r="DD10" s="222">
        <v>58</v>
      </c>
      <c r="DE10" s="220">
        <v>58</v>
      </c>
      <c r="DF10" s="223">
        <v>122</v>
      </c>
      <c r="DG10" s="225">
        <v>122</v>
      </c>
      <c r="DH10" s="226">
        <v>0</v>
      </c>
      <c r="DI10" s="220">
        <v>0</v>
      </c>
      <c r="DJ10" s="220">
        <v>0</v>
      </c>
      <c r="DK10" s="221">
        <v>0</v>
      </c>
      <c r="DL10" s="222">
        <v>0</v>
      </c>
      <c r="DM10" s="222">
        <v>0</v>
      </c>
      <c r="DN10" s="222">
        <v>0</v>
      </c>
      <c r="DO10" s="220">
        <v>2</v>
      </c>
      <c r="DP10" s="223">
        <v>2</v>
      </c>
      <c r="DQ10" s="225">
        <v>2</v>
      </c>
      <c r="DR10" s="226">
        <v>0</v>
      </c>
      <c r="DS10" s="220">
        <v>0</v>
      </c>
      <c r="DT10" s="220">
        <v>0</v>
      </c>
      <c r="DU10" s="221">
        <v>104</v>
      </c>
      <c r="DV10" s="222">
        <v>282</v>
      </c>
      <c r="DW10" s="222">
        <v>1181</v>
      </c>
      <c r="DX10" s="222">
        <v>1670</v>
      </c>
      <c r="DY10" s="220">
        <v>1022</v>
      </c>
      <c r="DZ10" s="223">
        <v>4259</v>
      </c>
      <c r="EA10" s="225">
        <v>4259</v>
      </c>
      <c r="EB10" s="37"/>
    </row>
    <row r="11" spans="1:132" ht="20.25" customHeight="1" x14ac:dyDescent="0.2">
      <c r="A11" s="63" t="s">
        <v>7</v>
      </c>
      <c r="B11" s="219">
        <v>0</v>
      </c>
      <c r="C11" s="220">
        <v>0</v>
      </c>
      <c r="D11" s="220">
        <v>0</v>
      </c>
      <c r="E11" s="221">
        <v>19</v>
      </c>
      <c r="F11" s="222">
        <v>60</v>
      </c>
      <c r="G11" s="222">
        <v>541</v>
      </c>
      <c r="H11" s="222">
        <v>953</v>
      </c>
      <c r="I11" s="220">
        <v>605</v>
      </c>
      <c r="J11" s="223">
        <v>2178</v>
      </c>
      <c r="K11" s="224">
        <v>2178</v>
      </c>
      <c r="L11" s="219">
        <v>0</v>
      </c>
      <c r="M11" s="220">
        <v>0</v>
      </c>
      <c r="N11" s="223">
        <v>0</v>
      </c>
      <c r="O11" s="221">
        <v>19</v>
      </c>
      <c r="P11" s="222">
        <v>59</v>
      </c>
      <c r="Q11" s="222">
        <v>536</v>
      </c>
      <c r="R11" s="222">
        <v>942</v>
      </c>
      <c r="S11" s="220">
        <v>594</v>
      </c>
      <c r="T11" s="223">
        <v>2150</v>
      </c>
      <c r="U11" s="225">
        <v>2150</v>
      </c>
      <c r="V11" s="226">
        <v>0</v>
      </c>
      <c r="W11" s="220">
        <v>0</v>
      </c>
      <c r="X11" s="223">
        <v>0</v>
      </c>
      <c r="Y11" s="226">
        <v>0</v>
      </c>
      <c r="Z11" s="222">
        <v>1</v>
      </c>
      <c r="AA11" s="222">
        <v>5</v>
      </c>
      <c r="AB11" s="222">
        <v>11</v>
      </c>
      <c r="AC11" s="220">
        <v>11</v>
      </c>
      <c r="AD11" s="223">
        <v>28</v>
      </c>
      <c r="AE11" s="227">
        <v>28</v>
      </c>
      <c r="AF11" s="226">
        <v>0</v>
      </c>
      <c r="AG11" s="220">
        <v>0</v>
      </c>
      <c r="AH11" s="223">
        <v>0</v>
      </c>
      <c r="AI11" s="226">
        <v>161</v>
      </c>
      <c r="AJ11" s="222">
        <v>236</v>
      </c>
      <c r="AK11" s="222">
        <v>255</v>
      </c>
      <c r="AL11" s="222">
        <v>290</v>
      </c>
      <c r="AM11" s="220">
        <v>117</v>
      </c>
      <c r="AN11" s="223">
        <v>1059</v>
      </c>
      <c r="AO11" s="227">
        <v>1059</v>
      </c>
      <c r="AP11" s="226">
        <v>0</v>
      </c>
      <c r="AQ11" s="220">
        <v>0</v>
      </c>
      <c r="AR11" s="223">
        <v>0</v>
      </c>
      <c r="AS11" s="221">
        <v>160</v>
      </c>
      <c r="AT11" s="222">
        <v>234</v>
      </c>
      <c r="AU11" s="222">
        <v>248</v>
      </c>
      <c r="AV11" s="222">
        <v>284</v>
      </c>
      <c r="AW11" s="220">
        <v>115</v>
      </c>
      <c r="AX11" s="223">
        <v>1041</v>
      </c>
      <c r="AY11" s="224">
        <v>1041</v>
      </c>
      <c r="AZ11" s="219">
        <v>0</v>
      </c>
      <c r="BA11" s="220">
        <v>0</v>
      </c>
      <c r="BB11" s="220">
        <v>0</v>
      </c>
      <c r="BC11" s="221">
        <v>1</v>
      </c>
      <c r="BD11" s="222">
        <v>2</v>
      </c>
      <c r="BE11" s="222">
        <v>7</v>
      </c>
      <c r="BF11" s="222">
        <v>6</v>
      </c>
      <c r="BG11" s="220">
        <v>2</v>
      </c>
      <c r="BH11" s="223">
        <v>18</v>
      </c>
      <c r="BI11" s="225">
        <v>18</v>
      </c>
      <c r="BJ11" s="226">
        <v>0</v>
      </c>
      <c r="BK11" s="220">
        <v>0</v>
      </c>
      <c r="BL11" s="220">
        <v>0</v>
      </c>
      <c r="BM11" s="221">
        <v>0</v>
      </c>
      <c r="BN11" s="222">
        <v>0</v>
      </c>
      <c r="BO11" s="222">
        <v>0</v>
      </c>
      <c r="BP11" s="222">
        <v>4</v>
      </c>
      <c r="BQ11" s="220">
        <v>5</v>
      </c>
      <c r="BR11" s="223">
        <v>9</v>
      </c>
      <c r="BS11" s="224">
        <v>9</v>
      </c>
      <c r="BT11" s="219">
        <v>0</v>
      </c>
      <c r="BU11" s="220">
        <v>0</v>
      </c>
      <c r="BV11" s="220">
        <v>0</v>
      </c>
      <c r="BW11" s="221">
        <v>0</v>
      </c>
      <c r="BX11" s="222">
        <v>0</v>
      </c>
      <c r="BY11" s="222">
        <v>0</v>
      </c>
      <c r="BZ11" s="222">
        <v>4</v>
      </c>
      <c r="CA11" s="220">
        <v>5</v>
      </c>
      <c r="CB11" s="223">
        <v>9</v>
      </c>
      <c r="CC11" s="225">
        <v>9</v>
      </c>
      <c r="CD11" s="226">
        <v>0</v>
      </c>
      <c r="CE11" s="220">
        <v>0</v>
      </c>
      <c r="CF11" s="220">
        <v>0</v>
      </c>
      <c r="CG11" s="221">
        <v>0</v>
      </c>
      <c r="CH11" s="222">
        <v>0</v>
      </c>
      <c r="CI11" s="222">
        <v>0</v>
      </c>
      <c r="CJ11" s="222">
        <v>0</v>
      </c>
      <c r="CK11" s="220">
        <v>0</v>
      </c>
      <c r="CL11" s="223">
        <v>0</v>
      </c>
      <c r="CM11" s="225">
        <v>0</v>
      </c>
      <c r="CN11" s="226">
        <v>0</v>
      </c>
      <c r="CO11" s="220">
        <v>0</v>
      </c>
      <c r="CP11" s="220">
        <v>0</v>
      </c>
      <c r="CQ11" s="221">
        <v>0</v>
      </c>
      <c r="CR11" s="222">
        <v>0</v>
      </c>
      <c r="CS11" s="222">
        <v>1</v>
      </c>
      <c r="CT11" s="222">
        <v>1</v>
      </c>
      <c r="CU11" s="220">
        <v>4</v>
      </c>
      <c r="CV11" s="223">
        <v>6</v>
      </c>
      <c r="CW11" s="224">
        <v>6</v>
      </c>
      <c r="CX11" s="219">
        <v>0</v>
      </c>
      <c r="CY11" s="220">
        <v>0</v>
      </c>
      <c r="CZ11" s="220">
        <v>0</v>
      </c>
      <c r="DA11" s="221">
        <v>0</v>
      </c>
      <c r="DB11" s="222">
        <v>0</v>
      </c>
      <c r="DC11" s="222">
        <v>1</v>
      </c>
      <c r="DD11" s="222">
        <v>1</v>
      </c>
      <c r="DE11" s="220">
        <v>4</v>
      </c>
      <c r="DF11" s="223">
        <v>6</v>
      </c>
      <c r="DG11" s="225">
        <v>6</v>
      </c>
      <c r="DH11" s="226">
        <v>0</v>
      </c>
      <c r="DI11" s="220">
        <v>0</v>
      </c>
      <c r="DJ11" s="220">
        <v>0</v>
      </c>
      <c r="DK11" s="221">
        <v>0</v>
      </c>
      <c r="DL11" s="222">
        <v>0</v>
      </c>
      <c r="DM11" s="222">
        <v>0</v>
      </c>
      <c r="DN11" s="222">
        <v>0</v>
      </c>
      <c r="DO11" s="220">
        <v>0</v>
      </c>
      <c r="DP11" s="223">
        <v>0</v>
      </c>
      <c r="DQ11" s="225">
        <v>0</v>
      </c>
      <c r="DR11" s="226">
        <v>0</v>
      </c>
      <c r="DS11" s="220">
        <v>0</v>
      </c>
      <c r="DT11" s="220">
        <v>0</v>
      </c>
      <c r="DU11" s="221">
        <v>180</v>
      </c>
      <c r="DV11" s="222">
        <v>296</v>
      </c>
      <c r="DW11" s="222">
        <v>797</v>
      </c>
      <c r="DX11" s="222">
        <v>1236</v>
      </c>
      <c r="DY11" s="220">
        <v>726</v>
      </c>
      <c r="DZ11" s="223">
        <v>3235</v>
      </c>
      <c r="EA11" s="225">
        <v>3235</v>
      </c>
      <c r="EB11" s="37"/>
    </row>
    <row r="12" spans="1:132" ht="20.25" customHeight="1" x14ac:dyDescent="0.2">
      <c r="A12" s="63" t="s">
        <v>8</v>
      </c>
      <c r="B12" s="219">
        <v>0</v>
      </c>
      <c r="C12" s="220">
        <v>0</v>
      </c>
      <c r="D12" s="220">
        <v>0</v>
      </c>
      <c r="E12" s="221">
        <v>30</v>
      </c>
      <c r="F12" s="222">
        <v>68</v>
      </c>
      <c r="G12" s="222">
        <v>351</v>
      </c>
      <c r="H12" s="222">
        <v>399</v>
      </c>
      <c r="I12" s="220">
        <v>233</v>
      </c>
      <c r="J12" s="223">
        <v>1081</v>
      </c>
      <c r="K12" s="224">
        <v>1081</v>
      </c>
      <c r="L12" s="219">
        <v>0</v>
      </c>
      <c r="M12" s="220">
        <v>0</v>
      </c>
      <c r="N12" s="223">
        <v>0</v>
      </c>
      <c r="O12" s="221">
        <v>30</v>
      </c>
      <c r="P12" s="222">
        <v>68</v>
      </c>
      <c r="Q12" s="222">
        <v>348</v>
      </c>
      <c r="R12" s="222">
        <v>396</v>
      </c>
      <c r="S12" s="220">
        <v>232</v>
      </c>
      <c r="T12" s="223">
        <v>1074</v>
      </c>
      <c r="U12" s="225">
        <v>1074</v>
      </c>
      <c r="V12" s="226">
        <v>0</v>
      </c>
      <c r="W12" s="220">
        <v>0</v>
      </c>
      <c r="X12" s="223">
        <v>0</v>
      </c>
      <c r="Y12" s="226">
        <v>0</v>
      </c>
      <c r="Z12" s="222">
        <v>0</v>
      </c>
      <c r="AA12" s="222">
        <v>3</v>
      </c>
      <c r="AB12" s="222">
        <v>3</v>
      </c>
      <c r="AC12" s="220">
        <v>1</v>
      </c>
      <c r="AD12" s="223">
        <v>7</v>
      </c>
      <c r="AE12" s="227">
        <v>7</v>
      </c>
      <c r="AF12" s="226">
        <v>0</v>
      </c>
      <c r="AG12" s="220">
        <v>0</v>
      </c>
      <c r="AH12" s="223">
        <v>0</v>
      </c>
      <c r="AI12" s="226">
        <v>53</v>
      </c>
      <c r="AJ12" s="222">
        <v>97</v>
      </c>
      <c r="AK12" s="222">
        <v>149</v>
      </c>
      <c r="AL12" s="222">
        <v>141</v>
      </c>
      <c r="AM12" s="220">
        <v>69</v>
      </c>
      <c r="AN12" s="223">
        <v>509</v>
      </c>
      <c r="AO12" s="227">
        <v>509</v>
      </c>
      <c r="AP12" s="226">
        <v>0</v>
      </c>
      <c r="AQ12" s="220">
        <v>0</v>
      </c>
      <c r="AR12" s="223">
        <v>0</v>
      </c>
      <c r="AS12" s="221">
        <v>52</v>
      </c>
      <c r="AT12" s="222">
        <v>94</v>
      </c>
      <c r="AU12" s="222">
        <v>145</v>
      </c>
      <c r="AV12" s="222">
        <v>138</v>
      </c>
      <c r="AW12" s="220">
        <v>67</v>
      </c>
      <c r="AX12" s="223">
        <v>496</v>
      </c>
      <c r="AY12" s="224">
        <v>496</v>
      </c>
      <c r="AZ12" s="219">
        <v>0</v>
      </c>
      <c r="BA12" s="220">
        <v>0</v>
      </c>
      <c r="BB12" s="220">
        <v>0</v>
      </c>
      <c r="BC12" s="221">
        <v>1</v>
      </c>
      <c r="BD12" s="222">
        <v>3</v>
      </c>
      <c r="BE12" s="222">
        <v>4</v>
      </c>
      <c r="BF12" s="222">
        <v>3</v>
      </c>
      <c r="BG12" s="220">
        <v>2</v>
      </c>
      <c r="BH12" s="223">
        <v>13</v>
      </c>
      <c r="BI12" s="225">
        <v>13</v>
      </c>
      <c r="BJ12" s="226">
        <v>0</v>
      </c>
      <c r="BK12" s="220">
        <v>0</v>
      </c>
      <c r="BL12" s="220">
        <v>0</v>
      </c>
      <c r="BM12" s="221">
        <v>0</v>
      </c>
      <c r="BN12" s="222">
        <v>0</v>
      </c>
      <c r="BO12" s="222">
        <v>0</v>
      </c>
      <c r="BP12" s="222">
        <v>4</v>
      </c>
      <c r="BQ12" s="220">
        <v>2</v>
      </c>
      <c r="BR12" s="223">
        <v>6</v>
      </c>
      <c r="BS12" s="224">
        <v>6</v>
      </c>
      <c r="BT12" s="219">
        <v>0</v>
      </c>
      <c r="BU12" s="220">
        <v>0</v>
      </c>
      <c r="BV12" s="220">
        <v>0</v>
      </c>
      <c r="BW12" s="221">
        <v>0</v>
      </c>
      <c r="BX12" s="222">
        <v>0</v>
      </c>
      <c r="BY12" s="222">
        <v>0</v>
      </c>
      <c r="BZ12" s="222">
        <v>4</v>
      </c>
      <c r="CA12" s="220">
        <v>2</v>
      </c>
      <c r="CB12" s="223">
        <v>6</v>
      </c>
      <c r="CC12" s="225">
        <v>6</v>
      </c>
      <c r="CD12" s="226">
        <v>0</v>
      </c>
      <c r="CE12" s="220">
        <v>0</v>
      </c>
      <c r="CF12" s="220">
        <v>0</v>
      </c>
      <c r="CG12" s="221">
        <v>0</v>
      </c>
      <c r="CH12" s="222">
        <v>0</v>
      </c>
      <c r="CI12" s="222">
        <v>0</v>
      </c>
      <c r="CJ12" s="222">
        <v>0</v>
      </c>
      <c r="CK12" s="220">
        <v>0</v>
      </c>
      <c r="CL12" s="223">
        <v>0</v>
      </c>
      <c r="CM12" s="225">
        <v>0</v>
      </c>
      <c r="CN12" s="226">
        <v>0</v>
      </c>
      <c r="CO12" s="220">
        <v>0</v>
      </c>
      <c r="CP12" s="220">
        <v>0</v>
      </c>
      <c r="CQ12" s="221">
        <v>1</v>
      </c>
      <c r="CR12" s="222">
        <v>0</v>
      </c>
      <c r="CS12" s="222">
        <v>1</v>
      </c>
      <c r="CT12" s="222">
        <v>6</v>
      </c>
      <c r="CU12" s="220">
        <v>5</v>
      </c>
      <c r="CV12" s="223">
        <v>13</v>
      </c>
      <c r="CW12" s="224">
        <v>13</v>
      </c>
      <c r="CX12" s="219">
        <v>0</v>
      </c>
      <c r="CY12" s="220">
        <v>0</v>
      </c>
      <c r="CZ12" s="220">
        <v>0</v>
      </c>
      <c r="DA12" s="221">
        <v>1</v>
      </c>
      <c r="DB12" s="222">
        <v>0</v>
      </c>
      <c r="DC12" s="222">
        <v>1</v>
      </c>
      <c r="DD12" s="222">
        <v>6</v>
      </c>
      <c r="DE12" s="220">
        <v>5</v>
      </c>
      <c r="DF12" s="223">
        <v>13</v>
      </c>
      <c r="DG12" s="225">
        <v>13</v>
      </c>
      <c r="DH12" s="226">
        <v>0</v>
      </c>
      <c r="DI12" s="220">
        <v>0</v>
      </c>
      <c r="DJ12" s="220">
        <v>0</v>
      </c>
      <c r="DK12" s="221">
        <v>0</v>
      </c>
      <c r="DL12" s="222">
        <v>0</v>
      </c>
      <c r="DM12" s="222">
        <v>0</v>
      </c>
      <c r="DN12" s="222">
        <v>0</v>
      </c>
      <c r="DO12" s="220">
        <v>0</v>
      </c>
      <c r="DP12" s="223">
        <v>0</v>
      </c>
      <c r="DQ12" s="225">
        <v>0</v>
      </c>
      <c r="DR12" s="226">
        <v>0</v>
      </c>
      <c r="DS12" s="220">
        <v>0</v>
      </c>
      <c r="DT12" s="220">
        <v>0</v>
      </c>
      <c r="DU12" s="221">
        <v>84</v>
      </c>
      <c r="DV12" s="222">
        <v>165</v>
      </c>
      <c r="DW12" s="222">
        <v>501</v>
      </c>
      <c r="DX12" s="222">
        <v>550</v>
      </c>
      <c r="DY12" s="220">
        <v>309</v>
      </c>
      <c r="DZ12" s="223">
        <v>1609</v>
      </c>
      <c r="EA12" s="225">
        <v>1609</v>
      </c>
      <c r="EB12" s="37"/>
    </row>
    <row r="13" spans="1:132" ht="20.25" customHeight="1" x14ac:dyDescent="0.2">
      <c r="A13" s="63" t="s">
        <v>9</v>
      </c>
      <c r="B13" s="219">
        <v>0</v>
      </c>
      <c r="C13" s="220">
        <v>0</v>
      </c>
      <c r="D13" s="220">
        <v>0</v>
      </c>
      <c r="E13" s="221">
        <v>7</v>
      </c>
      <c r="F13" s="222">
        <v>2</v>
      </c>
      <c r="G13" s="222">
        <v>207</v>
      </c>
      <c r="H13" s="222">
        <v>372</v>
      </c>
      <c r="I13" s="220">
        <v>297</v>
      </c>
      <c r="J13" s="223">
        <v>885</v>
      </c>
      <c r="K13" s="224">
        <v>885</v>
      </c>
      <c r="L13" s="219">
        <v>0</v>
      </c>
      <c r="M13" s="220">
        <v>0</v>
      </c>
      <c r="N13" s="223">
        <v>0</v>
      </c>
      <c r="O13" s="221">
        <v>7</v>
      </c>
      <c r="P13" s="222">
        <v>2</v>
      </c>
      <c r="Q13" s="222">
        <v>206</v>
      </c>
      <c r="R13" s="222">
        <v>368</v>
      </c>
      <c r="S13" s="220">
        <v>295</v>
      </c>
      <c r="T13" s="223">
        <v>878</v>
      </c>
      <c r="U13" s="225">
        <v>878</v>
      </c>
      <c r="V13" s="226">
        <v>0</v>
      </c>
      <c r="W13" s="220">
        <v>0</v>
      </c>
      <c r="X13" s="223">
        <v>0</v>
      </c>
      <c r="Y13" s="226">
        <v>0</v>
      </c>
      <c r="Z13" s="222">
        <v>0</v>
      </c>
      <c r="AA13" s="222">
        <v>1</v>
      </c>
      <c r="AB13" s="222">
        <v>4</v>
      </c>
      <c r="AC13" s="220">
        <v>2</v>
      </c>
      <c r="AD13" s="223">
        <v>7</v>
      </c>
      <c r="AE13" s="227">
        <v>7</v>
      </c>
      <c r="AF13" s="226">
        <v>0</v>
      </c>
      <c r="AG13" s="220">
        <v>0</v>
      </c>
      <c r="AH13" s="223">
        <v>0</v>
      </c>
      <c r="AI13" s="226">
        <v>25</v>
      </c>
      <c r="AJ13" s="222">
        <v>57</v>
      </c>
      <c r="AK13" s="222">
        <v>89</v>
      </c>
      <c r="AL13" s="222">
        <v>113</v>
      </c>
      <c r="AM13" s="220">
        <v>70</v>
      </c>
      <c r="AN13" s="223">
        <v>354</v>
      </c>
      <c r="AO13" s="227">
        <v>354</v>
      </c>
      <c r="AP13" s="226">
        <v>0</v>
      </c>
      <c r="AQ13" s="220">
        <v>0</v>
      </c>
      <c r="AR13" s="223">
        <v>0</v>
      </c>
      <c r="AS13" s="221">
        <v>25</v>
      </c>
      <c r="AT13" s="222">
        <v>57</v>
      </c>
      <c r="AU13" s="222">
        <v>87</v>
      </c>
      <c r="AV13" s="222">
        <v>112</v>
      </c>
      <c r="AW13" s="220">
        <v>68</v>
      </c>
      <c r="AX13" s="223">
        <v>349</v>
      </c>
      <c r="AY13" s="224">
        <v>349</v>
      </c>
      <c r="AZ13" s="219">
        <v>0</v>
      </c>
      <c r="BA13" s="220">
        <v>0</v>
      </c>
      <c r="BB13" s="220">
        <v>0</v>
      </c>
      <c r="BC13" s="221">
        <v>0</v>
      </c>
      <c r="BD13" s="222">
        <v>0</v>
      </c>
      <c r="BE13" s="222">
        <v>2</v>
      </c>
      <c r="BF13" s="222">
        <v>1</v>
      </c>
      <c r="BG13" s="220">
        <v>2</v>
      </c>
      <c r="BH13" s="223">
        <v>5</v>
      </c>
      <c r="BI13" s="225">
        <v>5</v>
      </c>
      <c r="BJ13" s="226">
        <v>0</v>
      </c>
      <c r="BK13" s="220">
        <v>0</v>
      </c>
      <c r="BL13" s="220">
        <v>0</v>
      </c>
      <c r="BM13" s="221">
        <v>0</v>
      </c>
      <c r="BN13" s="222">
        <v>0</v>
      </c>
      <c r="BO13" s="222">
        <v>0</v>
      </c>
      <c r="BP13" s="222">
        <v>3</v>
      </c>
      <c r="BQ13" s="220">
        <v>1</v>
      </c>
      <c r="BR13" s="223">
        <v>4</v>
      </c>
      <c r="BS13" s="224">
        <v>4</v>
      </c>
      <c r="BT13" s="219">
        <v>0</v>
      </c>
      <c r="BU13" s="220">
        <v>0</v>
      </c>
      <c r="BV13" s="220">
        <v>0</v>
      </c>
      <c r="BW13" s="221">
        <v>0</v>
      </c>
      <c r="BX13" s="222">
        <v>0</v>
      </c>
      <c r="BY13" s="222">
        <v>0</v>
      </c>
      <c r="BZ13" s="222">
        <v>3</v>
      </c>
      <c r="CA13" s="220">
        <v>1</v>
      </c>
      <c r="CB13" s="223">
        <v>4</v>
      </c>
      <c r="CC13" s="225">
        <v>4</v>
      </c>
      <c r="CD13" s="226">
        <v>0</v>
      </c>
      <c r="CE13" s="220">
        <v>0</v>
      </c>
      <c r="CF13" s="220">
        <v>0</v>
      </c>
      <c r="CG13" s="221">
        <v>0</v>
      </c>
      <c r="CH13" s="222">
        <v>0</v>
      </c>
      <c r="CI13" s="222">
        <v>0</v>
      </c>
      <c r="CJ13" s="222">
        <v>0</v>
      </c>
      <c r="CK13" s="220">
        <v>0</v>
      </c>
      <c r="CL13" s="223">
        <v>0</v>
      </c>
      <c r="CM13" s="225">
        <v>0</v>
      </c>
      <c r="CN13" s="226">
        <v>0</v>
      </c>
      <c r="CO13" s="220">
        <v>0</v>
      </c>
      <c r="CP13" s="220">
        <v>0</v>
      </c>
      <c r="CQ13" s="221">
        <v>0</v>
      </c>
      <c r="CR13" s="222">
        <v>0</v>
      </c>
      <c r="CS13" s="222">
        <v>2</v>
      </c>
      <c r="CT13" s="222">
        <v>2</v>
      </c>
      <c r="CU13" s="220">
        <v>6</v>
      </c>
      <c r="CV13" s="223">
        <v>10</v>
      </c>
      <c r="CW13" s="224">
        <v>10</v>
      </c>
      <c r="CX13" s="219">
        <v>0</v>
      </c>
      <c r="CY13" s="220">
        <v>0</v>
      </c>
      <c r="CZ13" s="220">
        <v>0</v>
      </c>
      <c r="DA13" s="221">
        <v>0</v>
      </c>
      <c r="DB13" s="222">
        <v>0</v>
      </c>
      <c r="DC13" s="222">
        <v>2</v>
      </c>
      <c r="DD13" s="222">
        <v>2</v>
      </c>
      <c r="DE13" s="220">
        <v>6</v>
      </c>
      <c r="DF13" s="223">
        <v>10</v>
      </c>
      <c r="DG13" s="225">
        <v>10</v>
      </c>
      <c r="DH13" s="226">
        <v>0</v>
      </c>
      <c r="DI13" s="220">
        <v>0</v>
      </c>
      <c r="DJ13" s="220">
        <v>0</v>
      </c>
      <c r="DK13" s="221">
        <v>0</v>
      </c>
      <c r="DL13" s="222">
        <v>0</v>
      </c>
      <c r="DM13" s="222">
        <v>0</v>
      </c>
      <c r="DN13" s="222">
        <v>0</v>
      </c>
      <c r="DO13" s="220">
        <v>0</v>
      </c>
      <c r="DP13" s="223">
        <v>0</v>
      </c>
      <c r="DQ13" s="225">
        <v>0</v>
      </c>
      <c r="DR13" s="226">
        <v>0</v>
      </c>
      <c r="DS13" s="220">
        <v>0</v>
      </c>
      <c r="DT13" s="220">
        <v>0</v>
      </c>
      <c r="DU13" s="221">
        <v>32</v>
      </c>
      <c r="DV13" s="222">
        <v>59</v>
      </c>
      <c r="DW13" s="222">
        <v>297</v>
      </c>
      <c r="DX13" s="222">
        <v>490</v>
      </c>
      <c r="DY13" s="220">
        <v>373</v>
      </c>
      <c r="DZ13" s="223">
        <v>1251</v>
      </c>
      <c r="EA13" s="225">
        <v>1251</v>
      </c>
      <c r="EB13" s="37"/>
    </row>
    <row r="14" spans="1:132" ht="20.25" customHeight="1" x14ac:dyDescent="0.2">
      <c r="A14" s="63" t="s">
        <v>10</v>
      </c>
      <c r="B14" s="219">
        <v>0</v>
      </c>
      <c r="C14" s="220">
        <v>0</v>
      </c>
      <c r="D14" s="220">
        <v>0</v>
      </c>
      <c r="E14" s="221">
        <v>18</v>
      </c>
      <c r="F14" s="222">
        <v>48</v>
      </c>
      <c r="G14" s="222">
        <v>387</v>
      </c>
      <c r="H14" s="222">
        <v>525</v>
      </c>
      <c r="I14" s="220">
        <v>454</v>
      </c>
      <c r="J14" s="223">
        <v>1432</v>
      </c>
      <c r="K14" s="224">
        <v>1432</v>
      </c>
      <c r="L14" s="219">
        <v>0</v>
      </c>
      <c r="M14" s="220">
        <v>0</v>
      </c>
      <c r="N14" s="223">
        <v>0</v>
      </c>
      <c r="O14" s="221">
        <v>18</v>
      </c>
      <c r="P14" s="222">
        <v>48</v>
      </c>
      <c r="Q14" s="222">
        <v>383</v>
      </c>
      <c r="R14" s="222">
        <v>525</v>
      </c>
      <c r="S14" s="220">
        <v>446</v>
      </c>
      <c r="T14" s="223">
        <v>1420</v>
      </c>
      <c r="U14" s="225">
        <v>1420</v>
      </c>
      <c r="V14" s="226">
        <v>0</v>
      </c>
      <c r="W14" s="220">
        <v>0</v>
      </c>
      <c r="X14" s="223">
        <v>0</v>
      </c>
      <c r="Y14" s="226">
        <v>0</v>
      </c>
      <c r="Z14" s="222">
        <v>0</v>
      </c>
      <c r="AA14" s="222">
        <v>4</v>
      </c>
      <c r="AB14" s="222">
        <v>0</v>
      </c>
      <c r="AC14" s="220">
        <v>8</v>
      </c>
      <c r="AD14" s="223">
        <v>12</v>
      </c>
      <c r="AE14" s="227">
        <v>12</v>
      </c>
      <c r="AF14" s="226">
        <v>0</v>
      </c>
      <c r="AG14" s="220">
        <v>0</v>
      </c>
      <c r="AH14" s="223">
        <v>0</v>
      </c>
      <c r="AI14" s="226">
        <v>107</v>
      </c>
      <c r="AJ14" s="222">
        <v>146</v>
      </c>
      <c r="AK14" s="222">
        <v>157</v>
      </c>
      <c r="AL14" s="222">
        <v>161</v>
      </c>
      <c r="AM14" s="220">
        <v>79</v>
      </c>
      <c r="AN14" s="223">
        <v>650</v>
      </c>
      <c r="AO14" s="227">
        <v>650</v>
      </c>
      <c r="AP14" s="226">
        <v>0</v>
      </c>
      <c r="AQ14" s="220">
        <v>0</v>
      </c>
      <c r="AR14" s="223">
        <v>0</v>
      </c>
      <c r="AS14" s="221">
        <v>106</v>
      </c>
      <c r="AT14" s="222">
        <v>143</v>
      </c>
      <c r="AU14" s="222">
        <v>156</v>
      </c>
      <c r="AV14" s="222">
        <v>157</v>
      </c>
      <c r="AW14" s="220">
        <v>74</v>
      </c>
      <c r="AX14" s="223">
        <v>636</v>
      </c>
      <c r="AY14" s="224">
        <v>636</v>
      </c>
      <c r="AZ14" s="219">
        <v>0</v>
      </c>
      <c r="BA14" s="220">
        <v>0</v>
      </c>
      <c r="BB14" s="220">
        <v>0</v>
      </c>
      <c r="BC14" s="221">
        <v>1</v>
      </c>
      <c r="BD14" s="222">
        <v>3</v>
      </c>
      <c r="BE14" s="222">
        <v>1</v>
      </c>
      <c r="BF14" s="222">
        <v>4</v>
      </c>
      <c r="BG14" s="220">
        <v>5</v>
      </c>
      <c r="BH14" s="223">
        <v>14</v>
      </c>
      <c r="BI14" s="225">
        <v>14</v>
      </c>
      <c r="BJ14" s="226">
        <v>0</v>
      </c>
      <c r="BK14" s="220">
        <v>0</v>
      </c>
      <c r="BL14" s="220">
        <v>0</v>
      </c>
      <c r="BM14" s="221">
        <v>0</v>
      </c>
      <c r="BN14" s="222">
        <v>0</v>
      </c>
      <c r="BO14" s="222">
        <v>0</v>
      </c>
      <c r="BP14" s="222">
        <v>1</v>
      </c>
      <c r="BQ14" s="220">
        <v>10</v>
      </c>
      <c r="BR14" s="223">
        <v>11</v>
      </c>
      <c r="BS14" s="224">
        <v>11</v>
      </c>
      <c r="BT14" s="219">
        <v>0</v>
      </c>
      <c r="BU14" s="220">
        <v>0</v>
      </c>
      <c r="BV14" s="220">
        <v>0</v>
      </c>
      <c r="BW14" s="221">
        <v>0</v>
      </c>
      <c r="BX14" s="222">
        <v>0</v>
      </c>
      <c r="BY14" s="222">
        <v>0</v>
      </c>
      <c r="BZ14" s="222">
        <v>1</v>
      </c>
      <c r="CA14" s="220">
        <v>10</v>
      </c>
      <c r="CB14" s="223">
        <v>11</v>
      </c>
      <c r="CC14" s="225">
        <v>11</v>
      </c>
      <c r="CD14" s="226">
        <v>0</v>
      </c>
      <c r="CE14" s="220">
        <v>0</v>
      </c>
      <c r="CF14" s="220">
        <v>0</v>
      </c>
      <c r="CG14" s="221">
        <v>0</v>
      </c>
      <c r="CH14" s="222">
        <v>0</v>
      </c>
      <c r="CI14" s="222">
        <v>0</v>
      </c>
      <c r="CJ14" s="222">
        <v>0</v>
      </c>
      <c r="CK14" s="220">
        <v>0</v>
      </c>
      <c r="CL14" s="223">
        <v>0</v>
      </c>
      <c r="CM14" s="225">
        <v>0</v>
      </c>
      <c r="CN14" s="226">
        <v>0</v>
      </c>
      <c r="CO14" s="220">
        <v>0</v>
      </c>
      <c r="CP14" s="220">
        <v>0</v>
      </c>
      <c r="CQ14" s="221">
        <v>1</v>
      </c>
      <c r="CR14" s="222">
        <v>0</v>
      </c>
      <c r="CS14" s="222">
        <v>0</v>
      </c>
      <c r="CT14" s="222">
        <v>3</v>
      </c>
      <c r="CU14" s="220">
        <v>28</v>
      </c>
      <c r="CV14" s="223">
        <v>32</v>
      </c>
      <c r="CW14" s="224">
        <v>32</v>
      </c>
      <c r="CX14" s="219">
        <v>0</v>
      </c>
      <c r="CY14" s="220">
        <v>0</v>
      </c>
      <c r="CZ14" s="220">
        <v>0</v>
      </c>
      <c r="DA14" s="221">
        <v>1</v>
      </c>
      <c r="DB14" s="222">
        <v>0</v>
      </c>
      <c r="DC14" s="222">
        <v>0</v>
      </c>
      <c r="DD14" s="222">
        <v>3</v>
      </c>
      <c r="DE14" s="220">
        <v>28</v>
      </c>
      <c r="DF14" s="223">
        <v>32</v>
      </c>
      <c r="DG14" s="225">
        <v>32</v>
      </c>
      <c r="DH14" s="226">
        <v>0</v>
      </c>
      <c r="DI14" s="220">
        <v>0</v>
      </c>
      <c r="DJ14" s="220">
        <v>0</v>
      </c>
      <c r="DK14" s="221">
        <v>0</v>
      </c>
      <c r="DL14" s="222">
        <v>0</v>
      </c>
      <c r="DM14" s="222">
        <v>0</v>
      </c>
      <c r="DN14" s="222">
        <v>0</v>
      </c>
      <c r="DO14" s="220">
        <v>0</v>
      </c>
      <c r="DP14" s="223">
        <v>0</v>
      </c>
      <c r="DQ14" s="225">
        <v>0</v>
      </c>
      <c r="DR14" s="226">
        <v>0</v>
      </c>
      <c r="DS14" s="220">
        <v>0</v>
      </c>
      <c r="DT14" s="220">
        <v>0</v>
      </c>
      <c r="DU14" s="221">
        <v>126</v>
      </c>
      <c r="DV14" s="222">
        <v>194</v>
      </c>
      <c r="DW14" s="222">
        <v>539</v>
      </c>
      <c r="DX14" s="222">
        <v>688</v>
      </c>
      <c r="DY14" s="220">
        <v>571</v>
      </c>
      <c r="DZ14" s="223">
        <v>2118</v>
      </c>
      <c r="EA14" s="225">
        <v>2118</v>
      </c>
      <c r="EB14" s="37"/>
    </row>
    <row r="15" spans="1:132" ht="20.25" customHeight="1" x14ac:dyDescent="0.2">
      <c r="A15" s="63" t="s">
        <v>11</v>
      </c>
      <c r="B15" s="219">
        <v>0</v>
      </c>
      <c r="C15" s="220">
        <v>0</v>
      </c>
      <c r="D15" s="220">
        <v>0</v>
      </c>
      <c r="E15" s="221">
        <v>2</v>
      </c>
      <c r="F15" s="222">
        <v>6</v>
      </c>
      <c r="G15" s="222">
        <v>214</v>
      </c>
      <c r="H15" s="222">
        <v>347</v>
      </c>
      <c r="I15" s="220">
        <v>180</v>
      </c>
      <c r="J15" s="223">
        <v>749</v>
      </c>
      <c r="K15" s="224">
        <v>749</v>
      </c>
      <c r="L15" s="219">
        <v>0</v>
      </c>
      <c r="M15" s="220">
        <v>0</v>
      </c>
      <c r="N15" s="223">
        <v>0</v>
      </c>
      <c r="O15" s="221">
        <v>2</v>
      </c>
      <c r="P15" s="222">
        <v>6</v>
      </c>
      <c r="Q15" s="222">
        <v>214</v>
      </c>
      <c r="R15" s="222">
        <v>345</v>
      </c>
      <c r="S15" s="220">
        <v>180</v>
      </c>
      <c r="T15" s="223">
        <v>747</v>
      </c>
      <c r="U15" s="225">
        <v>747</v>
      </c>
      <c r="V15" s="226">
        <v>0</v>
      </c>
      <c r="W15" s="220">
        <v>0</v>
      </c>
      <c r="X15" s="223">
        <v>0</v>
      </c>
      <c r="Y15" s="226">
        <v>0</v>
      </c>
      <c r="Z15" s="222">
        <v>0</v>
      </c>
      <c r="AA15" s="222">
        <v>0</v>
      </c>
      <c r="AB15" s="222">
        <v>2</v>
      </c>
      <c r="AC15" s="220">
        <v>0</v>
      </c>
      <c r="AD15" s="223">
        <v>2</v>
      </c>
      <c r="AE15" s="227">
        <v>2</v>
      </c>
      <c r="AF15" s="226">
        <v>0</v>
      </c>
      <c r="AG15" s="220">
        <v>0</v>
      </c>
      <c r="AH15" s="223">
        <v>0</v>
      </c>
      <c r="AI15" s="226">
        <v>70</v>
      </c>
      <c r="AJ15" s="222">
        <v>92</v>
      </c>
      <c r="AK15" s="222">
        <v>122</v>
      </c>
      <c r="AL15" s="222">
        <v>151</v>
      </c>
      <c r="AM15" s="220">
        <v>62</v>
      </c>
      <c r="AN15" s="223">
        <v>497</v>
      </c>
      <c r="AO15" s="227">
        <v>497</v>
      </c>
      <c r="AP15" s="226">
        <v>0</v>
      </c>
      <c r="AQ15" s="220">
        <v>0</v>
      </c>
      <c r="AR15" s="223">
        <v>0</v>
      </c>
      <c r="AS15" s="221">
        <v>69</v>
      </c>
      <c r="AT15" s="222">
        <v>91</v>
      </c>
      <c r="AU15" s="222">
        <v>118</v>
      </c>
      <c r="AV15" s="222">
        <v>149</v>
      </c>
      <c r="AW15" s="220">
        <v>62</v>
      </c>
      <c r="AX15" s="223">
        <v>489</v>
      </c>
      <c r="AY15" s="224">
        <v>489</v>
      </c>
      <c r="AZ15" s="219">
        <v>0</v>
      </c>
      <c r="BA15" s="220">
        <v>0</v>
      </c>
      <c r="BB15" s="220">
        <v>0</v>
      </c>
      <c r="BC15" s="221">
        <v>1</v>
      </c>
      <c r="BD15" s="222">
        <v>1</v>
      </c>
      <c r="BE15" s="222">
        <v>4</v>
      </c>
      <c r="BF15" s="222">
        <v>2</v>
      </c>
      <c r="BG15" s="220">
        <v>0</v>
      </c>
      <c r="BH15" s="223">
        <v>8</v>
      </c>
      <c r="BI15" s="225">
        <v>8</v>
      </c>
      <c r="BJ15" s="226">
        <v>0</v>
      </c>
      <c r="BK15" s="220">
        <v>0</v>
      </c>
      <c r="BL15" s="220">
        <v>0</v>
      </c>
      <c r="BM15" s="221">
        <v>0</v>
      </c>
      <c r="BN15" s="222">
        <v>0</v>
      </c>
      <c r="BO15" s="222">
        <v>0</v>
      </c>
      <c r="BP15" s="222">
        <v>0</v>
      </c>
      <c r="BQ15" s="220">
        <v>1</v>
      </c>
      <c r="BR15" s="223">
        <v>1</v>
      </c>
      <c r="BS15" s="224">
        <v>1</v>
      </c>
      <c r="BT15" s="219">
        <v>0</v>
      </c>
      <c r="BU15" s="220">
        <v>0</v>
      </c>
      <c r="BV15" s="220">
        <v>0</v>
      </c>
      <c r="BW15" s="221">
        <v>0</v>
      </c>
      <c r="BX15" s="222">
        <v>0</v>
      </c>
      <c r="BY15" s="222">
        <v>0</v>
      </c>
      <c r="BZ15" s="222">
        <v>0</v>
      </c>
      <c r="CA15" s="220">
        <v>1</v>
      </c>
      <c r="CB15" s="223">
        <v>1</v>
      </c>
      <c r="CC15" s="225">
        <v>1</v>
      </c>
      <c r="CD15" s="226">
        <v>0</v>
      </c>
      <c r="CE15" s="220">
        <v>0</v>
      </c>
      <c r="CF15" s="220">
        <v>0</v>
      </c>
      <c r="CG15" s="221">
        <v>0</v>
      </c>
      <c r="CH15" s="222">
        <v>0</v>
      </c>
      <c r="CI15" s="222">
        <v>0</v>
      </c>
      <c r="CJ15" s="222">
        <v>0</v>
      </c>
      <c r="CK15" s="220">
        <v>0</v>
      </c>
      <c r="CL15" s="223">
        <v>0</v>
      </c>
      <c r="CM15" s="225">
        <v>0</v>
      </c>
      <c r="CN15" s="226">
        <v>0</v>
      </c>
      <c r="CO15" s="220">
        <v>0</v>
      </c>
      <c r="CP15" s="220">
        <v>0</v>
      </c>
      <c r="CQ15" s="221">
        <v>3</v>
      </c>
      <c r="CR15" s="222">
        <v>6</v>
      </c>
      <c r="CS15" s="222">
        <v>7</v>
      </c>
      <c r="CT15" s="222">
        <v>10</v>
      </c>
      <c r="CU15" s="220">
        <v>22</v>
      </c>
      <c r="CV15" s="223">
        <v>48</v>
      </c>
      <c r="CW15" s="224">
        <v>48</v>
      </c>
      <c r="CX15" s="219">
        <v>0</v>
      </c>
      <c r="CY15" s="220">
        <v>0</v>
      </c>
      <c r="CZ15" s="220">
        <v>0</v>
      </c>
      <c r="DA15" s="221">
        <v>2</v>
      </c>
      <c r="DB15" s="222">
        <v>6</v>
      </c>
      <c r="DC15" s="222">
        <v>7</v>
      </c>
      <c r="DD15" s="222">
        <v>10</v>
      </c>
      <c r="DE15" s="220">
        <v>19</v>
      </c>
      <c r="DF15" s="223">
        <v>44</v>
      </c>
      <c r="DG15" s="225">
        <v>44</v>
      </c>
      <c r="DH15" s="226">
        <v>0</v>
      </c>
      <c r="DI15" s="220">
        <v>0</v>
      </c>
      <c r="DJ15" s="220">
        <v>0</v>
      </c>
      <c r="DK15" s="221">
        <v>1</v>
      </c>
      <c r="DL15" s="222">
        <v>0</v>
      </c>
      <c r="DM15" s="222">
        <v>0</v>
      </c>
      <c r="DN15" s="222">
        <v>0</v>
      </c>
      <c r="DO15" s="220">
        <v>3</v>
      </c>
      <c r="DP15" s="223">
        <v>4</v>
      </c>
      <c r="DQ15" s="225">
        <v>4</v>
      </c>
      <c r="DR15" s="226">
        <v>0</v>
      </c>
      <c r="DS15" s="220">
        <v>0</v>
      </c>
      <c r="DT15" s="220">
        <v>0</v>
      </c>
      <c r="DU15" s="221">
        <v>75</v>
      </c>
      <c r="DV15" s="222">
        <v>104</v>
      </c>
      <c r="DW15" s="222">
        <v>343</v>
      </c>
      <c r="DX15" s="222">
        <v>508</v>
      </c>
      <c r="DY15" s="220">
        <v>265</v>
      </c>
      <c r="DZ15" s="223">
        <v>1295</v>
      </c>
      <c r="EA15" s="225">
        <v>1295</v>
      </c>
      <c r="EB15" s="37"/>
    </row>
    <row r="16" spans="1:132" ht="20.25" customHeight="1" x14ac:dyDescent="0.2">
      <c r="A16" s="63" t="s">
        <v>12</v>
      </c>
      <c r="B16" s="219">
        <v>0</v>
      </c>
      <c r="C16" s="220">
        <v>0</v>
      </c>
      <c r="D16" s="220">
        <v>0</v>
      </c>
      <c r="E16" s="221">
        <v>2</v>
      </c>
      <c r="F16" s="222">
        <v>20</v>
      </c>
      <c r="G16" s="222">
        <v>178</v>
      </c>
      <c r="H16" s="222">
        <v>309</v>
      </c>
      <c r="I16" s="220">
        <v>214</v>
      </c>
      <c r="J16" s="223">
        <v>723</v>
      </c>
      <c r="K16" s="224">
        <v>723</v>
      </c>
      <c r="L16" s="219">
        <v>0</v>
      </c>
      <c r="M16" s="220">
        <v>0</v>
      </c>
      <c r="N16" s="223">
        <v>0</v>
      </c>
      <c r="O16" s="221">
        <v>2</v>
      </c>
      <c r="P16" s="222">
        <v>19</v>
      </c>
      <c r="Q16" s="222">
        <v>178</v>
      </c>
      <c r="R16" s="222">
        <v>308</v>
      </c>
      <c r="S16" s="220">
        <v>208</v>
      </c>
      <c r="T16" s="223">
        <v>715</v>
      </c>
      <c r="U16" s="225">
        <v>715</v>
      </c>
      <c r="V16" s="226">
        <v>0</v>
      </c>
      <c r="W16" s="220">
        <v>0</v>
      </c>
      <c r="X16" s="223">
        <v>0</v>
      </c>
      <c r="Y16" s="226">
        <v>0</v>
      </c>
      <c r="Z16" s="222">
        <v>1</v>
      </c>
      <c r="AA16" s="222">
        <v>0</v>
      </c>
      <c r="AB16" s="222">
        <v>1</v>
      </c>
      <c r="AC16" s="220">
        <v>6</v>
      </c>
      <c r="AD16" s="223">
        <v>8</v>
      </c>
      <c r="AE16" s="227">
        <v>8</v>
      </c>
      <c r="AF16" s="226">
        <v>0</v>
      </c>
      <c r="AG16" s="220">
        <v>0</v>
      </c>
      <c r="AH16" s="223">
        <v>0</v>
      </c>
      <c r="AI16" s="226">
        <v>44</v>
      </c>
      <c r="AJ16" s="222">
        <v>83</v>
      </c>
      <c r="AK16" s="222">
        <v>135</v>
      </c>
      <c r="AL16" s="222">
        <v>176</v>
      </c>
      <c r="AM16" s="220">
        <v>70</v>
      </c>
      <c r="AN16" s="223">
        <v>508</v>
      </c>
      <c r="AO16" s="227">
        <v>508</v>
      </c>
      <c r="AP16" s="226">
        <v>0</v>
      </c>
      <c r="AQ16" s="220">
        <v>0</v>
      </c>
      <c r="AR16" s="223">
        <v>0</v>
      </c>
      <c r="AS16" s="221">
        <v>44</v>
      </c>
      <c r="AT16" s="222">
        <v>83</v>
      </c>
      <c r="AU16" s="222">
        <v>132</v>
      </c>
      <c r="AV16" s="222">
        <v>173</v>
      </c>
      <c r="AW16" s="220">
        <v>70</v>
      </c>
      <c r="AX16" s="223">
        <v>502</v>
      </c>
      <c r="AY16" s="224">
        <v>502</v>
      </c>
      <c r="AZ16" s="219">
        <v>0</v>
      </c>
      <c r="BA16" s="220">
        <v>0</v>
      </c>
      <c r="BB16" s="220">
        <v>0</v>
      </c>
      <c r="BC16" s="221">
        <v>0</v>
      </c>
      <c r="BD16" s="222">
        <v>0</v>
      </c>
      <c r="BE16" s="222">
        <v>3</v>
      </c>
      <c r="BF16" s="222">
        <v>3</v>
      </c>
      <c r="BG16" s="220">
        <v>0</v>
      </c>
      <c r="BH16" s="223">
        <v>6</v>
      </c>
      <c r="BI16" s="225">
        <v>6</v>
      </c>
      <c r="BJ16" s="226">
        <v>0</v>
      </c>
      <c r="BK16" s="220">
        <v>0</v>
      </c>
      <c r="BL16" s="220">
        <v>0</v>
      </c>
      <c r="BM16" s="221">
        <v>0</v>
      </c>
      <c r="BN16" s="222">
        <v>0</v>
      </c>
      <c r="BO16" s="222">
        <v>0</v>
      </c>
      <c r="BP16" s="222">
        <v>10</v>
      </c>
      <c r="BQ16" s="220">
        <v>9</v>
      </c>
      <c r="BR16" s="223">
        <v>19</v>
      </c>
      <c r="BS16" s="224">
        <v>19</v>
      </c>
      <c r="BT16" s="219">
        <v>0</v>
      </c>
      <c r="BU16" s="220">
        <v>0</v>
      </c>
      <c r="BV16" s="220">
        <v>0</v>
      </c>
      <c r="BW16" s="221">
        <v>0</v>
      </c>
      <c r="BX16" s="222">
        <v>0</v>
      </c>
      <c r="BY16" s="222">
        <v>0</v>
      </c>
      <c r="BZ16" s="222">
        <v>10</v>
      </c>
      <c r="CA16" s="220">
        <v>9</v>
      </c>
      <c r="CB16" s="223">
        <v>19</v>
      </c>
      <c r="CC16" s="225">
        <v>19</v>
      </c>
      <c r="CD16" s="226">
        <v>0</v>
      </c>
      <c r="CE16" s="220">
        <v>0</v>
      </c>
      <c r="CF16" s="220">
        <v>0</v>
      </c>
      <c r="CG16" s="221">
        <v>0</v>
      </c>
      <c r="CH16" s="222">
        <v>0</v>
      </c>
      <c r="CI16" s="222">
        <v>0</v>
      </c>
      <c r="CJ16" s="222">
        <v>0</v>
      </c>
      <c r="CK16" s="220">
        <v>0</v>
      </c>
      <c r="CL16" s="223">
        <v>0</v>
      </c>
      <c r="CM16" s="225">
        <v>0</v>
      </c>
      <c r="CN16" s="226">
        <v>0</v>
      </c>
      <c r="CO16" s="220">
        <v>0</v>
      </c>
      <c r="CP16" s="220">
        <v>0</v>
      </c>
      <c r="CQ16" s="221">
        <v>0</v>
      </c>
      <c r="CR16" s="222">
        <v>1</v>
      </c>
      <c r="CS16" s="222">
        <v>2</v>
      </c>
      <c r="CT16" s="222">
        <v>1</v>
      </c>
      <c r="CU16" s="220">
        <v>7</v>
      </c>
      <c r="CV16" s="223">
        <v>11</v>
      </c>
      <c r="CW16" s="224">
        <v>11</v>
      </c>
      <c r="CX16" s="219">
        <v>0</v>
      </c>
      <c r="CY16" s="220">
        <v>0</v>
      </c>
      <c r="CZ16" s="220">
        <v>0</v>
      </c>
      <c r="DA16" s="221">
        <v>0</v>
      </c>
      <c r="DB16" s="222">
        <v>1</v>
      </c>
      <c r="DC16" s="222">
        <v>2</v>
      </c>
      <c r="DD16" s="222">
        <v>1</v>
      </c>
      <c r="DE16" s="220">
        <v>7</v>
      </c>
      <c r="DF16" s="223">
        <v>11</v>
      </c>
      <c r="DG16" s="225">
        <v>11</v>
      </c>
      <c r="DH16" s="226">
        <v>0</v>
      </c>
      <c r="DI16" s="220">
        <v>0</v>
      </c>
      <c r="DJ16" s="220">
        <v>0</v>
      </c>
      <c r="DK16" s="221">
        <v>0</v>
      </c>
      <c r="DL16" s="222">
        <v>0</v>
      </c>
      <c r="DM16" s="222">
        <v>0</v>
      </c>
      <c r="DN16" s="222">
        <v>0</v>
      </c>
      <c r="DO16" s="220">
        <v>0</v>
      </c>
      <c r="DP16" s="223">
        <v>0</v>
      </c>
      <c r="DQ16" s="225">
        <v>0</v>
      </c>
      <c r="DR16" s="226">
        <v>0</v>
      </c>
      <c r="DS16" s="220">
        <v>0</v>
      </c>
      <c r="DT16" s="220">
        <v>0</v>
      </c>
      <c r="DU16" s="221">
        <v>46</v>
      </c>
      <c r="DV16" s="222">
        <v>104</v>
      </c>
      <c r="DW16" s="222">
        <v>313</v>
      </c>
      <c r="DX16" s="222">
        <v>492</v>
      </c>
      <c r="DY16" s="220">
        <v>297</v>
      </c>
      <c r="DZ16" s="223">
        <v>1252</v>
      </c>
      <c r="EA16" s="225">
        <v>1252</v>
      </c>
      <c r="EB16" s="37"/>
    </row>
    <row r="17" spans="1:132" ht="20.25" customHeight="1" x14ac:dyDescent="0.2">
      <c r="A17" s="63" t="s">
        <v>13</v>
      </c>
      <c r="B17" s="219">
        <v>0</v>
      </c>
      <c r="C17" s="220">
        <v>0</v>
      </c>
      <c r="D17" s="220">
        <v>0</v>
      </c>
      <c r="E17" s="221">
        <v>3</v>
      </c>
      <c r="F17" s="222">
        <v>1</v>
      </c>
      <c r="G17" s="222">
        <v>68</v>
      </c>
      <c r="H17" s="222">
        <v>145</v>
      </c>
      <c r="I17" s="220">
        <v>109</v>
      </c>
      <c r="J17" s="223">
        <v>326</v>
      </c>
      <c r="K17" s="224">
        <v>326</v>
      </c>
      <c r="L17" s="219">
        <v>0</v>
      </c>
      <c r="M17" s="220">
        <v>0</v>
      </c>
      <c r="N17" s="223">
        <v>0</v>
      </c>
      <c r="O17" s="221">
        <v>3</v>
      </c>
      <c r="P17" s="222">
        <v>1</v>
      </c>
      <c r="Q17" s="222">
        <v>68</v>
      </c>
      <c r="R17" s="222">
        <v>144</v>
      </c>
      <c r="S17" s="220">
        <v>109</v>
      </c>
      <c r="T17" s="223">
        <v>325</v>
      </c>
      <c r="U17" s="225">
        <v>325</v>
      </c>
      <c r="V17" s="226">
        <v>0</v>
      </c>
      <c r="W17" s="220">
        <v>0</v>
      </c>
      <c r="X17" s="223">
        <v>0</v>
      </c>
      <c r="Y17" s="226">
        <v>0</v>
      </c>
      <c r="Z17" s="222">
        <v>0</v>
      </c>
      <c r="AA17" s="222">
        <v>0</v>
      </c>
      <c r="AB17" s="222">
        <v>1</v>
      </c>
      <c r="AC17" s="220">
        <v>0</v>
      </c>
      <c r="AD17" s="223">
        <v>1</v>
      </c>
      <c r="AE17" s="227">
        <v>1</v>
      </c>
      <c r="AF17" s="226">
        <v>0</v>
      </c>
      <c r="AG17" s="220">
        <v>0</v>
      </c>
      <c r="AH17" s="223">
        <v>0</v>
      </c>
      <c r="AI17" s="226">
        <v>11</v>
      </c>
      <c r="AJ17" s="222">
        <v>27</v>
      </c>
      <c r="AK17" s="222">
        <v>37</v>
      </c>
      <c r="AL17" s="222">
        <v>25</v>
      </c>
      <c r="AM17" s="220">
        <v>25</v>
      </c>
      <c r="AN17" s="223">
        <v>125</v>
      </c>
      <c r="AO17" s="227">
        <v>125</v>
      </c>
      <c r="AP17" s="226">
        <v>0</v>
      </c>
      <c r="AQ17" s="220">
        <v>0</v>
      </c>
      <c r="AR17" s="223">
        <v>0</v>
      </c>
      <c r="AS17" s="221">
        <v>11</v>
      </c>
      <c r="AT17" s="222">
        <v>27</v>
      </c>
      <c r="AU17" s="222">
        <v>34</v>
      </c>
      <c r="AV17" s="222">
        <v>24</v>
      </c>
      <c r="AW17" s="220">
        <v>24</v>
      </c>
      <c r="AX17" s="223">
        <v>120</v>
      </c>
      <c r="AY17" s="224">
        <v>120</v>
      </c>
      <c r="AZ17" s="219">
        <v>0</v>
      </c>
      <c r="BA17" s="220">
        <v>0</v>
      </c>
      <c r="BB17" s="220">
        <v>0</v>
      </c>
      <c r="BC17" s="221">
        <v>0</v>
      </c>
      <c r="BD17" s="222">
        <v>0</v>
      </c>
      <c r="BE17" s="222">
        <v>3</v>
      </c>
      <c r="BF17" s="222">
        <v>1</v>
      </c>
      <c r="BG17" s="220">
        <v>1</v>
      </c>
      <c r="BH17" s="223">
        <v>5</v>
      </c>
      <c r="BI17" s="225">
        <v>5</v>
      </c>
      <c r="BJ17" s="226">
        <v>0</v>
      </c>
      <c r="BK17" s="220">
        <v>0</v>
      </c>
      <c r="BL17" s="220">
        <v>0</v>
      </c>
      <c r="BM17" s="221">
        <v>0</v>
      </c>
      <c r="BN17" s="222">
        <v>0</v>
      </c>
      <c r="BO17" s="222">
        <v>0</v>
      </c>
      <c r="BP17" s="222">
        <v>0</v>
      </c>
      <c r="BQ17" s="220">
        <v>0</v>
      </c>
      <c r="BR17" s="223">
        <v>0</v>
      </c>
      <c r="BS17" s="224">
        <v>0</v>
      </c>
      <c r="BT17" s="219">
        <v>0</v>
      </c>
      <c r="BU17" s="220">
        <v>0</v>
      </c>
      <c r="BV17" s="220">
        <v>0</v>
      </c>
      <c r="BW17" s="221">
        <v>0</v>
      </c>
      <c r="BX17" s="222">
        <v>0</v>
      </c>
      <c r="BY17" s="222">
        <v>0</v>
      </c>
      <c r="BZ17" s="222">
        <v>0</v>
      </c>
      <c r="CA17" s="220">
        <v>0</v>
      </c>
      <c r="CB17" s="223">
        <v>0</v>
      </c>
      <c r="CC17" s="225">
        <v>0</v>
      </c>
      <c r="CD17" s="226">
        <v>0</v>
      </c>
      <c r="CE17" s="220">
        <v>0</v>
      </c>
      <c r="CF17" s="220">
        <v>0</v>
      </c>
      <c r="CG17" s="221">
        <v>0</v>
      </c>
      <c r="CH17" s="222">
        <v>0</v>
      </c>
      <c r="CI17" s="222">
        <v>0</v>
      </c>
      <c r="CJ17" s="222">
        <v>0</v>
      </c>
      <c r="CK17" s="220">
        <v>0</v>
      </c>
      <c r="CL17" s="223">
        <v>0</v>
      </c>
      <c r="CM17" s="225">
        <v>0</v>
      </c>
      <c r="CN17" s="226">
        <v>0</v>
      </c>
      <c r="CO17" s="220">
        <v>0</v>
      </c>
      <c r="CP17" s="220">
        <v>0</v>
      </c>
      <c r="CQ17" s="221">
        <v>0</v>
      </c>
      <c r="CR17" s="222">
        <v>0</v>
      </c>
      <c r="CS17" s="222">
        <v>0</v>
      </c>
      <c r="CT17" s="222">
        <v>0</v>
      </c>
      <c r="CU17" s="220">
        <v>0</v>
      </c>
      <c r="CV17" s="223">
        <v>0</v>
      </c>
      <c r="CW17" s="224">
        <v>0</v>
      </c>
      <c r="CX17" s="219">
        <v>0</v>
      </c>
      <c r="CY17" s="220">
        <v>0</v>
      </c>
      <c r="CZ17" s="220">
        <v>0</v>
      </c>
      <c r="DA17" s="221">
        <v>0</v>
      </c>
      <c r="DB17" s="222">
        <v>0</v>
      </c>
      <c r="DC17" s="222">
        <v>0</v>
      </c>
      <c r="DD17" s="222">
        <v>0</v>
      </c>
      <c r="DE17" s="220">
        <v>0</v>
      </c>
      <c r="DF17" s="223">
        <v>0</v>
      </c>
      <c r="DG17" s="225">
        <v>0</v>
      </c>
      <c r="DH17" s="226">
        <v>0</v>
      </c>
      <c r="DI17" s="220">
        <v>0</v>
      </c>
      <c r="DJ17" s="220">
        <v>0</v>
      </c>
      <c r="DK17" s="221">
        <v>0</v>
      </c>
      <c r="DL17" s="222">
        <v>0</v>
      </c>
      <c r="DM17" s="222">
        <v>0</v>
      </c>
      <c r="DN17" s="222">
        <v>0</v>
      </c>
      <c r="DO17" s="220">
        <v>0</v>
      </c>
      <c r="DP17" s="223">
        <v>0</v>
      </c>
      <c r="DQ17" s="225">
        <v>0</v>
      </c>
      <c r="DR17" s="226">
        <v>0</v>
      </c>
      <c r="DS17" s="220">
        <v>0</v>
      </c>
      <c r="DT17" s="220">
        <v>0</v>
      </c>
      <c r="DU17" s="221">
        <v>14</v>
      </c>
      <c r="DV17" s="222">
        <v>28</v>
      </c>
      <c r="DW17" s="222">
        <v>105</v>
      </c>
      <c r="DX17" s="222">
        <v>170</v>
      </c>
      <c r="DY17" s="220">
        <v>134</v>
      </c>
      <c r="DZ17" s="223">
        <v>451</v>
      </c>
      <c r="EA17" s="225">
        <v>451</v>
      </c>
      <c r="EB17" s="37"/>
    </row>
    <row r="18" spans="1:132" ht="20.25" customHeight="1" x14ac:dyDescent="0.2">
      <c r="A18" s="63" t="s">
        <v>15</v>
      </c>
      <c r="B18" s="219">
        <v>0</v>
      </c>
      <c r="C18" s="220">
        <v>0</v>
      </c>
      <c r="D18" s="220">
        <v>0</v>
      </c>
      <c r="E18" s="221">
        <v>0</v>
      </c>
      <c r="F18" s="222">
        <v>2</v>
      </c>
      <c r="G18" s="222">
        <v>84</v>
      </c>
      <c r="H18" s="222">
        <v>131</v>
      </c>
      <c r="I18" s="220">
        <v>77</v>
      </c>
      <c r="J18" s="223">
        <v>294</v>
      </c>
      <c r="K18" s="224">
        <v>294</v>
      </c>
      <c r="L18" s="219">
        <v>0</v>
      </c>
      <c r="M18" s="220">
        <v>0</v>
      </c>
      <c r="N18" s="223">
        <v>0</v>
      </c>
      <c r="O18" s="221">
        <v>0</v>
      </c>
      <c r="P18" s="222">
        <v>2</v>
      </c>
      <c r="Q18" s="222">
        <v>84</v>
      </c>
      <c r="R18" s="222">
        <v>130</v>
      </c>
      <c r="S18" s="220">
        <v>76</v>
      </c>
      <c r="T18" s="223">
        <v>292</v>
      </c>
      <c r="U18" s="225">
        <v>292</v>
      </c>
      <c r="V18" s="226">
        <v>0</v>
      </c>
      <c r="W18" s="220">
        <v>0</v>
      </c>
      <c r="X18" s="223">
        <v>0</v>
      </c>
      <c r="Y18" s="226">
        <v>0</v>
      </c>
      <c r="Z18" s="222">
        <v>0</v>
      </c>
      <c r="AA18" s="222">
        <v>0</v>
      </c>
      <c r="AB18" s="222">
        <v>1</v>
      </c>
      <c r="AC18" s="220">
        <v>1</v>
      </c>
      <c r="AD18" s="223">
        <v>2</v>
      </c>
      <c r="AE18" s="227">
        <v>2</v>
      </c>
      <c r="AF18" s="226">
        <v>0</v>
      </c>
      <c r="AG18" s="220">
        <v>0</v>
      </c>
      <c r="AH18" s="223">
        <v>0</v>
      </c>
      <c r="AI18" s="226">
        <v>26</v>
      </c>
      <c r="AJ18" s="222">
        <v>36</v>
      </c>
      <c r="AK18" s="222">
        <v>44</v>
      </c>
      <c r="AL18" s="222">
        <v>45</v>
      </c>
      <c r="AM18" s="220">
        <v>26</v>
      </c>
      <c r="AN18" s="223">
        <v>177</v>
      </c>
      <c r="AO18" s="227">
        <v>177</v>
      </c>
      <c r="AP18" s="226">
        <v>0</v>
      </c>
      <c r="AQ18" s="220">
        <v>0</v>
      </c>
      <c r="AR18" s="223">
        <v>0</v>
      </c>
      <c r="AS18" s="221">
        <v>25</v>
      </c>
      <c r="AT18" s="222">
        <v>35</v>
      </c>
      <c r="AU18" s="222">
        <v>44</v>
      </c>
      <c r="AV18" s="222">
        <v>43</v>
      </c>
      <c r="AW18" s="220">
        <v>25</v>
      </c>
      <c r="AX18" s="223">
        <v>172</v>
      </c>
      <c r="AY18" s="224">
        <v>172</v>
      </c>
      <c r="AZ18" s="219">
        <v>0</v>
      </c>
      <c r="BA18" s="220">
        <v>0</v>
      </c>
      <c r="BB18" s="220">
        <v>0</v>
      </c>
      <c r="BC18" s="221">
        <v>1</v>
      </c>
      <c r="BD18" s="222">
        <v>1</v>
      </c>
      <c r="BE18" s="222">
        <v>0</v>
      </c>
      <c r="BF18" s="222">
        <v>2</v>
      </c>
      <c r="BG18" s="220">
        <v>1</v>
      </c>
      <c r="BH18" s="223">
        <v>5</v>
      </c>
      <c r="BI18" s="225">
        <v>5</v>
      </c>
      <c r="BJ18" s="226">
        <v>0</v>
      </c>
      <c r="BK18" s="220">
        <v>0</v>
      </c>
      <c r="BL18" s="220">
        <v>0</v>
      </c>
      <c r="BM18" s="221">
        <v>0</v>
      </c>
      <c r="BN18" s="222">
        <v>0</v>
      </c>
      <c r="BO18" s="222">
        <v>0</v>
      </c>
      <c r="BP18" s="222">
        <v>0</v>
      </c>
      <c r="BQ18" s="220">
        <v>1</v>
      </c>
      <c r="BR18" s="223">
        <v>1</v>
      </c>
      <c r="BS18" s="224">
        <v>1</v>
      </c>
      <c r="BT18" s="219">
        <v>0</v>
      </c>
      <c r="BU18" s="220">
        <v>0</v>
      </c>
      <c r="BV18" s="220">
        <v>0</v>
      </c>
      <c r="BW18" s="221">
        <v>0</v>
      </c>
      <c r="BX18" s="222">
        <v>0</v>
      </c>
      <c r="BY18" s="222">
        <v>0</v>
      </c>
      <c r="BZ18" s="222">
        <v>0</v>
      </c>
      <c r="CA18" s="220">
        <v>1</v>
      </c>
      <c r="CB18" s="223">
        <v>1</v>
      </c>
      <c r="CC18" s="225">
        <v>1</v>
      </c>
      <c r="CD18" s="226">
        <v>0</v>
      </c>
      <c r="CE18" s="220">
        <v>0</v>
      </c>
      <c r="CF18" s="220">
        <v>0</v>
      </c>
      <c r="CG18" s="221">
        <v>0</v>
      </c>
      <c r="CH18" s="222">
        <v>0</v>
      </c>
      <c r="CI18" s="222">
        <v>0</v>
      </c>
      <c r="CJ18" s="222">
        <v>0</v>
      </c>
      <c r="CK18" s="220">
        <v>0</v>
      </c>
      <c r="CL18" s="223">
        <v>0</v>
      </c>
      <c r="CM18" s="225">
        <v>0</v>
      </c>
      <c r="CN18" s="226">
        <v>0</v>
      </c>
      <c r="CO18" s="220">
        <v>0</v>
      </c>
      <c r="CP18" s="220">
        <v>0</v>
      </c>
      <c r="CQ18" s="221">
        <v>0</v>
      </c>
      <c r="CR18" s="222">
        <v>0</v>
      </c>
      <c r="CS18" s="222">
        <v>0</v>
      </c>
      <c r="CT18" s="222">
        <v>0</v>
      </c>
      <c r="CU18" s="220">
        <v>0</v>
      </c>
      <c r="CV18" s="223">
        <v>0</v>
      </c>
      <c r="CW18" s="224">
        <v>0</v>
      </c>
      <c r="CX18" s="219">
        <v>0</v>
      </c>
      <c r="CY18" s="220">
        <v>0</v>
      </c>
      <c r="CZ18" s="220">
        <v>0</v>
      </c>
      <c r="DA18" s="221">
        <v>0</v>
      </c>
      <c r="DB18" s="222">
        <v>0</v>
      </c>
      <c r="DC18" s="222">
        <v>0</v>
      </c>
      <c r="DD18" s="222">
        <v>0</v>
      </c>
      <c r="DE18" s="220">
        <v>0</v>
      </c>
      <c r="DF18" s="223">
        <v>0</v>
      </c>
      <c r="DG18" s="225">
        <v>0</v>
      </c>
      <c r="DH18" s="226">
        <v>0</v>
      </c>
      <c r="DI18" s="220">
        <v>0</v>
      </c>
      <c r="DJ18" s="220">
        <v>0</v>
      </c>
      <c r="DK18" s="221">
        <v>0</v>
      </c>
      <c r="DL18" s="222">
        <v>0</v>
      </c>
      <c r="DM18" s="222">
        <v>0</v>
      </c>
      <c r="DN18" s="222">
        <v>0</v>
      </c>
      <c r="DO18" s="220">
        <v>0</v>
      </c>
      <c r="DP18" s="223">
        <v>0</v>
      </c>
      <c r="DQ18" s="225">
        <v>0</v>
      </c>
      <c r="DR18" s="226">
        <v>0</v>
      </c>
      <c r="DS18" s="220">
        <v>0</v>
      </c>
      <c r="DT18" s="220">
        <v>0</v>
      </c>
      <c r="DU18" s="221">
        <v>26</v>
      </c>
      <c r="DV18" s="222">
        <v>38</v>
      </c>
      <c r="DW18" s="222">
        <v>128</v>
      </c>
      <c r="DX18" s="222">
        <v>176</v>
      </c>
      <c r="DY18" s="220">
        <v>104</v>
      </c>
      <c r="DZ18" s="223">
        <v>472</v>
      </c>
      <c r="EA18" s="225">
        <v>472</v>
      </c>
      <c r="EB18" s="37"/>
    </row>
    <row r="19" spans="1:132" ht="20.25" customHeight="1" x14ac:dyDescent="0.2">
      <c r="A19" s="63" t="s">
        <v>16</v>
      </c>
      <c r="B19" s="219">
        <v>0</v>
      </c>
      <c r="C19" s="220">
        <v>0</v>
      </c>
      <c r="D19" s="220">
        <v>0</v>
      </c>
      <c r="E19" s="221">
        <v>13</v>
      </c>
      <c r="F19" s="222">
        <v>28</v>
      </c>
      <c r="G19" s="222">
        <v>195</v>
      </c>
      <c r="H19" s="222">
        <v>270</v>
      </c>
      <c r="I19" s="220">
        <v>191</v>
      </c>
      <c r="J19" s="223">
        <v>697</v>
      </c>
      <c r="K19" s="224">
        <v>697</v>
      </c>
      <c r="L19" s="219">
        <v>0</v>
      </c>
      <c r="M19" s="220">
        <v>0</v>
      </c>
      <c r="N19" s="223">
        <v>0</v>
      </c>
      <c r="O19" s="221">
        <v>13</v>
      </c>
      <c r="P19" s="222">
        <v>28</v>
      </c>
      <c r="Q19" s="222">
        <v>195</v>
      </c>
      <c r="R19" s="222">
        <v>268</v>
      </c>
      <c r="S19" s="220">
        <v>186</v>
      </c>
      <c r="T19" s="223">
        <v>690</v>
      </c>
      <c r="U19" s="225">
        <v>690</v>
      </c>
      <c r="V19" s="226">
        <v>0</v>
      </c>
      <c r="W19" s="220">
        <v>0</v>
      </c>
      <c r="X19" s="223">
        <v>0</v>
      </c>
      <c r="Y19" s="226">
        <v>0</v>
      </c>
      <c r="Z19" s="222">
        <v>0</v>
      </c>
      <c r="AA19" s="222">
        <v>0</v>
      </c>
      <c r="AB19" s="222">
        <v>2</v>
      </c>
      <c r="AC19" s="220">
        <v>5</v>
      </c>
      <c r="AD19" s="223">
        <v>7</v>
      </c>
      <c r="AE19" s="227">
        <v>7</v>
      </c>
      <c r="AF19" s="226">
        <v>0</v>
      </c>
      <c r="AG19" s="220">
        <v>0</v>
      </c>
      <c r="AH19" s="223">
        <v>0</v>
      </c>
      <c r="AI19" s="226">
        <v>66</v>
      </c>
      <c r="AJ19" s="222">
        <v>96</v>
      </c>
      <c r="AK19" s="222">
        <v>137</v>
      </c>
      <c r="AL19" s="222">
        <v>137</v>
      </c>
      <c r="AM19" s="220">
        <v>57</v>
      </c>
      <c r="AN19" s="223">
        <v>493</v>
      </c>
      <c r="AO19" s="227">
        <v>493</v>
      </c>
      <c r="AP19" s="226">
        <v>0</v>
      </c>
      <c r="AQ19" s="220">
        <v>0</v>
      </c>
      <c r="AR19" s="223">
        <v>0</v>
      </c>
      <c r="AS19" s="221">
        <v>66</v>
      </c>
      <c r="AT19" s="222">
        <v>96</v>
      </c>
      <c r="AU19" s="222">
        <v>136</v>
      </c>
      <c r="AV19" s="222">
        <v>136</v>
      </c>
      <c r="AW19" s="220">
        <v>56</v>
      </c>
      <c r="AX19" s="223">
        <v>490</v>
      </c>
      <c r="AY19" s="224">
        <v>490</v>
      </c>
      <c r="AZ19" s="219">
        <v>0</v>
      </c>
      <c r="BA19" s="220">
        <v>0</v>
      </c>
      <c r="BB19" s="220">
        <v>0</v>
      </c>
      <c r="BC19" s="221">
        <v>0</v>
      </c>
      <c r="BD19" s="222">
        <v>0</v>
      </c>
      <c r="BE19" s="222">
        <v>1</v>
      </c>
      <c r="BF19" s="222">
        <v>1</v>
      </c>
      <c r="BG19" s="220">
        <v>1</v>
      </c>
      <c r="BH19" s="223">
        <v>3</v>
      </c>
      <c r="BI19" s="225">
        <v>3</v>
      </c>
      <c r="BJ19" s="226">
        <v>0</v>
      </c>
      <c r="BK19" s="220">
        <v>0</v>
      </c>
      <c r="BL19" s="220">
        <v>0</v>
      </c>
      <c r="BM19" s="221">
        <v>0</v>
      </c>
      <c r="BN19" s="222">
        <v>0</v>
      </c>
      <c r="BO19" s="222">
        <v>0</v>
      </c>
      <c r="BP19" s="222">
        <v>3</v>
      </c>
      <c r="BQ19" s="220">
        <v>2</v>
      </c>
      <c r="BR19" s="223">
        <v>5</v>
      </c>
      <c r="BS19" s="224">
        <v>5</v>
      </c>
      <c r="BT19" s="219">
        <v>0</v>
      </c>
      <c r="BU19" s="220">
        <v>0</v>
      </c>
      <c r="BV19" s="220">
        <v>0</v>
      </c>
      <c r="BW19" s="221">
        <v>0</v>
      </c>
      <c r="BX19" s="222">
        <v>0</v>
      </c>
      <c r="BY19" s="222">
        <v>0</v>
      </c>
      <c r="BZ19" s="222">
        <v>3</v>
      </c>
      <c r="CA19" s="220">
        <v>2</v>
      </c>
      <c r="CB19" s="223">
        <v>5</v>
      </c>
      <c r="CC19" s="225">
        <v>5</v>
      </c>
      <c r="CD19" s="226">
        <v>0</v>
      </c>
      <c r="CE19" s="220">
        <v>0</v>
      </c>
      <c r="CF19" s="220">
        <v>0</v>
      </c>
      <c r="CG19" s="221">
        <v>0</v>
      </c>
      <c r="CH19" s="222">
        <v>0</v>
      </c>
      <c r="CI19" s="222">
        <v>0</v>
      </c>
      <c r="CJ19" s="222">
        <v>0</v>
      </c>
      <c r="CK19" s="220">
        <v>0</v>
      </c>
      <c r="CL19" s="223">
        <v>0</v>
      </c>
      <c r="CM19" s="225">
        <v>0</v>
      </c>
      <c r="CN19" s="226">
        <v>0</v>
      </c>
      <c r="CO19" s="220">
        <v>0</v>
      </c>
      <c r="CP19" s="220">
        <v>0</v>
      </c>
      <c r="CQ19" s="221">
        <v>0</v>
      </c>
      <c r="CR19" s="222">
        <v>0</v>
      </c>
      <c r="CS19" s="222">
        <v>7</v>
      </c>
      <c r="CT19" s="222">
        <v>11</v>
      </c>
      <c r="CU19" s="220">
        <v>8</v>
      </c>
      <c r="CV19" s="223">
        <v>26</v>
      </c>
      <c r="CW19" s="224">
        <v>26</v>
      </c>
      <c r="CX19" s="219">
        <v>0</v>
      </c>
      <c r="CY19" s="220">
        <v>0</v>
      </c>
      <c r="CZ19" s="220">
        <v>0</v>
      </c>
      <c r="DA19" s="221">
        <v>0</v>
      </c>
      <c r="DB19" s="222">
        <v>0</v>
      </c>
      <c r="DC19" s="222">
        <v>7</v>
      </c>
      <c r="DD19" s="222">
        <v>11</v>
      </c>
      <c r="DE19" s="220">
        <v>8</v>
      </c>
      <c r="DF19" s="223">
        <v>26</v>
      </c>
      <c r="DG19" s="225">
        <v>26</v>
      </c>
      <c r="DH19" s="226">
        <v>0</v>
      </c>
      <c r="DI19" s="220">
        <v>0</v>
      </c>
      <c r="DJ19" s="220">
        <v>0</v>
      </c>
      <c r="DK19" s="221">
        <v>0</v>
      </c>
      <c r="DL19" s="222">
        <v>0</v>
      </c>
      <c r="DM19" s="222">
        <v>0</v>
      </c>
      <c r="DN19" s="222">
        <v>0</v>
      </c>
      <c r="DO19" s="220">
        <v>0</v>
      </c>
      <c r="DP19" s="223">
        <v>0</v>
      </c>
      <c r="DQ19" s="225">
        <v>0</v>
      </c>
      <c r="DR19" s="226">
        <v>0</v>
      </c>
      <c r="DS19" s="220">
        <v>0</v>
      </c>
      <c r="DT19" s="220">
        <v>0</v>
      </c>
      <c r="DU19" s="221">
        <v>79</v>
      </c>
      <c r="DV19" s="222">
        <v>124</v>
      </c>
      <c r="DW19" s="222">
        <v>336</v>
      </c>
      <c r="DX19" s="222">
        <v>420</v>
      </c>
      <c r="DY19" s="220">
        <v>258</v>
      </c>
      <c r="DZ19" s="223">
        <v>1217</v>
      </c>
      <c r="EA19" s="225">
        <v>1217</v>
      </c>
      <c r="EB19" s="37"/>
    </row>
    <row r="20" spans="1:132" ht="20.25" customHeight="1" x14ac:dyDescent="0.2">
      <c r="A20" s="63" t="s">
        <v>17</v>
      </c>
      <c r="B20" s="219">
        <v>0</v>
      </c>
      <c r="C20" s="220">
        <v>0</v>
      </c>
      <c r="D20" s="220">
        <v>0</v>
      </c>
      <c r="E20" s="221">
        <v>8</v>
      </c>
      <c r="F20" s="222">
        <v>26</v>
      </c>
      <c r="G20" s="222">
        <v>193</v>
      </c>
      <c r="H20" s="222">
        <v>263</v>
      </c>
      <c r="I20" s="220">
        <v>192</v>
      </c>
      <c r="J20" s="223">
        <v>682</v>
      </c>
      <c r="K20" s="224">
        <v>682</v>
      </c>
      <c r="L20" s="219">
        <v>0</v>
      </c>
      <c r="M20" s="220">
        <v>0</v>
      </c>
      <c r="N20" s="223">
        <v>0</v>
      </c>
      <c r="O20" s="221">
        <v>8</v>
      </c>
      <c r="P20" s="222">
        <v>26</v>
      </c>
      <c r="Q20" s="222">
        <v>191</v>
      </c>
      <c r="R20" s="222">
        <v>260</v>
      </c>
      <c r="S20" s="220">
        <v>191</v>
      </c>
      <c r="T20" s="223">
        <v>676</v>
      </c>
      <c r="U20" s="225">
        <v>676</v>
      </c>
      <c r="V20" s="226">
        <v>0</v>
      </c>
      <c r="W20" s="220">
        <v>0</v>
      </c>
      <c r="X20" s="223">
        <v>0</v>
      </c>
      <c r="Y20" s="226">
        <v>0</v>
      </c>
      <c r="Z20" s="222">
        <v>0</v>
      </c>
      <c r="AA20" s="222">
        <v>2</v>
      </c>
      <c r="AB20" s="222">
        <v>3</v>
      </c>
      <c r="AC20" s="220">
        <v>1</v>
      </c>
      <c r="AD20" s="223">
        <v>6</v>
      </c>
      <c r="AE20" s="227">
        <v>6</v>
      </c>
      <c r="AF20" s="226">
        <v>0</v>
      </c>
      <c r="AG20" s="220">
        <v>0</v>
      </c>
      <c r="AH20" s="223">
        <v>0</v>
      </c>
      <c r="AI20" s="226">
        <v>35</v>
      </c>
      <c r="AJ20" s="222">
        <v>93</v>
      </c>
      <c r="AK20" s="222">
        <v>129</v>
      </c>
      <c r="AL20" s="222">
        <v>127</v>
      </c>
      <c r="AM20" s="220">
        <v>67</v>
      </c>
      <c r="AN20" s="223">
        <v>451</v>
      </c>
      <c r="AO20" s="227">
        <v>451</v>
      </c>
      <c r="AP20" s="226">
        <v>0</v>
      </c>
      <c r="AQ20" s="220">
        <v>0</v>
      </c>
      <c r="AR20" s="223">
        <v>0</v>
      </c>
      <c r="AS20" s="221">
        <v>34</v>
      </c>
      <c r="AT20" s="222">
        <v>92</v>
      </c>
      <c r="AU20" s="222">
        <v>125</v>
      </c>
      <c r="AV20" s="222">
        <v>124</v>
      </c>
      <c r="AW20" s="220">
        <v>67</v>
      </c>
      <c r="AX20" s="223">
        <v>442</v>
      </c>
      <c r="AY20" s="224">
        <v>442</v>
      </c>
      <c r="AZ20" s="219">
        <v>0</v>
      </c>
      <c r="BA20" s="220">
        <v>0</v>
      </c>
      <c r="BB20" s="220">
        <v>0</v>
      </c>
      <c r="BC20" s="221">
        <v>1</v>
      </c>
      <c r="BD20" s="222">
        <v>1</v>
      </c>
      <c r="BE20" s="222">
        <v>4</v>
      </c>
      <c r="BF20" s="222">
        <v>3</v>
      </c>
      <c r="BG20" s="220">
        <v>0</v>
      </c>
      <c r="BH20" s="223">
        <v>9</v>
      </c>
      <c r="BI20" s="225">
        <v>9</v>
      </c>
      <c r="BJ20" s="226">
        <v>0</v>
      </c>
      <c r="BK20" s="220">
        <v>0</v>
      </c>
      <c r="BL20" s="220">
        <v>0</v>
      </c>
      <c r="BM20" s="221">
        <v>0</v>
      </c>
      <c r="BN20" s="222">
        <v>0</v>
      </c>
      <c r="BO20" s="222">
        <v>0</v>
      </c>
      <c r="BP20" s="222">
        <v>4</v>
      </c>
      <c r="BQ20" s="220">
        <v>13</v>
      </c>
      <c r="BR20" s="223">
        <v>17</v>
      </c>
      <c r="BS20" s="224">
        <v>17</v>
      </c>
      <c r="BT20" s="219">
        <v>0</v>
      </c>
      <c r="BU20" s="220">
        <v>0</v>
      </c>
      <c r="BV20" s="220">
        <v>0</v>
      </c>
      <c r="BW20" s="221">
        <v>0</v>
      </c>
      <c r="BX20" s="222">
        <v>0</v>
      </c>
      <c r="BY20" s="222">
        <v>0</v>
      </c>
      <c r="BZ20" s="222">
        <v>4</v>
      </c>
      <c r="CA20" s="220">
        <v>13</v>
      </c>
      <c r="CB20" s="223">
        <v>17</v>
      </c>
      <c r="CC20" s="225">
        <v>17</v>
      </c>
      <c r="CD20" s="226">
        <v>0</v>
      </c>
      <c r="CE20" s="220">
        <v>0</v>
      </c>
      <c r="CF20" s="220">
        <v>0</v>
      </c>
      <c r="CG20" s="221">
        <v>0</v>
      </c>
      <c r="CH20" s="222">
        <v>0</v>
      </c>
      <c r="CI20" s="222">
        <v>0</v>
      </c>
      <c r="CJ20" s="222">
        <v>0</v>
      </c>
      <c r="CK20" s="220">
        <v>0</v>
      </c>
      <c r="CL20" s="223">
        <v>0</v>
      </c>
      <c r="CM20" s="225">
        <v>0</v>
      </c>
      <c r="CN20" s="226">
        <v>0</v>
      </c>
      <c r="CO20" s="220">
        <v>0</v>
      </c>
      <c r="CP20" s="220">
        <v>0</v>
      </c>
      <c r="CQ20" s="221">
        <v>0</v>
      </c>
      <c r="CR20" s="222">
        <v>0</v>
      </c>
      <c r="CS20" s="222">
        <v>0</v>
      </c>
      <c r="CT20" s="222">
        <v>1</v>
      </c>
      <c r="CU20" s="220">
        <v>3</v>
      </c>
      <c r="CV20" s="223">
        <v>4</v>
      </c>
      <c r="CW20" s="224">
        <v>4</v>
      </c>
      <c r="CX20" s="219">
        <v>0</v>
      </c>
      <c r="CY20" s="220">
        <v>0</v>
      </c>
      <c r="CZ20" s="220">
        <v>0</v>
      </c>
      <c r="DA20" s="221">
        <v>0</v>
      </c>
      <c r="DB20" s="222">
        <v>0</v>
      </c>
      <c r="DC20" s="222">
        <v>0</v>
      </c>
      <c r="DD20" s="222">
        <v>1</v>
      </c>
      <c r="DE20" s="220">
        <v>3</v>
      </c>
      <c r="DF20" s="223">
        <v>4</v>
      </c>
      <c r="DG20" s="225">
        <v>4</v>
      </c>
      <c r="DH20" s="226">
        <v>0</v>
      </c>
      <c r="DI20" s="220">
        <v>0</v>
      </c>
      <c r="DJ20" s="220">
        <v>0</v>
      </c>
      <c r="DK20" s="221">
        <v>0</v>
      </c>
      <c r="DL20" s="222">
        <v>0</v>
      </c>
      <c r="DM20" s="222">
        <v>0</v>
      </c>
      <c r="DN20" s="222">
        <v>0</v>
      </c>
      <c r="DO20" s="220">
        <v>0</v>
      </c>
      <c r="DP20" s="223">
        <v>0</v>
      </c>
      <c r="DQ20" s="225">
        <v>0</v>
      </c>
      <c r="DR20" s="226">
        <v>0</v>
      </c>
      <c r="DS20" s="220">
        <v>0</v>
      </c>
      <c r="DT20" s="220">
        <v>0</v>
      </c>
      <c r="DU20" s="221">
        <v>43</v>
      </c>
      <c r="DV20" s="222">
        <v>119</v>
      </c>
      <c r="DW20" s="222">
        <v>322</v>
      </c>
      <c r="DX20" s="222">
        <v>395</v>
      </c>
      <c r="DY20" s="220">
        <v>275</v>
      </c>
      <c r="DZ20" s="223">
        <v>1154</v>
      </c>
      <c r="EA20" s="225">
        <v>1154</v>
      </c>
      <c r="EB20" s="37"/>
    </row>
    <row r="21" spans="1:132" ht="20.25" customHeight="1" x14ac:dyDescent="0.2">
      <c r="A21" s="63" t="s">
        <v>18</v>
      </c>
      <c r="B21" s="219">
        <v>0</v>
      </c>
      <c r="C21" s="220">
        <v>0</v>
      </c>
      <c r="D21" s="220">
        <v>0</v>
      </c>
      <c r="E21" s="221">
        <v>5</v>
      </c>
      <c r="F21" s="222">
        <v>13</v>
      </c>
      <c r="G21" s="222">
        <v>189</v>
      </c>
      <c r="H21" s="222">
        <v>369</v>
      </c>
      <c r="I21" s="220">
        <v>265</v>
      </c>
      <c r="J21" s="223">
        <v>841</v>
      </c>
      <c r="K21" s="224">
        <v>841</v>
      </c>
      <c r="L21" s="219">
        <v>0</v>
      </c>
      <c r="M21" s="220">
        <v>0</v>
      </c>
      <c r="N21" s="223">
        <v>0</v>
      </c>
      <c r="O21" s="221">
        <v>5</v>
      </c>
      <c r="P21" s="222">
        <v>13</v>
      </c>
      <c r="Q21" s="222">
        <v>187</v>
      </c>
      <c r="R21" s="222">
        <v>366</v>
      </c>
      <c r="S21" s="220">
        <v>259</v>
      </c>
      <c r="T21" s="223">
        <v>830</v>
      </c>
      <c r="U21" s="225">
        <v>830</v>
      </c>
      <c r="V21" s="226">
        <v>0</v>
      </c>
      <c r="W21" s="220">
        <v>0</v>
      </c>
      <c r="X21" s="223">
        <v>0</v>
      </c>
      <c r="Y21" s="226">
        <v>0</v>
      </c>
      <c r="Z21" s="222">
        <v>0</v>
      </c>
      <c r="AA21" s="222">
        <v>2</v>
      </c>
      <c r="AB21" s="222">
        <v>3</v>
      </c>
      <c r="AC21" s="220">
        <v>6</v>
      </c>
      <c r="AD21" s="223">
        <v>11</v>
      </c>
      <c r="AE21" s="227">
        <v>11</v>
      </c>
      <c r="AF21" s="226">
        <v>0</v>
      </c>
      <c r="AG21" s="220">
        <v>0</v>
      </c>
      <c r="AH21" s="223">
        <v>0</v>
      </c>
      <c r="AI21" s="226">
        <v>41</v>
      </c>
      <c r="AJ21" s="222">
        <v>66</v>
      </c>
      <c r="AK21" s="222">
        <v>102</v>
      </c>
      <c r="AL21" s="222">
        <v>142</v>
      </c>
      <c r="AM21" s="220">
        <v>83</v>
      </c>
      <c r="AN21" s="223">
        <v>434</v>
      </c>
      <c r="AO21" s="227">
        <v>434</v>
      </c>
      <c r="AP21" s="226">
        <v>0</v>
      </c>
      <c r="AQ21" s="220">
        <v>0</v>
      </c>
      <c r="AR21" s="223">
        <v>0</v>
      </c>
      <c r="AS21" s="221">
        <v>41</v>
      </c>
      <c r="AT21" s="222">
        <v>64</v>
      </c>
      <c r="AU21" s="222">
        <v>99</v>
      </c>
      <c r="AV21" s="222">
        <v>140</v>
      </c>
      <c r="AW21" s="220">
        <v>81</v>
      </c>
      <c r="AX21" s="223">
        <v>425</v>
      </c>
      <c r="AY21" s="224">
        <v>425</v>
      </c>
      <c r="AZ21" s="219">
        <v>0</v>
      </c>
      <c r="BA21" s="220">
        <v>0</v>
      </c>
      <c r="BB21" s="220">
        <v>0</v>
      </c>
      <c r="BC21" s="221">
        <v>0</v>
      </c>
      <c r="BD21" s="222">
        <v>2</v>
      </c>
      <c r="BE21" s="222">
        <v>3</v>
      </c>
      <c r="BF21" s="222">
        <v>2</v>
      </c>
      <c r="BG21" s="220">
        <v>2</v>
      </c>
      <c r="BH21" s="223">
        <v>9</v>
      </c>
      <c r="BI21" s="225">
        <v>9</v>
      </c>
      <c r="BJ21" s="226">
        <v>0</v>
      </c>
      <c r="BK21" s="220">
        <v>0</v>
      </c>
      <c r="BL21" s="220">
        <v>0</v>
      </c>
      <c r="BM21" s="221">
        <v>0</v>
      </c>
      <c r="BN21" s="222">
        <v>0</v>
      </c>
      <c r="BO21" s="222">
        <v>0</v>
      </c>
      <c r="BP21" s="222">
        <v>1</v>
      </c>
      <c r="BQ21" s="220">
        <v>5</v>
      </c>
      <c r="BR21" s="223">
        <v>6</v>
      </c>
      <c r="BS21" s="224">
        <v>6</v>
      </c>
      <c r="BT21" s="219">
        <v>0</v>
      </c>
      <c r="BU21" s="220">
        <v>0</v>
      </c>
      <c r="BV21" s="220">
        <v>0</v>
      </c>
      <c r="BW21" s="221">
        <v>0</v>
      </c>
      <c r="BX21" s="222">
        <v>0</v>
      </c>
      <c r="BY21" s="222">
        <v>0</v>
      </c>
      <c r="BZ21" s="222">
        <v>1</v>
      </c>
      <c r="CA21" s="220">
        <v>5</v>
      </c>
      <c r="CB21" s="223">
        <v>6</v>
      </c>
      <c r="CC21" s="225">
        <v>6</v>
      </c>
      <c r="CD21" s="226">
        <v>0</v>
      </c>
      <c r="CE21" s="220">
        <v>0</v>
      </c>
      <c r="CF21" s="220">
        <v>0</v>
      </c>
      <c r="CG21" s="221">
        <v>0</v>
      </c>
      <c r="CH21" s="222">
        <v>0</v>
      </c>
      <c r="CI21" s="222">
        <v>0</v>
      </c>
      <c r="CJ21" s="222">
        <v>0</v>
      </c>
      <c r="CK21" s="220">
        <v>0</v>
      </c>
      <c r="CL21" s="223">
        <v>0</v>
      </c>
      <c r="CM21" s="225">
        <v>0</v>
      </c>
      <c r="CN21" s="226">
        <v>0</v>
      </c>
      <c r="CO21" s="220">
        <v>0</v>
      </c>
      <c r="CP21" s="220">
        <v>0</v>
      </c>
      <c r="CQ21" s="221">
        <v>0</v>
      </c>
      <c r="CR21" s="222">
        <v>0</v>
      </c>
      <c r="CS21" s="222">
        <v>1</v>
      </c>
      <c r="CT21" s="222">
        <v>10</v>
      </c>
      <c r="CU21" s="220">
        <v>18</v>
      </c>
      <c r="CV21" s="223">
        <v>29</v>
      </c>
      <c r="CW21" s="224">
        <v>29</v>
      </c>
      <c r="CX21" s="219">
        <v>0</v>
      </c>
      <c r="CY21" s="220">
        <v>0</v>
      </c>
      <c r="CZ21" s="220">
        <v>0</v>
      </c>
      <c r="DA21" s="221">
        <v>0</v>
      </c>
      <c r="DB21" s="222">
        <v>0</v>
      </c>
      <c r="DC21" s="222">
        <v>1</v>
      </c>
      <c r="DD21" s="222">
        <v>10</v>
      </c>
      <c r="DE21" s="220">
        <v>18</v>
      </c>
      <c r="DF21" s="223">
        <v>29</v>
      </c>
      <c r="DG21" s="225">
        <v>29</v>
      </c>
      <c r="DH21" s="226">
        <v>0</v>
      </c>
      <c r="DI21" s="220">
        <v>0</v>
      </c>
      <c r="DJ21" s="220">
        <v>0</v>
      </c>
      <c r="DK21" s="221">
        <v>0</v>
      </c>
      <c r="DL21" s="222">
        <v>0</v>
      </c>
      <c r="DM21" s="222">
        <v>0</v>
      </c>
      <c r="DN21" s="222">
        <v>0</v>
      </c>
      <c r="DO21" s="220">
        <v>0</v>
      </c>
      <c r="DP21" s="223">
        <v>0</v>
      </c>
      <c r="DQ21" s="225">
        <v>0</v>
      </c>
      <c r="DR21" s="226">
        <v>0</v>
      </c>
      <c r="DS21" s="220">
        <v>0</v>
      </c>
      <c r="DT21" s="220">
        <v>0</v>
      </c>
      <c r="DU21" s="221">
        <v>46</v>
      </c>
      <c r="DV21" s="222">
        <v>79</v>
      </c>
      <c r="DW21" s="222">
        <v>292</v>
      </c>
      <c r="DX21" s="222">
        <v>515</v>
      </c>
      <c r="DY21" s="220">
        <v>370</v>
      </c>
      <c r="DZ21" s="223">
        <v>1302</v>
      </c>
      <c r="EA21" s="225">
        <v>1302</v>
      </c>
      <c r="EB21" s="37"/>
    </row>
    <row r="22" spans="1:132" ht="20.25" customHeight="1" x14ac:dyDescent="0.2">
      <c r="A22" s="63" t="s">
        <v>19</v>
      </c>
      <c r="B22" s="219">
        <v>0</v>
      </c>
      <c r="C22" s="220">
        <v>0</v>
      </c>
      <c r="D22" s="220">
        <v>0</v>
      </c>
      <c r="E22" s="221">
        <v>2</v>
      </c>
      <c r="F22" s="222">
        <v>6</v>
      </c>
      <c r="G22" s="222">
        <v>100</v>
      </c>
      <c r="H22" s="222">
        <v>148</v>
      </c>
      <c r="I22" s="220">
        <v>97</v>
      </c>
      <c r="J22" s="223">
        <v>353</v>
      </c>
      <c r="K22" s="224">
        <v>353</v>
      </c>
      <c r="L22" s="219">
        <v>0</v>
      </c>
      <c r="M22" s="220">
        <v>0</v>
      </c>
      <c r="N22" s="223">
        <v>0</v>
      </c>
      <c r="O22" s="221">
        <v>2</v>
      </c>
      <c r="P22" s="222">
        <v>6</v>
      </c>
      <c r="Q22" s="222">
        <v>99</v>
      </c>
      <c r="R22" s="222">
        <v>146</v>
      </c>
      <c r="S22" s="220">
        <v>97</v>
      </c>
      <c r="T22" s="223">
        <v>350</v>
      </c>
      <c r="U22" s="225">
        <v>350</v>
      </c>
      <c r="V22" s="226">
        <v>0</v>
      </c>
      <c r="W22" s="220">
        <v>0</v>
      </c>
      <c r="X22" s="223">
        <v>0</v>
      </c>
      <c r="Y22" s="226">
        <v>0</v>
      </c>
      <c r="Z22" s="222">
        <v>0</v>
      </c>
      <c r="AA22" s="222">
        <v>1</v>
      </c>
      <c r="AB22" s="222">
        <v>2</v>
      </c>
      <c r="AC22" s="220">
        <v>0</v>
      </c>
      <c r="AD22" s="223">
        <v>3</v>
      </c>
      <c r="AE22" s="227">
        <v>3</v>
      </c>
      <c r="AF22" s="226">
        <v>0</v>
      </c>
      <c r="AG22" s="220">
        <v>0</v>
      </c>
      <c r="AH22" s="223">
        <v>0</v>
      </c>
      <c r="AI22" s="226">
        <v>19</v>
      </c>
      <c r="AJ22" s="222">
        <v>48</v>
      </c>
      <c r="AK22" s="222">
        <v>80</v>
      </c>
      <c r="AL22" s="222">
        <v>66</v>
      </c>
      <c r="AM22" s="220">
        <v>32</v>
      </c>
      <c r="AN22" s="223">
        <v>245</v>
      </c>
      <c r="AO22" s="227">
        <v>245</v>
      </c>
      <c r="AP22" s="226">
        <v>0</v>
      </c>
      <c r="AQ22" s="220">
        <v>0</v>
      </c>
      <c r="AR22" s="223">
        <v>0</v>
      </c>
      <c r="AS22" s="221">
        <v>19</v>
      </c>
      <c r="AT22" s="222">
        <v>48</v>
      </c>
      <c r="AU22" s="222">
        <v>77</v>
      </c>
      <c r="AV22" s="222">
        <v>64</v>
      </c>
      <c r="AW22" s="220">
        <v>32</v>
      </c>
      <c r="AX22" s="223">
        <v>240</v>
      </c>
      <c r="AY22" s="224">
        <v>240</v>
      </c>
      <c r="AZ22" s="219">
        <v>0</v>
      </c>
      <c r="BA22" s="220">
        <v>0</v>
      </c>
      <c r="BB22" s="220">
        <v>0</v>
      </c>
      <c r="BC22" s="221">
        <v>0</v>
      </c>
      <c r="BD22" s="222">
        <v>0</v>
      </c>
      <c r="BE22" s="222">
        <v>3</v>
      </c>
      <c r="BF22" s="222">
        <v>2</v>
      </c>
      <c r="BG22" s="220">
        <v>0</v>
      </c>
      <c r="BH22" s="223">
        <v>5</v>
      </c>
      <c r="BI22" s="225">
        <v>5</v>
      </c>
      <c r="BJ22" s="226">
        <v>0</v>
      </c>
      <c r="BK22" s="220">
        <v>0</v>
      </c>
      <c r="BL22" s="220">
        <v>0</v>
      </c>
      <c r="BM22" s="221">
        <v>0</v>
      </c>
      <c r="BN22" s="222">
        <v>0</v>
      </c>
      <c r="BO22" s="222">
        <v>0</v>
      </c>
      <c r="BP22" s="222">
        <v>2</v>
      </c>
      <c r="BQ22" s="220">
        <v>0</v>
      </c>
      <c r="BR22" s="223">
        <v>2</v>
      </c>
      <c r="BS22" s="224">
        <v>2</v>
      </c>
      <c r="BT22" s="219">
        <v>0</v>
      </c>
      <c r="BU22" s="220">
        <v>0</v>
      </c>
      <c r="BV22" s="220">
        <v>0</v>
      </c>
      <c r="BW22" s="221">
        <v>0</v>
      </c>
      <c r="BX22" s="222">
        <v>0</v>
      </c>
      <c r="BY22" s="222">
        <v>0</v>
      </c>
      <c r="BZ22" s="222">
        <v>2</v>
      </c>
      <c r="CA22" s="220">
        <v>0</v>
      </c>
      <c r="CB22" s="223">
        <v>2</v>
      </c>
      <c r="CC22" s="225">
        <v>2</v>
      </c>
      <c r="CD22" s="226">
        <v>0</v>
      </c>
      <c r="CE22" s="220">
        <v>0</v>
      </c>
      <c r="CF22" s="220">
        <v>0</v>
      </c>
      <c r="CG22" s="221">
        <v>0</v>
      </c>
      <c r="CH22" s="222">
        <v>0</v>
      </c>
      <c r="CI22" s="222">
        <v>0</v>
      </c>
      <c r="CJ22" s="222">
        <v>0</v>
      </c>
      <c r="CK22" s="220">
        <v>0</v>
      </c>
      <c r="CL22" s="223">
        <v>0</v>
      </c>
      <c r="CM22" s="225">
        <v>0</v>
      </c>
      <c r="CN22" s="226">
        <v>0</v>
      </c>
      <c r="CO22" s="220">
        <v>0</v>
      </c>
      <c r="CP22" s="220">
        <v>0</v>
      </c>
      <c r="CQ22" s="221">
        <v>0</v>
      </c>
      <c r="CR22" s="222">
        <v>0</v>
      </c>
      <c r="CS22" s="222">
        <v>0</v>
      </c>
      <c r="CT22" s="222">
        <v>4</v>
      </c>
      <c r="CU22" s="220">
        <v>6</v>
      </c>
      <c r="CV22" s="223">
        <v>10</v>
      </c>
      <c r="CW22" s="224">
        <v>10</v>
      </c>
      <c r="CX22" s="219">
        <v>0</v>
      </c>
      <c r="CY22" s="220">
        <v>0</v>
      </c>
      <c r="CZ22" s="220">
        <v>0</v>
      </c>
      <c r="DA22" s="221">
        <v>0</v>
      </c>
      <c r="DB22" s="222">
        <v>0</v>
      </c>
      <c r="DC22" s="222">
        <v>0</v>
      </c>
      <c r="DD22" s="222">
        <v>4</v>
      </c>
      <c r="DE22" s="220">
        <v>5</v>
      </c>
      <c r="DF22" s="223">
        <v>9</v>
      </c>
      <c r="DG22" s="225">
        <v>9</v>
      </c>
      <c r="DH22" s="226">
        <v>0</v>
      </c>
      <c r="DI22" s="220">
        <v>0</v>
      </c>
      <c r="DJ22" s="220">
        <v>0</v>
      </c>
      <c r="DK22" s="221">
        <v>0</v>
      </c>
      <c r="DL22" s="222">
        <v>0</v>
      </c>
      <c r="DM22" s="222">
        <v>0</v>
      </c>
      <c r="DN22" s="222">
        <v>0</v>
      </c>
      <c r="DO22" s="220">
        <v>1</v>
      </c>
      <c r="DP22" s="223">
        <v>1</v>
      </c>
      <c r="DQ22" s="225">
        <v>1</v>
      </c>
      <c r="DR22" s="226">
        <v>0</v>
      </c>
      <c r="DS22" s="220">
        <v>0</v>
      </c>
      <c r="DT22" s="220">
        <v>0</v>
      </c>
      <c r="DU22" s="221">
        <v>21</v>
      </c>
      <c r="DV22" s="222">
        <v>54</v>
      </c>
      <c r="DW22" s="222">
        <v>179</v>
      </c>
      <c r="DX22" s="222">
        <v>219</v>
      </c>
      <c r="DY22" s="220">
        <v>135</v>
      </c>
      <c r="DZ22" s="223">
        <v>608</v>
      </c>
      <c r="EA22" s="225">
        <v>608</v>
      </c>
      <c r="EB22" s="37"/>
    </row>
    <row r="23" spans="1:132" ht="20.25" customHeight="1" x14ac:dyDescent="0.2">
      <c r="A23" s="63" t="s">
        <v>20</v>
      </c>
      <c r="B23" s="219">
        <v>0</v>
      </c>
      <c r="C23" s="220">
        <v>0</v>
      </c>
      <c r="D23" s="220">
        <v>0</v>
      </c>
      <c r="E23" s="221">
        <v>4</v>
      </c>
      <c r="F23" s="222">
        <v>24</v>
      </c>
      <c r="G23" s="222">
        <v>155</v>
      </c>
      <c r="H23" s="222">
        <v>190</v>
      </c>
      <c r="I23" s="220">
        <v>111</v>
      </c>
      <c r="J23" s="223">
        <v>484</v>
      </c>
      <c r="K23" s="224">
        <v>484</v>
      </c>
      <c r="L23" s="219">
        <v>0</v>
      </c>
      <c r="M23" s="220">
        <v>0</v>
      </c>
      <c r="N23" s="223">
        <v>0</v>
      </c>
      <c r="O23" s="221">
        <v>4</v>
      </c>
      <c r="P23" s="222">
        <v>24</v>
      </c>
      <c r="Q23" s="222">
        <v>154</v>
      </c>
      <c r="R23" s="222">
        <v>188</v>
      </c>
      <c r="S23" s="220">
        <v>110</v>
      </c>
      <c r="T23" s="223">
        <v>480</v>
      </c>
      <c r="U23" s="225">
        <v>480</v>
      </c>
      <c r="V23" s="226">
        <v>0</v>
      </c>
      <c r="W23" s="220">
        <v>0</v>
      </c>
      <c r="X23" s="223">
        <v>0</v>
      </c>
      <c r="Y23" s="226">
        <v>0</v>
      </c>
      <c r="Z23" s="222">
        <v>0</v>
      </c>
      <c r="AA23" s="222">
        <v>1</v>
      </c>
      <c r="AB23" s="222">
        <v>2</v>
      </c>
      <c r="AC23" s="220">
        <v>1</v>
      </c>
      <c r="AD23" s="223">
        <v>4</v>
      </c>
      <c r="AE23" s="227">
        <v>4</v>
      </c>
      <c r="AF23" s="226">
        <v>0</v>
      </c>
      <c r="AG23" s="220">
        <v>0</v>
      </c>
      <c r="AH23" s="223">
        <v>0</v>
      </c>
      <c r="AI23" s="226">
        <v>20</v>
      </c>
      <c r="AJ23" s="222">
        <v>35</v>
      </c>
      <c r="AK23" s="222">
        <v>46</v>
      </c>
      <c r="AL23" s="222">
        <v>47</v>
      </c>
      <c r="AM23" s="220">
        <v>20</v>
      </c>
      <c r="AN23" s="223">
        <v>168</v>
      </c>
      <c r="AO23" s="227">
        <v>168</v>
      </c>
      <c r="AP23" s="226">
        <v>0</v>
      </c>
      <c r="AQ23" s="220">
        <v>0</v>
      </c>
      <c r="AR23" s="223">
        <v>0</v>
      </c>
      <c r="AS23" s="221">
        <v>20</v>
      </c>
      <c r="AT23" s="222">
        <v>35</v>
      </c>
      <c r="AU23" s="222">
        <v>46</v>
      </c>
      <c r="AV23" s="222">
        <v>45</v>
      </c>
      <c r="AW23" s="220">
        <v>20</v>
      </c>
      <c r="AX23" s="223">
        <v>166</v>
      </c>
      <c r="AY23" s="224">
        <v>166</v>
      </c>
      <c r="AZ23" s="219">
        <v>0</v>
      </c>
      <c r="BA23" s="220">
        <v>0</v>
      </c>
      <c r="BB23" s="220">
        <v>0</v>
      </c>
      <c r="BC23" s="221">
        <v>0</v>
      </c>
      <c r="BD23" s="222">
        <v>0</v>
      </c>
      <c r="BE23" s="222">
        <v>0</v>
      </c>
      <c r="BF23" s="222">
        <v>2</v>
      </c>
      <c r="BG23" s="220">
        <v>0</v>
      </c>
      <c r="BH23" s="223">
        <v>2</v>
      </c>
      <c r="BI23" s="225">
        <v>2</v>
      </c>
      <c r="BJ23" s="226">
        <v>0</v>
      </c>
      <c r="BK23" s="220">
        <v>0</v>
      </c>
      <c r="BL23" s="220">
        <v>0</v>
      </c>
      <c r="BM23" s="221">
        <v>0</v>
      </c>
      <c r="BN23" s="222">
        <v>0</v>
      </c>
      <c r="BO23" s="222">
        <v>0</v>
      </c>
      <c r="BP23" s="222">
        <v>0</v>
      </c>
      <c r="BQ23" s="220">
        <v>4</v>
      </c>
      <c r="BR23" s="223">
        <v>4</v>
      </c>
      <c r="BS23" s="224">
        <v>4</v>
      </c>
      <c r="BT23" s="219">
        <v>0</v>
      </c>
      <c r="BU23" s="220">
        <v>0</v>
      </c>
      <c r="BV23" s="220">
        <v>0</v>
      </c>
      <c r="BW23" s="221">
        <v>0</v>
      </c>
      <c r="BX23" s="222">
        <v>0</v>
      </c>
      <c r="BY23" s="222">
        <v>0</v>
      </c>
      <c r="BZ23" s="222">
        <v>0</v>
      </c>
      <c r="CA23" s="220">
        <v>4</v>
      </c>
      <c r="CB23" s="223">
        <v>4</v>
      </c>
      <c r="CC23" s="225">
        <v>4</v>
      </c>
      <c r="CD23" s="226">
        <v>0</v>
      </c>
      <c r="CE23" s="220">
        <v>0</v>
      </c>
      <c r="CF23" s="220">
        <v>0</v>
      </c>
      <c r="CG23" s="221">
        <v>0</v>
      </c>
      <c r="CH23" s="222">
        <v>0</v>
      </c>
      <c r="CI23" s="222">
        <v>0</v>
      </c>
      <c r="CJ23" s="222">
        <v>0</v>
      </c>
      <c r="CK23" s="220">
        <v>0</v>
      </c>
      <c r="CL23" s="223">
        <v>0</v>
      </c>
      <c r="CM23" s="225">
        <v>0</v>
      </c>
      <c r="CN23" s="226">
        <v>0</v>
      </c>
      <c r="CO23" s="220">
        <v>0</v>
      </c>
      <c r="CP23" s="220">
        <v>0</v>
      </c>
      <c r="CQ23" s="221">
        <v>0</v>
      </c>
      <c r="CR23" s="222">
        <v>0</v>
      </c>
      <c r="CS23" s="222">
        <v>1</v>
      </c>
      <c r="CT23" s="222">
        <v>0</v>
      </c>
      <c r="CU23" s="220">
        <v>4</v>
      </c>
      <c r="CV23" s="223">
        <v>5</v>
      </c>
      <c r="CW23" s="224">
        <v>5</v>
      </c>
      <c r="CX23" s="219">
        <v>0</v>
      </c>
      <c r="CY23" s="220">
        <v>0</v>
      </c>
      <c r="CZ23" s="220">
        <v>0</v>
      </c>
      <c r="DA23" s="221">
        <v>0</v>
      </c>
      <c r="DB23" s="222">
        <v>0</v>
      </c>
      <c r="DC23" s="222">
        <v>1</v>
      </c>
      <c r="DD23" s="222">
        <v>0</v>
      </c>
      <c r="DE23" s="220">
        <v>4</v>
      </c>
      <c r="DF23" s="223">
        <v>5</v>
      </c>
      <c r="DG23" s="225">
        <v>5</v>
      </c>
      <c r="DH23" s="226">
        <v>0</v>
      </c>
      <c r="DI23" s="220">
        <v>0</v>
      </c>
      <c r="DJ23" s="220">
        <v>0</v>
      </c>
      <c r="DK23" s="221">
        <v>0</v>
      </c>
      <c r="DL23" s="222">
        <v>0</v>
      </c>
      <c r="DM23" s="222">
        <v>0</v>
      </c>
      <c r="DN23" s="222">
        <v>0</v>
      </c>
      <c r="DO23" s="220">
        <v>0</v>
      </c>
      <c r="DP23" s="223">
        <v>0</v>
      </c>
      <c r="DQ23" s="225">
        <v>0</v>
      </c>
      <c r="DR23" s="226">
        <v>0</v>
      </c>
      <c r="DS23" s="220">
        <v>0</v>
      </c>
      <c r="DT23" s="220">
        <v>0</v>
      </c>
      <c r="DU23" s="221">
        <v>24</v>
      </c>
      <c r="DV23" s="222">
        <v>59</v>
      </c>
      <c r="DW23" s="222">
        <v>202</v>
      </c>
      <c r="DX23" s="222">
        <v>237</v>
      </c>
      <c r="DY23" s="220">
        <v>139</v>
      </c>
      <c r="DZ23" s="223">
        <v>661</v>
      </c>
      <c r="EA23" s="225">
        <v>661</v>
      </c>
      <c r="EB23" s="37"/>
    </row>
    <row r="24" spans="1:132" ht="20.25" customHeight="1" x14ac:dyDescent="0.2">
      <c r="A24" s="63" t="s">
        <v>21</v>
      </c>
      <c r="B24" s="219">
        <v>0</v>
      </c>
      <c r="C24" s="220">
        <v>0</v>
      </c>
      <c r="D24" s="220">
        <v>0</v>
      </c>
      <c r="E24" s="221">
        <v>3</v>
      </c>
      <c r="F24" s="222">
        <v>11</v>
      </c>
      <c r="G24" s="222">
        <v>170</v>
      </c>
      <c r="H24" s="222">
        <v>192</v>
      </c>
      <c r="I24" s="220">
        <v>143</v>
      </c>
      <c r="J24" s="223">
        <v>519</v>
      </c>
      <c r="K24" s="224">
        <v>519</v>
      </c>
      <c r="L24" s="219">
        <v>0</v>
      </c>
      <c r="M24" s="220">
        <v>0</v>
      </c>
      <c r="N24" s="223">
        <v>0</v>
      </c>
      <c r="O24" s="221">
        <v>3</v>
      </c>
      <c r="P24" s="222">
        <v>11</v>
      </c>
      <c r="Q24" s="222">
        <v>169</v>
      </c>
      <c r="R24" s="222">
        <v>192</v>
      </c>
      <c r="S24" s="220">
        <v>140</v>
      </c>
      <c r="T24" s="223">
        <v>515</v>
      </c>
      <c r="U24" s="225">
        <v>515</v>
      </c>
      <c r="V24" s="226">
        <v>0</v>
      </c>
      <c r="W24" s="220">
        <v>0</v>
      </c>
      <c r="X24" s="223">
        <v>0</v>
      </c>
      <c r="Y24" s="226">
        <v>0</v>
      </c>
      <c r="Z24" s="222">
        <v>0</v>
      </c>
      <c r="AA24" s="222">
        <v>1</v>
      </c>
      <c r="AB24" s="222">
        <v>0</v>
      </c>
      <c r="AC24" s="220">
        <v>3</v>
      </c>
      <c r="AD24" s="223">
        <v>4</v>
      </c>
      <c r="AE24" s="227">
        <v>4</v>
      </c>
      <c r="AF24" s="226">
        <v>0</v>
      </c>
      <c r="AG24" s="220">
        <v>0</v>
      </c>
      <c r="AH24" s="223">
        <v>0</v>
      </c>
      <c r="AI24" s="226">
        <v>19</v>
      </c>
      <c r="AJ24" s="222">
        <v>37</v>
      </c>
      <c r="AK24" s="222">
        <v>37</v>
      </c>
      <c r="AL24" s="222">
        <v>59</v>
      </c>
      <c r="AM24" s="220">
        <v>24</v>
      </c>
      <c r="AN24" s="223">
        <v>176</v>
      </c>
      <c r="AO24" s="227">
        <v>176</v>
      </c>
      <c r="AP24" s="226">
        <v>0</v>
      </c>
      <c r="AQ24" s="220">
        <v>0</v>
      </c>
      <c r="AR24" s="223">
        <v>0</v>
      </c>
      <c r="AS24" s="221">
        <v>19</v>
      </c>
      <c r="AT24" s="222">
        <v>37</v>
      </c>
      <c r="AU24" s="222">
        <v>37</v>
      </c>
      <c r="AV24" s="222">
        <v>55</v>
      </c>
      <c r="AW24" s="220">
        <v>20</v>
      </c>
      <c r="AX24" s="223">
        <v>168</v>
      </c>
      <c r="AY24" s="224">
        <v>168</v>
      </c>
      <c r="AZ24" s="219">
        <v>0</v>
      </c>
      <c r="BA24" s="220">
        <v>0</v>
      </c>
      <c r="BB24" s="220">
        <v>0</v>
      </c>
      <c r="BC24" s="221">
        <v>0</v>
      </c>
      <c r="BD24" s="222">
        <v>0</v>
      </c>
      <c r="BE24" s="222">
        <v>0</v>
      </c>
      <c r="BF24" s="222">
        <v>4</v>
      </c>
      <c r="BG24" s="220">
        <v>4</v>
      </c>
      <c r="BH24" s="223">
        <v>8</v>
      </c>
      <c r="BI24" s="225">
        <v>8</v>
      </c>
      <c r="BJ24" s="226">
        <v>0</v>
      </c>
      <c r="BK24" s="220">
        <v>0</v>
      </c>
      <c r="BL24" s="220">
        <v>0</v>
      </c>
      <c r="BM24" s="221">
        <v>0</v>
      </c>
      <c r="BN24" s="222">
        <v>0</v>
      </c>
      <c r="BO24" s="222">
        <v>1</v>
      </c>
      <c r="BP24" s="222">
        <v>3</v>
      </c>
      <c r="BQ24" s="220">
        <v>5</v>
      </c>
      <c r="BR24" s="223">
        <v>9</v>
      </c>
      <c r="BS24" s="224">
        <v>9</v>
      </c>
      <c r="BT24" s="219">
        <v>0</v>
      </c>
      <c r="BU24" s="220">
        <v>0</v>
      </c>
      <c r="BV24" s="220">
        <v>0</v>
      </c>
      <c r="BW24" s="221">
        <v>0</v>
      </c>
      <c r="BX24" s="222">
        <v>0</v>
      </c>
      <c r="BY24" s="222">
        <v>1</v>
      </c>
      <c r="BZ24" s="222">
        <v>3</v>
      </c>
      <c r="CA24" s="220">
        <v>5</v>
      </c>
      <c r="CB24" s="223">
        <v>9</v>
      </c>
      <c r="CC24" s="225">
        <v>9</v>
      </c>
      <c r="CD24" s="226">
        <v>0</v>
      </c>
      <c r="CE24" s="220">
        <v>0</v>
      </c>
      <c r="CF24" s="220">
        <v>0</v>
      </c>
      <c r="CG24" s="221">
        <v>0</v>
      </c>
      <c r="CH24" s="222">
        <v>0</v>
      </c>
      <c r="CI24" s="222">
        <v>0</v>
      </c>
      <c r="CJ24" s="222">
        <v>0</v>
      </c>
      <c r="CK24" s="220">
        <v>0</v>
      </c>
      <c r="CL24" s="223">
        <v>0</v>
      </c>
      <c r="CM24" s="225">
        <v>0</v>
      </c>
      <c r="CN24" s="226">
        <v>0</v>
      </c>
      <c r="CO24" s="220">
        <v>0</v>
      </c>
      <c r="CP24" s="220">
        <v>0</v>
      </c>
      <c r="CQ24" s="221">
        <v>0</v>
      </c>
      <c r="CR24" s="222">
        <v>0</v>
      </c>
      <c r="CS24" s="222">
        <v>1</v>
      </c>
      <c r="CT24" s="222">
        <v>5</v>
      </c>
      <c r="CU24" s="220">
        <v>4</v>
      </c>
      <c r="CV24" s="223">
        <v>10</v>
      </c>
      <c r="CW24" s="224">
        <v>10</v>
      </c>
      <c r="CX24" s="219">
        <v>0</v>
      </c>
      <c r="CY24" s="220">
        <v>0</v>
      </c>
      <c r="CZ24" s="220">
        <v>0</v>
      </c>
      <c r="DA24" s="221">
        <v>0</v>
      </c>
      <c r="DB24" s="222">
        <v>0</v>
      </c>
      <c r="DC24" s="222">
        <v>1</v>
      </c>
      <c r="DD24" s="222">
        <v>5</v>
      </c>
      <c r="DE24" s="220">
        <v>4</v>
      </c>
      <c r="DF24" s="223">
        <v>10</v>
      </c>
      <c r="DG24" s="225">
        <v>10</v>
      </c>
      <c r="DH24" s="226">
        <v>0</v>
      </c>
      <c r="DI24" s="220">
        <v>0</v>
      </c>
      <c r="DJ24" s="220">
        <v>0</v>
      </c>
      <c r="DK24" s="221">
        <v>0</v>
      </c>
      <c r="DL24" s="222">
        <v>0</v>
      </c>
      <c r="DM24" s="222">
        <v>0</v>
      </c>
      <c r="DN24" s="222">
        <v>0</v>
      </c>
      <c r="DO24" s="220">
        <v>0</v>
      </c>
      <c r="DP24" s="223">
        <v>0</v>
      </c>
      <c r="DQ24" s="225">
        <v>0</v>
      </c>
      <c r="DR24" s="226">
        <v>0</v>
      </c>
      <c r="DS24" s="220">
        <v>0</v>
      </c>
      <c r="DT24" s="220">
        <v>0</v>
      </c>
      <c r="DU24" s="221">
        <v>22</v>
      </c>
      <c r="DV24" s="222">
        <v>48</v>
      </c>
      <c r="DW24" s="222">
        <v>209</v>
      </c>
      <c r="DX24" s="222">
        <v>258</v>
      </c>
      <c r="DY24" s="220">
        <v>176</v>
      </c>
      <c r="DZ24" s="223">
        <v>713</v>
      </c>
      <c r="EA24" s="225">
        <v>713</v>
      </c>
      <c r="EB24" s="37"/>
    </row>
    <row r="25" spans="1:132" ht="20.25" customHeight="1" x14ac:dyDescent="0.2">
      <c r="A25" s="63" t="s">
        <v>22</v>
      </c>
      <c r="B25" s="219">
        <v>0</v>
      </c>
      <c r="C25" s="220">
        <v>0</v>
      </c>
      <c r="D25" s="220">
        <v>0</v>
      </c>
      <c r="E25" s="221">
        <v>3</v>
      </c>
      <c r="F25" s="222">
        <v>8</v>
      </c>
      <c r="G25" s="222">
        <v>43</v>
      </c>
      <c r="H25" s="222">
        <v>67</v>
      </c>
      <c r="I25" s="220">
        <v>32</v>
      </c>
      <c r="J25" s="223">
        <v>153</v>
      </c>
      <c r="K25" s="224">
        <v>153</v>
      </c>
      <c r="L25" s="219">
        <v>0</v>
      </c>
      <c r="M25" s="220">
        <v>0</v>
      </c>
      <c r="N25" s="223">
        <v>0</v>
      </c>
      <c r="O25" s="221">
        <v>3</v>
      </c>
      <c r="P25" s="222">
        <v>8</v>
      </c>
      <c r="Q25" s="222">
        <v>43</v>
      </c>
      <c r="R25" s="222">
        <v>67</v>
      </c>
      <c r="S25" s="220">
        <v>30</v>
      </c>
      <c r="T25" s="223">
        <v>151</v>
      </c>
      <c r="U25" s="225">
        <v>151</v>
      </c>
      <c r="V25" s="226">
        <v>0</v>
      </c>
      <c r="W25" s="220">
        <v>0</v>
      </c>
      <c r="X25" s="223">
        <v>0</v>
      </c>
      <c r="Y25" s="226">
        <v>0</v>
      </c>
      <c r="Z25" s="222">
        <v>0</v>
      </c>
      <c r="AA25" s="222">
        <v>0</v>
      </c>
      <c r="AB25" s="222">
        <v>0</v>
      </c>
      <c r="AC25" s="220">
        <v>2</v>
      </c>
      <c r="AD25" s="223">
        <v>2</v>
      </c>
      <c r="AE25" s="227">
        <v>2</v>
      </c>
      <c r="AF25" s="226">
        <v>0</v>
      </c>
      <c r="AG25" s="220">
        <v>0</v>
      </c>
      <c r="AH25" s="223">
        <v>0</v>
      </c>
      <c r="AI25" s="226">
        <v>12</v>
      </c>
      <c r="AJ25" s="222">
        <v>26</v>
      </c>
      <c r="AK25" s="222">
        <v>24</v>
      </c>
      <c r="AL25" s="222">
        <v>33</v>
      </c>
      <c r="AM25" s="220">
        <v>16</v>
      </c>
      <c r="AN25" s="223">
        <v>111</v>
      </c>
      <c r="AO25" s="227">
        <v>111</v>
      </c>
      <c r="AP25" s="226">
        <v>0</v>
      </c>
      <c r="AQ25" s="220">
        <v>0</v>
      </c>
      <c r="AR25" s="223">
        <v>0</v>
      </c>
      <c r="AS25" s="221">
        <v>12</v>
      </c>
      <c r="AT25" s="222">
        <v>26</v>
      </c>
      <c r="AU25" s="222">
        <v>24</v>
      </c>
      <c r="AV25" s="222">
        <v>32</v>
      </c>
      <c r="AW25" s="220">
        <v>16</v>
      </c>
      <c r="AX25" s="223">
        <v>110</v>
      </c>
      <c r="AY25" s="224">
        <v>110</v>
      </c>
      <c r="AZ25" s="219">
        <v>0</v>
      </c>
      <c r="BA25" s="220">
        <v>0</v>
      </c>
      <c r="BB25" s="220">
        <v>0</v>
      </c>
      <c r="BC25" s="221">
        <v>0</v>
      </c>
      <c r="BD25" s="222">
        <v>0</v>
      </c>
      <c r="BE25" s="222">
        <v>0</v>
      </c>
      <c r="BF25" s="222">
        <v>1</v>
      </c>
      <c r="BG25" s="220">
        <v>0</v>
      </c>
      <c r="BH25" s="223">
        <v>1</v>
      </c>
      <c r="BI25" s="225">
        <v>1</v>
      </c>
      <c r="BJ25" s="226">
        <v>0</v>
      </c>
      <c r="BK25" s="220">
        <v>0</v>
      </c>
      <c r="BL25" s="220">
        <v>0</v>
      </c>
      <c r="BM25" s="221">
        <v>0</v>
      </c>
      <c r="BN25" s="222">
        <v>0</v>
      </c>
      <c r="BO25" s="222">
        <v>1</v>
      </c>
      <c r="BP25" s="222">
        <v>1</v>
      </c>
      <c r="BQ25" s="220">
        <v>3</v>
      </c>
      <c r="BR25" s="223">
        <v>5</v>
      </c>
      <c r="BS25" s="224">
        <v>5</v>
      </c>
      <c r="BT25" s="219">
        <v>0</v>
      </c>
      <c r="BU25" s="220">
        <v>0</v>
      </c>
      <c r="BV25" s="220">
        <v>0</v>
      </c>
      <c r="BW25" s="221">
        <v>0</v>
      </c>
      <c r="BX25" s="222">
        <v>0</v>
      </c>
      <c r="BY25" s="222">
        <v>1</v>
      </c>
      <c r="BZ25" s="222">
        <v>1</v>
      </c>
      <c r="CA25" s="220">
        <v>3</v>
      </c>
      <c r="CB25" s="223">
        <v>5</v>
      </c>
      <c r="CC25" s="225">
        <v>5</v>
      </c>
      <c r="CD25" s="226">
        <v>0</v>
      </c>
      <c r="CE25" s="220">
        <v>0</v>
      </c>
      <c r="CF25" s="220">
        <v>0</v>
      </c>
      <c r="CG25" s="221">
        <v>0</v>
      </c>
      <c r="CH25" s="222">
        <v>0</v>
      </c>
      <c r="CI25" s="222">
        <v>0</v>
      </c>
      <c r="CJ25" s="222">
        <v>0</v>
      </c>
      <c r="CK25" s="220">
        <v>0</v>
      </c>
      <c r="CL25" s="223">
        <v>0</v>
      </c>
      <c r="CM25" s="225">
        <v>0</v>
      </c>
      <c r="CN25" s="226">
        <v>0</v>
      </c>
      <c r="CO25" s="220">
        <v>0</v>
      </c>
      <c r="CP25" s="220">
        <v>0</v>
      </c>
      <c r="CQ25" s="221">
        <v>0</v>
      </c>
      <c r="CR25" s="222">
        <v>0</v>
      </c>
      <c r="CS25" s="222">
        <v>0</v>
      </c>
      <c r="CT25" s="222">
        <v>3</v>
      </c>
      <c r="CU25" s="220">
        <v>3</v>
      </c>
      <c r="CV25" s="223">
        <v>6</v>
      </c>
      <c r="CW25" s="224">
        <v>6</v>
      </c>
      <c r="CX25" s="219">
        <v>0</v>
      </c>
      <c r="CY25" s="220">
        <v>0</v>
      </c>
      <c r="CZ25" s="220">
        <v>0</v>
      </c>
      <c r="DA25" s="221">
        <v>0</v>
      </c>
      <c r="DB25" s="222">
        <v>0</v>
      </c>
      <c r="DC25" s="222">
        <v>0</v>
      </c>
      <c r="DD25" s="222">
        <v>3</v>
      </c>
      <c r="DE25" s="220">
        <v>3</v>
      </c>
      <c r="DF25" s="223">
        <v>6</v>
      </c>
      <c r="DG25" s="225">
        <v>6</v>
      </c>
      <c r="DH25" s="226">
        <v>0</v>
      </c>
      <c r="DI25" s="220">
        <v>0</v>
      </c>
      <c r="DJ25" s="220">
        <v>0</v>
      </c>
      <c r="DK25" s="221">
        <v>0</v>
      </c>
      <c r="DL25" s="222">
        <v>0</v>
      </c>
      <c r="DM25" s="222">
        <v>0</v>
      </c>
      <c r="DN25" s="222">
        <v>0</v>
      </c>
      <c r="DO25" s="220">
        <v>0</v>
      </c>
      <c r="DP25" s="223">
        <v>0</v>
      </c>
      <c r="DQ25" s="225">
        <v>0</v>
      </c>
      <c r="DR25" s="226">
        <v>0</v>
      </c>
      <c r="DS25" s="220">
        <v>0</v>
      </c>
      <c r="DT25" s="220">
        <v>0</v>
      </c>
      <c r="DU25" s="221">
        <v>15</v>
      </c>
      <c r="DV25" s="222">
        <v>34</v>
      </c>
      <c r="DW25" s="222">
        <v>68</v>
      </c>
      <c r="DX25" s="222">
        <v>104</v>
      </c>
      <c r="DY25" s="220">
        <v>53</v>
      </c>
      <c r="DZ25" s="223">
        <v>274</v>
      </c>
      <c r="EA25" s="225">
        <v>274</v>
      </c>
      <c r="EB25" s="37"/>
    </row>
    <row r="26" spans="1:132" ht="20.25" customHeight="1" x14ac:dyDescent="0.2">
      <c r="A26" s="63" t="s">
        <v>23</v>
      </c>
      <c r="B26" s="219">
        <v>0</v>
      </c>
      <c r="C26" s="220">
        <v>0</v>
      </c>
      <c r="D26" s="220">
        <v>0</v>
      </c>
      <c r="E26" s="221">
        <v>4</v>
      </c>
      <c r="F26" s="222">
        <v>16</v>
      </c>
      <c r="G26" s="222">
        <v>71</v>
      </c>
      <c r="H26" s="222">
        <v>136</v>
      </c>
      <c r="I26" s="220">
        <v>102</v>
      </c>
      <c r="J26" s="223">
        <v>329</v>
      </c>
      <c r="K26" s="224">
        <v>329</v>
      </c>
      <c r="L26" s="219">
        <v>0</v>
      </c>
      <c r="M26" s="220">
        <v>0</v>
      </c>
      <c r="N26" s="223">
        <v>0</v>
      </c>
      <c r="O26" s="221">
        <v>4</v>
      </c>
      <c r="P26" s="222">
        <v>16</v>
      </c>
      <c r="Q26" s="222">
        <v>70</v>
      </c>
      <c r="R26" s="222">
        <v>136</v>
      </c>
      <c r="S26" s="220">
        <v>101</v>
      </c>
      <c r="T26" s="223">
        <v>327</v>
      </c>
      <c r="U26" s="225">
        <v>327</v>
      </c>
      <c r="V26" s="226">
        <v>0</v>
      </c>
      <c r="W26" s="220">
        <v>0</v>
      </c>
      <c r="X26" s="223">
        <v>0</v>
      </c>
      <c r="Y26" s="226">
        <v>0</v>
      </c>
      <c r="Z26" s="222">
        <v>0</v>
      </c>
      <c r="AA26" s="222">
        <v>1</v>
      </c>
      <c r="AB26" s="222">
        <v>0</v>
      </c>
      <c r="AC26" s="220">
        <v>1</v>
      </c>
      <c r="AD26" s="223">
        <v>2</v>
      </c>
      <c r="AE26" s="227">
        <v>2</v>
      </c>
      <c r="AF26" s="226">
        <v>0</v>
      </c>
      <c r="AG26" s="220">
        <v>0</v>
      </c>
      <c r="AH26" s="223">
        <v>0</v>
      </c>
      <c r="AI26" s="226">
        <v>15</v>
      </c>
      <c r="AJ26" s="222">
        <v>35</v>
      </c>
      <c r="AK26" s="222">
        <v>46</v>
      </c>
      <c r="AL26" s="222">
        <v>54</v>
      </c>
      <c r="AM26" s="220">
        <v>20</v>
      </c>
      <c r="AN26" s="223">
        <v>170</v>
      </c>
      <c r="AO26" s="227">
        <v>170</v>
      </c>
      <c r="AP26" s="226">
        <v>0</v>
      </c>
      <c r="AQ26" s="220">
        <v>0</v>
      </c>
      <c r="AR26" s="223">
        <v>0</v>
      </c>
      <c r="AS26" s="221">
        <v>15</v>
      </c>
      <c r="AT26" s="222">
        <v>35</v>
      </c>
      <c r="AU26" s="222">
        <v>45</v>
      </c>
      <c r="AV26" s="222">
        <v>54</v>
      </c>
      <c r="AW26" s="220">
        <v>18</v>
      </c>
      <c r="AX26" s="223">
        <v>167</v>
      </c>
      <c r="AY26" s="224">
        <v>167</v>
      </c>
      <c r="AZ26" s="219">
        <v>0</v>
      </c>
      <c r="BA26" s="220">
        <v>0</v>
      </c>
      <c r="BB26" s="220">
        <v>0</v>
      </c>
      <c r="BC26" s="221">
        <v>0</v>
      </c>
      <c r="BD26" s="222">
        <v>0</v>
      </c>
      <c r="BE26" s="222">
        <v>1</v>
      </c>
      <c r="BF26" s="222">
        <v>0</v>
      </c>
      <c r="BG26" s="220">
        <v>2</v>
      </c>
      <c r="BH26" s="223">
        <v>3</v>
      </c>
      <c r="BI26" s="225">
        <v>3</v>
      </c>
      <c r="BJ26" s="226">
        <v>0</v>
      </c>
      <c r="BK26" s="220">
        <v>0</v>
      </c>
      <c r="BL26" s="220">
        <v>0</v>
      </c>
      <c r="BM26" s="221">
        <v>0</v>
      </c>
      <c r="BN26" s="222">
        <v>0</v>
      </c>
      <c r="BO26" s="222">
        <v>1</v>
      </c>
      <c r="BP26" s="222">
        <v>2</v>
      </c>
      <c r="BQ26" s="220">
        <v>4</v>
      </c>
      <c r="BR26" s="223">
        <v>7</v>
      </c>
      <c r="BS26" s="224">
        <v>7</v>
      </c>
      <c r="BT26" s="219">
        <v>0</v>
      </c>
      <c r="BU26" s="220">
        <v>0</v>
      </c>
      <c r="BV26" s="220">
        <v>0</v>
      </c>
      <c r="BW26" s="221">
        <v>0</v>
      </c>
      <c r="BX26" s="222">
        <v>0</v>
      </c>
      <c r="BY26" s="222">
        <v>1</v>
      </c>
      <c r="BZ26" s="222">
        <v>2</v>
      </c>
      <c r="CA26" s="220">
        <v>4</v>
      </c>
      <c r="CB26" s="223">
        <v>7</v>
      </c>
      <c r="CC26" s="225">
        <v>7</v>
      </c>
      <c r="CD26" s="226">
        <v>0</v>
      </c>
      <c r="CE26" s="220">
        <v>0</v>
      </c>
      <c r="CF26" s="220">
        <v>0</v>
      </c>
      <c r="CG26" s="221">
        <v>0</v>
      </c>
      <c r="CH26" s="222">
        <v>0</v>
      </c>
      <c r="CI26" s="222">
        <v>0</v>
      </c>
      <c r="CJ26" s="222">
        <v>0</v>
      </c>
      <c r="CK26" s="220">
        <v>0</v>
      </c>
      <c r="CL26" s="223">
        <v>0</v>
      </c>
      <c r="CM26" s="225">
        <v>0</v>
      </c>
      <c r="CN26" s="226">
        <v>0</v>
      </c>
      <c r="CO26" s="220">
        <v>0</v>
      </c>
      <c r="CP26" s="220">
        <v>0</v>
      </c>
      <c r="CQ26" s="221">
        <v>0</v>
      </c>
      <c r="CR26" s="222">
        <v>0</v>
      </c>
      <c r="CS26" s="222">
        <v>0</v>
      </c>
      <c r="CT26" s="222">
        <v>1</v>
      </c>
      <c r="CU26" s="220">
        <v>2</v>
      </c>
      <c r="CV26" s="223">
        <v>3</v>
      </c>
      <c r="CW26" s="224">
        <v>3</v>
      </c>
      <c r="CX26" s="219">
        <v>0</v>
      </c>
      <c r="CY26" s="220">
        <v>0</v>
      </c>
      <c r="CZ26" s="220">
        <v>0</v>
      </c>
      <c r="DA26" s="221">
        <v>0</v>
      </c>
      <c r="DB26" s="222">
        <v>0</v>
      </c>
      <c r="DC26" s="222">
        <v>0</v>
      </c>
      <c r="DD26" s="222">
        <v>1</v>
      </c>
      <c r="DE26" s="220">
        <v>2</v>
      </c>
      <c r="DF26" s="223">
        <v>3</v>
      </c>
      <c r="DG26" s="225">
        <v>3</v>
      </c>
      <c r="DH26" s="226">
        <v>0</v>
      </c>
      <c r="DI26" s="220">
        <v>0</v>
      </c>
      <c r="DJ26" s="220">
        <v>0</v>
      </c>
      <c r="DK26" s="221">
        <v>0</v>
      </c>
      <c r="DL26" s="222">
        <v>0</v>
      </c>
      <c r="DM26" s="222">
        <v>0</v>
      </c>
      <c r="DN26" s="222">
        <v>0</v>
      </c>
      <c r="DO26" s="220">
        <v>0</v>
      </c>
      <c r="DP26" s="223">
        <v>0</v>
      </c>
      <c r="DQ26" s="225">
        <v>0</v>
      </c>
      <c r="DR26" s="226">
        <v>0</v>
      </c>
      <c r="DS26" s="220">
        <v>0</v>
      </c>
      <c r="DT26" s="220">
        <v>0</v>
      </c>
      <c r="DU26" s="221">
        <v>19</v>
      </c>
      <c r="DV26" s="222">
        <v>51</v>
      </c>
      <c r="DW26" s="222">
        <v>118</v>
      </c>
      <c r="DX26" s="222">
        <v>191</v>
      </c>
      <c r="DY26" s="220">
        <v>127</v>
      </c>
      <c r="DZ26" s="223">
        <v>506</v>
      </c>
      <c r="EA26" s="225">
        <v>506</v>
      </c>
      <c r="EB26" s="37"/>
    </row>
    <row r="27" spans="1:132" ht="20.25" customHeight="1" x14ac:dyDescent="0.2">
      <c r="A27" s="63" t="s">
        <v>24</v>
      </c>
      <c r="B27" s="219">
        <v>0</v>
      </c>
      <c r="C27" s="220">
        <v>0</v>
      </c>
      <c r="D27" s="220">
        <v>0</v>
      </c>
      <c r="E27" s="221">
        <v>0</v>
      </c>
      <c r="F27" s="222">
        <v>1</v>
      </c>
      <c r="G27" s="222">
        <v>35</v>
      </c>
      <c r="H27" s="222">
        <v>70</v>
      </c>
      <c r="I27" s="220">
        <v>58</v>
      </c>
      <c r="J27" s="223">
        <v>164</v>
      </c>
      <c r="K27" s="224">
        <v>164</v>
      </c>
      <c r="L27" s="219">
        <v>0</v>
      </c>
      <c r="M27" s="220">
        <v>0</v>
      </c>
      <c r="N27" s="223">
        <v>0</v>
      </c>
      <c r="O27" s="221">
        <v>0</v>
      </c>
      <c r="P27" s="222">
        <v>1</v>
      </c>
      <c r="Q27" s="222">
        <v>35</v>
      </c>
      <c r="R27" s="222">
        <v>70</v>
      </c>
      <c r="S27" s="220">
        <v>58</v>
      </c>
      <c r="T27" s="223">
        <v>164</v>
      </c>
      <c r="U27" s="225">
        <v>164</v>
      </c>
      <c r="V27" s="226">
        <v>0</v>
      </c>
      <c r="W27" s="220">
        <v>0</v>
      </c>
      <c r="X27" s="223">
        <v>0</v>
      </c>
      <c r="Y27" s="226">
        <v>0</v>
      </c>
      <c r="Z27" s="222">
        <v>0</v>
      </c>
      <c r="AA27" s="222">
        <v>0</v>
      </c>
      <c r="AB27" s="222">
        <v>0</v>
      </c>
      <c r="AC27" s="220">
        <v>0</v>
      </c>
      <c r="AD27" s="223">
        <v>0</v>
      </c>
      <c r="AE27" s="227">
        <v>0</v>
      </c>
      <c r="AF27" s="226">
        <v>0</v>
      </c>
      <c r="AG27" s="220">
        <v>0</v>
      </c>
      <c r="AH27" s="223">
        <v>0</v>
      </c>
      <c r="AI27" s="226">
        <v>14</v>
      </c>
      <c r="AJ27" s="222">
        <v>24</v>
      </c>
      <c r="AK27" s="222">
        <v>23</v>
      </c>
      <c r="AL27" s="222">
        <v>26</v>
      </c>
      <c r="AM27" s="220">
        <v>18</v>
      </c>
      <c r="AN27" s="223">
        <v>105</v>
      </c>
      <c r="AO27" s="227">
        <v>105</v>
      </c>
      <c r="AP27" s="226">
        <v>0</v>
      </c>
      <c r="AQ27" s="220">
        <v>0</v>
      </c>
      <c r="AR27" s="223">
        <v>0</v>
      </c>
      <c r="AS27" s="221">
        <v>14</v>
      </c>
      <c r="AT27" s="222">
        <v>24</v>
      </c>
      <c r="AU27" s="222">
        <v>23</v>
      </c>
      <c r="AV27" s="222">
        <v>26</v>
      </c>
      <c r="AW27" s="220">
        <v>17</v>
      </c>
      <c r="AX27" s="223">
        <v>104</v>
      </c>
      <c r="AY27" s="224">
        <v>104</v>
      </c>
      <c r="AZ27" s="219">
        <v>0</v>
      </c>
      <c r="BA27" s="220">
        <v>0</v>
      </c>
      <c r="BB27" s="220">
        <v>0</v>
      </c>
      <c r="BC27" s="221">
        <v>0</v>
      </c>
      <c r="BD27" s="222">
        <v>0</v>
      </c>
      <c r="BE27" s="222">
        <v>0</v>
      </c>
      <c r="BF27" s="222">
        <v>0</v>
      </c>
      <c r="BG27" s="220">
        <v>1</v>
      </c>
      <c r="BH27" s="223">
        <v>1</v>
      </c>
      <c r="BI27" s="225">
        <v>1</v>
      </c>
      <c r="BJ27" s="226">
        <v>0</v>
      </c>
      <c r="BK27" s="220">
        <v>0</v>
      </c>
      <c r="BL27" s="220">
        <v>0</v>
      </c>
      <c r="BM27" s="221">
        <v>0</v>
      </c>
      <c r="BN27" s="222">
        <v>0</v>
      </c>
      <c r="BO27" s="222">
        <v>0</v>
      </c>
      <c r="BP27" s="222">
        <v>0</v>
      </c>
      <c r="BQ27" s="220">
        <v>1</v>
      </c>
      <c r="BR27" s="223">
        <v>1</v>
      </c>
      <c r="BS27" s="224">
        <v>1</v>
      </c>
      <c r="BT27" s="219">
        <v>0</v>
      </c>
      <c r="BU27" s="220">
        <v>0</v>
      </c>
      <c r="BV27" s="220">
        <v>0</v>
      </c>
      <c r="BW27" s="221">
        <v>0</v>
      </c>
      <c r="BX27" s="222">
        <v>0</v>
      </c>
      <c r="BY27" s="222">
        <v>0</v>
      </c>
      <c r="BZ27" s="222">
        <v>0</v>
      </c>
      <c r="CA27" s="220">
        <v>1</v>
      </c>
      <c r="CB27" s="223">
        <v>1</v>
      </c>
      <c r="CC27" s="225">
        <v>1</v>
      </c>
      <c r="CD27" s="226">
        <v>0</v>
      </c>
      <c r="CE27" s="220">
        <v>0</v>
      </c>
      <c r="CF27" s="220">
        <v>0</v>
      </c>
      <c r="CG27" s="221">
        <v>0</v>
      </c>
      <c r="CH27" s="222">
        <v>0</v>
      </c>
      <c r="CI27" s="222">
        <v>0</v>
      </c>
      <c r="CJ27" s="222">
        <v>0</v>
      </c>
      <c r="CK27" s="220">
        <v>0</v>
      </c>
      <c r="CL27" s="223">
        <v>0</v>
      </c>
      <c r="CM27" s="225">
        <v>0</v>
      </c>
      <c r="CN27" s="226">
        <v>0</v>
      </c>
      <c r="CO27" s="220">
        <v>0</v>
      </c>
      <c r="CP27" s="220">
        <v>0</v>
      </c>
      <c r="CQ27" s="221">
        <v>0</v>
      </c>
      <c r="CR27" s="222">
        <v>0</v>
      </c>
      <c r="CS27" s="222">
        <v>0</v>
      </c>
      <c r="CT27" s="222">
        <v>0</v>
      </c>
      <c r="CU27" s="220">
        <v>0</v>
      </c>
      <c r="CV27" s="223">
        <v>0</v>
      </c>
      <c r="CW27" s="224">
        <v>0</v>
      </c>
      <c r="CX27" s="219">
        <v>0</v>
      </c>
      <c r="CY27" s="220">
        <v>0</v>
      </c>
      <c r="CZ27" s="220">
        <v>0</v>
      </c>
      <c r="DA27" s="221">
        <v>0</v>
      </c>
      <c r="DB27" s="222">
        <v>0</v>
      </c>
      <c r="DC27" s="222">
        <v>0</v>
      </c>
      <c r="DD27" s="222">
        <v>0</v>
      </c>
      <c r="DE27" s="220">
        <v>0</v>
      </c>
      <c r="DF27" s="223">
        <v>0</v>
      </c>
      <c r="DG27" s="225">
        <v>0</v>
      </c>
      <c r="DH27" s="226">
        <v>0</v>
      </c>
      <c r="DI27" s="220">
        <v>0</v>
      </c>
      <c r="DJ27" s="220">
        <v>0</v>
      </c>
      <c r="DK27" s="221">
        <v>0</v>
      </c>
      <c r="DL27" s="222">
        <v>0</v>
      </c>
      <c r="DM27" s="222">
        <v>0</v>
      </c>
      <c r="DN27" s="222">
        <v>0</v>
      </c>
      <c r="DO27" s="220">
        <v>0</v>
      </c>
      <c r="DP27" s="223">
        <v>0</v>
      </c>
      <c r="DQ27" s="225">
        <v>0</v>
      </c>
      <c r="DR27" s="226">
        <v>0</v>
      </c>
      <c r="DS27" s="220">
        <v>0</v>
      </c>
      <c r="DT27" s="220">
        <v>0</v>
      </c>
      <c r="DU27" s="221">
        <v>14</v>
      </c>
      <c r="DV27" s="222">
        <v>25</v>
      </c>
      <c r="DW27" s="222">
        <v>58</v>
      </c>
      <c r="DX27" s="222">
        <v>95</v>
      </c>
      <c r="DY27" s="220">
        <v>76</v>
      </c>
      <c r="DZ27" s="223">
        <v>268</v>
      </c>
      <c r="EA27" s="225">
        <v>268</v>
      </c>
      <c r="EB27" s="37"/>
    </row>
    <row r="28" spans="1:132" ht="20.25" customHeight="1" x14ac:dyDescent="0.2">
      <c r="A28" s="63" t="s">
        <v>25</v>
      </c>
      <c r="B28" s="219">
        <v>0</v>
      </c>
      <c r="C28" s="220">
        <v>0</v>
      </c>
      <c r="D28" s="220">
        <v>0</v>
      </c>
      <c r="E28" s="221">
        <v>9</v>
      </c>
      <c r="F28" s="222">
        <v>8</v>
      </c>
      <c r="G28" s="222">
        <v>67</v>
      </c>
      <c r="H28" s="222">
        <v>73</v>
      </c>
      <c r="I28" s="220">
        <v>53</v>
      </c>
      <c r="J28" s="223">
        <v>210</v>
      </c>
      <c r="K28" s="224">
        <v>210</v>
      </c>
      <c r="L28" s="219">
        <v>0</v>
      </c>
      <c r="M28" s="220">
        <v>0</v>
      </c>
      <c r="N28" s="223">
        <v>0</v>
      </c>
      <c r="O28" s="221">
        <v>9</v>
      </c>
      <c r="P28" s="222">
        <v>8</v>
      </c>
      <c r="Q28" s="222">
        <v>67</v>
      </c>
      <c r="R28" s="222">
        <v>72</v>
      </c>
      <c r="S28" s="220">
        <v>49</v>
      </c>
      <c r="T28" s="223">
        <v>205</v>
      </c>
      <c r="U28" s="225">
        <v>205</v>
      </c>
      <c r="V28" s="226">
        <v>0</v>
      </c>
      <c r="W28" s="220">
        <v>0</v>
      </c>
      <c r="X28" s="223">
        <v>0</v>
      </c>
      <c r="Y28" s="226">
        <v>0</v>
      </c>
      <c r="Z28" s="222">
        <v>0</v>
      </c>
      <c r="AA28" s="222">
        <v>0</v>
      </c>
      <c r="AB28" s="222">
        <v>1</v>
      </c>
      <c r="AC28" s="220">
        <v>4</v>
      </c>
      <c r="AD28" s="223">
        <v>5</v>
      </c>
      <c r="AE28" s="227">
        <v>5</v>
      </c>
      <c r="AF28" s="226">
        <v>0</v>
      </c>
      <c r="AG28" s="220">
        <v>0</v>
      </c>
      <c r="AH28" s="223">
        <v>0</v>
      </c>
      <c r="AI28" s="226">
        <v>13</v>
      </c>
      <c r="AJ28" s="222">
        <v>17</v>
      </c>
      <c r="AK28" s="222">
        <v>36</v>
      </c>
      <c r="AL28" s="222">
        <v>53</v>
      </c>
      <c r="AM28" s="220">
        <v>18</v>
      </c>
      <c r="AN28" s="223">
        <v>137</v>
      </c>
      <c r="AO28" s="227">
        <v>137</v>
      </c>
      <c r="AP28" s="226">
        <v>0</v>
      </c>
      <c r="AQ28" s="220">
        <v>0</v>
      </c>
      <c r="AR28" s="223">
        <v>0</v>
      </c>
      <c r="AS28" s="221">
        <v>13</v>
      </c>
      <c r="AT28" s="222">
        <v>17</v>
      </c>
      <c r="AU28" s="222">
        <v>36</v>
      </c>
      <c r="AV28" s="222">
        <v>52</v>
      </c>
      <c r="AW28" s="220">
        <v>18</v>
      </c>
      <c r="AX28" s="223">
        <v>136</v>
      </c>
      <c r="AY28" s="224">
        <v>136</v>
      </c>
      <c r="AZ28" s="219">
        <v>0</v>
      </c>
      <c r="BA28" s="220">
        <v>0</v>
      </c>
      <c r="BB28" s="220">
        <v>0</v>
      </c>
      <c r="BC28" s="221">
        <v>0</v>
      </c>
      <c r="BD28" s="222">
        <v>0</v>
      </c>
      <c r="BE28" s="222">
        <v>0</v>
      </c>
      <c r="BF28" s="222">
        <v>1</v>
      </c>
      <c r="BG28" s="220">
        <v>0</v>
      </c>
      <c r="BH28" s="223">
        <v>1</v>
      </c>
      <c r="BI28" s="225">
        <v>1</v>
      </c>
      <c r="BJ28" s="226">
        <v>0</v>
      </c>
      <c r="BK28" s="220">
        <v>0</v>
      </c>
      <c r="BL28" s="220">
        <v>0</v>
      </c>
      <c r="BM28" s="221">
        <v>0</v>
      </c>
      <c r="BN28" s="222">
        <v>0</v>
      </c>
      <c r="BO28" s="222">
        <v>0</v>
      </c>
      <c r="BP28" s="222">
        <v>1</v>
      </c>
      <c r="BQ28" s="220">
        <v>1</v>
      </c>
      <c r="BR28" s="223">
        <v>2</v>
      </c>
      <c r="BS28" s="224">
        <v>2</v>
      </c>
      <c r="BT28" s="219">
        <v>0</v>
      </c>
      <c r="BU28" s="220">
        <v>0</v>
      </c>
      <c r="BV28" s="220">
        <v>0</v>
      </c>
      <c r="BW28" s="221">
        <v>0</v>
      </c>
      <c r="BX28" s="222">
        <v>0</v>
      </c>
      <c r="BY28" s="222">
        <v>0</v>
      </c>
      <c r="BZ28" s="222">
        <v>1</v>
      </c>
      <c r="CA28" s="220">
        <v>1</v>
      </c>
      <c r="CB28" s="223">
        <v>2</v>
      </c>
      <c r="CC28" s="225">
        <v>2</v>
      </c>
      <c r="CD28" s="226">
        <v>0</v>
      </c>
      <c r="CE28" s="220">
        <v>0</v>
      </c>
      <c r="CF28" s="220">
        <v>0</v>
      </c>
      <c r="CG28" s="221">
        <v>0</v>
      </c>
      <c r="CH28" s="222">
        <v>0</v>
      </c>
      <c r="CI28" s="222">
        <v>0</v>
      </c>
      <c r="CJ28" s="222">
        <v>0</v>
      </c>
      <c r="CK28" s="220">
        <v>0</v>
      </c>
      <c r="CL28" s="223">
        <v>0</v>
      </c>
      <c r="CM28" s="225">
        <v>0</v>
      </c>
      <c r="CN28" s="226">
        <v>0</v>
      </c>
      <c r="CO28" s="220">
        <v>0</v>
      </c>
      <c r="CP28" s="220">
        <v>0</v>
      </c>
      <c r="CQ28" s="221">
        <v>0</v>
      </c>
      <c r="CR28" s="222">
        <v>0</v>
      </c>
      <c r="CS28" s="222">
        <v>0</v>
      </c>
      <c r="CT28" s="222">
        <v>1</v>
      </c>
      <c r="CU28" s="220">
        <v>0</v>
      </c>
      <c r="CV28" s="223">
        <v>1</v>
      </c>
      <c r="CW28" s="224">
        <v>1</v>
      </c>
      <c r="CX28" s="219">
        <v>0</v>
      </c>
      <c r="CY28" s="220">
        <v>0</v>
      </c>
      <c r="CZ28" s="220">
        <v>0</v>
      </c>
      <c r="DA28" s="221">
        <v>0</v>
      </c>
      <c r="DB28" s="222">
        <v>0</v>
      </c>
      <c r="DC28" s="222">
        <v>0</v>
      </c>
      <c r="DD28" s="222">
        <v>1</v>
      </c>
      <c r="DE28" s="220">
        <v>0</v>
      </c>
      <c r="DF28" s="223">
        <v>1</v>
      </c>
      <c r="DG28" s="225">
        <v>1</v>
      </c>
      <c r="DH28" s="226">
        <v>0</v>
      </c>
      <c r="DI28" s="220">
        <v>0</v>
      </c>
      <c r="DJ28" s="220">
        <v>0</v>
      </c>
      <c r="DK28" s="221">
        <v>0</v>
      </c>
      <c r="DL28" s="222">
        <v>0</v>
      </c>
      <c r="DM28" s="222">
        <v>0</v>
      </c>
      <c r="DN28" s="222">
        <v>0</v>
      </c>
      <c r="DO28" s="220">
        <v>0</v>
      </c>
      <c r="DP28" s="223">
        <v>0</v>
      </c>
      <c r="DQ28" s="225">
        <v>0</v>
      </c>
      <c r="DR28" s="226">
        <v>0</v>
      </c>
      <c r="DS28" s="220">
        <v>0</v>
      </c>
      <c r="DT28" s="220">
        <v>0</v>
      </c>
      <c r="DU28" s="221">
        <v>22</v>
      </c>
      <c r="DV28" s="222">
        <v>25</v>
      </c>
      <c r="DW28" s="222">
        <v>103</v>
      </c>
      <c r="DX28" s="222">
        <v>127</v>
      </c>
      <c r="DY28" s="220">
        <v>72</v>
      </c>
      <c r="DZ28" s="223">
        <v>349</v>
      </c>
      <c r="EA28" s="225">
        <v>349</v>
      </c>
      <c r="EB28" s="37"/>
    </row>
    <row r="29" spans="1:132" ht="20.25" customHeight="1" x14ac:dyDescent="0.2">
      <c r="A29" s="63" t="s">
        <v>26</v>
      </c>
      <c r="B29" s="219">
        <v>0</v>
      </c>
      <c r="C29" s="220">
        <v>0</v>
      </c>
      <c r="D29" s="220">
        <v>0</v>
      </c>
      <c r="E29" s="221">
        <v>1</v>
      </c>
      <c r="F29" s="222">
        <v>6</v>
      </c>
      <c r="G29" s="222">
        <v>39</v>
      </c>
      <c r="H29" s="222">
        <v>62</v>
      </c>
      <c r="I29" s="220">
        <v>61</v>
      </c>
      <c r="J29" s="223">
        <v>169</v>
      </c>
      <c r="K29" s="224">
        <v>169</v>
      </c>
      <c r="L29" s="219">
        <v>0</v>
      </c>
      <c r="M29" s="220">
        <v>0</v>
      </c>
      <c r="N29" s="223">
        <v>0</v>
      </c>
      <c r="O29" s="221">
        <v>1</v>
      </c>
      <c r="P29" s="222">
        <v>6</v>
      </c>
      <c r="Q29" s="222">
        <v>39</v>
      </c>
      <c r="R29" s="222">
        <v>62</v>
      </c>
      <c r="S29" s="220">
        <v>61</v>
      </c>
      <c r="T29" s="223">
        <v>169</v>
      </c>
      <c r="U29" s="225">
        <v>169</v>
      </c>
      <c r="V29" s="226">
        <v>0</v>
      </c>
      <c r="W29" s="220">
        <v>0</v>
      </c>
      <c r="X29" s="223">
        <v>0</v>
      </c>
      <c r="Y29" s="226">
        <v>0</v>
      </c>
      <c r="Z29" s="222">
        <v>0</v>
      </c>
      <c r="AA29" s="222">
        <v>0</v>
      </c>
      <c r="AB29" s="222">
        <v>0</v>
      </c>
      <c r="AC29" s="220">
        <v>0</v>
      </c>
      <c r="AD29" s="223">
        <v>0</v>
      </c>
      <c r="AE29" s="227">
        <v>0</v>
      </c>
      <c r="AF29" s="226">
        <v>0</v>
      </c>
      <c r="AG29" s="220">
        <v>0</v>
      </c>
      <c r="AH29" s="223">
        <v>0</v>
      </c>
      <c r="AI29" s="226">
        <v>13</v>
      </c>
      <c r="AJ29" s="222">
        <v>20</v>
      </c>
      <c r="AK29" s="222">
        <v>24</v>
      </c>
      <c r="AL29" s="222">
        <v>23</v>
      </c>
      <c r="AM29" s="220">
        <v>12</v>
      </c>
      <c r="AN29" s="223">
        <v>92</v>
      </c>
      <c r="AO29" s="227">
        <v>92</v>
      </c>
      <c r="AP29" s="226">
        <v>0</v>
      </c>
      <c r="AQ29" s="220">
        <v>0</v>
      </c>
      <c r="AR29" s="223">
        <v>0</v>
      </c>
      <c r="AS29" s="221">
        <v>13</v>
      </c>
      <c r="AT29" s="222">
        <v>20</v>
      </c>
      <c r="AU29" s="222">
        <v>24</v>
      </c>
      <c r="AV29" s="222">
        <v>22</v>
      </c>
      <c r="AW29" s="220">
        <v>12</v>
      </c>
      <c r="AX29" s="223">
        <v>91</v>
      </c>
      <c r="AY29" s="224">
        <v>91</v>
      </c>
      <c r="AZ29" s="219">
        <v>0</v>
      </c>
      <c r="BA29" s="220">
        <v>0</v>
      </c>
      <c r="BB29" s="220">
        <v>0</v>
      </c>
      <c r="BC29" s="221">
        <v>0</v>
      </c>
      <c r="BD29" s="222">
        <v>0</v>
      </c>
      <c r="BE29" s="222">
        <v>0</v>
      </c>
      <c r="BF29" s="222">
        <v>1</v>
      </c>
      <c r="BG29" s="220">
        <v>0</v>
      </c>
      <c r="BH29" s="223">
        <v>1</v>
      </c>
      <c r="BI29" s="225">
        <v>1</v>
      </c>
      <c r="BJ29" s="226">
        <v>0</v>
      </c>
      <c r="BK29" s="220">
        <v>0</v>
      </c>
      <c r="BL29" s="220">
        <v>0</v>
      </c>
      <c r="BM29" s="221">
        <v>0</v>
      </c>
      <c r="BN29" s="222">
        <v>0</v>
      </c>
      <c r="BO29" s="222">
        <v>0</v>
      </c>
      <c r="BP29" s="222">
        <v>1</v>
      </c>
      <c r="BQ29" s="220">
        <v>0</v>
      </c>
      <c r="BR29" s="223">
        <v>1</v>
      </c>
      <c r="BS29" s="224">
        <v>1</v>
      </c>
      <c r="BT29" s="219">
        <v>0</v>
      </c>
      <c r="BU29" s="220">
        <v>0</v>
      </c>
      <c r="BV29" s="220">
        <v>0</v>
      </c>
      <c r="BW29" s="221">
        <v>0</v>
      </c>
      <c r="BX29" s="222">
        <v>0</v>
      </c>
      <c r="BY29" s="222">
        <v>0</v>
      </c>
      <c r="BZ29" s="222">
        <v>1</v>
      </c>
      <c r="CA29" s="220">
        <v>0</v>
      </c>
      <c r="CB29" s="223">
        <v>1</v>
      </c>
      <c r="CC29" s="225">
        <v>1</v>
      </c>
      <c r="CD29" s="226">
        <v>0</v>
      </c>
      <c r="CE29" s="220">
        <v>0</v>
      </c>
      <c r="CF29" s="220">
        <v>0</v>
      </c>
      <c r="CG29" s="221">
        <v>0</v>
      </c>
      <c r="CH29" s="222">
        <v>0</v>
      </c>
      <c r="CI29" s="222">
        <v>0</v>
      </c>
      <c r="CJ29" s="222">
        <v>0</v>
      </c>
      <c r="CK29" s="220">
        <v>0</v>
      </c>
      <c r="CL29" s="223">
        <v>0</v>
      </c>
      <c r="CM29" s="225">
        <v>0</v>
      </c>
      <c r="CN29" s="226">
        <v>0</v>
      </c>
      <c r="CO29" s="220">
        <v>0</v>
      </c>
      <c r="CP29" s="220">
        <v>0</v>
      </c>
      <c r="CQ29" s="221">
        <v>0</v>
      </c>
      <c r="CR29" s="222">
        <v>0</v>
      </c>
      <c r="CS29" s="222">
        <v>0</v>
      </c>
      <c r="CT29" s="222">
        <v>0</v>
      </c>
      <c r="CU29" s="220">
        <v>2</v>
      </c>
      <c r="CV29" s="223">
        <v>2</v>
      </c>
      <c r="CW29" s="224">
        <v>2</v>
      </c>
      <c r="CX29" s="219">
        <v>0</v>
      </c>
      <c r="CY29" s="220">
        <v>0</v>
      </c>
      <c r="CZ29" s="220">
        <v>0</v>
      </c>
      <c r="DA29" s="221">
        <v>0</v>
      </c>
      <c r="DB29" s="222">
        <v>0</v>
      </c>
      <c r="DC29" s="222">
        <v>0</v>
      </c>
      <c r="DD29" s="222">
        <v>0</v>
      </c>
      <c r="DE29" s="220">
        <v>2</v>
      </c>
      <c r="DF29" s="223">
        <v>2</v>
      </c>
      <c r="DG29" s="225">
        <v>2</v>
      </c>
      <c r="DH29" s="226">
        <v>0</v>
      </c>
      <c r="DI29" s="220">
        <v>0</v>
      </c>
      <c r="DJ29" s="220">
        <v>0</v>
      </c>
      <c r="DK29" s="221">
        <v>0</v>
      </c>
      <c r="DL29" s="222">
        <v>0</v>
      </c>
      <c r="DM29" s="222">
        <v>0</v>
      </c>
      <c r="DN29" s="222">
        <v>0</v>
      </c>
      <c r="DO29" s="220">
        <v>0</v>
      </c>
      <c r="DP29" s="223">
        <v>0</v>
      </c>
      <c r="DQ29" s="225">
        <v>0</v>
      </c>
      <c r="DR29" s="226">
        <v>0</v>
      </c>
      <c r="DS29" s="220">
        <v>0</v>
      </c>
      <c r="DT29" s="220">
        <v>0</v>
      </c>
      <c r="DU29" s="221">
        <v>14</v>
      </c>
      <c r="DV29" s="222">
        <v>26</v>
      </c>
      <c r="DW29" s="222">
        <v>63</v>
      </c>
      <c r="DX29" s="222">
        <v>86</v>
      </c>
      <c r="DY29" s="220">
        <v>75</v>
      </c>
      <c r="DZ29" s="223">
        <v>264</v>
      </c>
      <c r="EA29" s="225">
        <v>264</v>
      </c>
      <c r="EB29" s="37"/>
    </row>
    <row r="30" spans="1:132" ht="20.25" customHeight="1" x14ac:dyDescent="0.2">
      <c r="A30" s="63" t="s">
        <v>27</v>
      </c>
      <c r="B30" s="219">
        <v>0</v>
      </c>
      <c r="C30" s="220">
        <v>0</v>
      </c>
      <c r="D30" s="220">
        <v>0</v>
      </c>
      <c r="E30" s="221">
        <v>2</v>
      </c>
      <c r="F30" s="222">
        <v>2</v>
      </c>
      <c r="G30" s="222">
        <v>43</v>
      </c>
      <c r="H30" s="222">
        <v>55</v>
      </c>
      <c r="I30" s="220">
        <v>43</v>
      </c>
      <c r="J30" s="223">
        <v>145</v>
      </c>
      <c r="K30" s="224">
        <v>145</v>
      </c>
      <c r="L30" s="219">
        <v>0</v>
      </c>
      <c r="M30" s="220">
        <v>0</v>
      </c>
      <c r="N30" s="223">
        <v>0</v>
      </c>
      <c r="O30" s="221">
        <v>2</v>
      </c>
      <c r="P30" s="222">
        <v>2</v>
      </c>
      <c r="Q30" s="222">
        <v>41</v>
      </c>
      <c r="R30" s="222">
        <v>55</v>
      </c>
      <c r="S30" s="220">
        <v>43</v>
      </c>
      <c r="T30" s="223">
        <v>143</v>
      </c>
      <c r="U30" s="225">
        <v>143</v>
      </c>
      <c r="V30" s="226">
        <v>0</v>
      </c>
      <c r="W30" s="220">
        <v>0</v>
      </c>
      <c r="X30" s="223">
        <v>0</v>
      </c>
      <c r="Y30" s="226">
        <v>0</v>
      </c>
      <c r="Z30" s="222">
        <v>0</v>
      </c>
      <c r="AA30" s="222">
        <v>2</v>
      </c>
      <c r="AB30" s="222">
        <v>0</v>
      </c>
      <c r="AC30" s="220">
        <v>0</v>
      </c>
      <c r="AD30" s="223">
        <v>2</v>
      </c>
      <c r="AE30" s="227">
        <v>2</v>
      </c>
      <c r="AF30" s="226">
        <v>0</v>
      </c>
      <c r="AG30" s="220">
        <v>0</v>
      </c>
      <c r="AH30" s="223">
        <v>0</v>
      </c>
      <c r="AI30" s="226">
        <v>7</v>
      </c>
      <c r="AJ30" s="222">
        <v>16</v>
      </c>
      <c r="AK30" s="222">
        <v>24</v>
      </c>
      <c r="AL30" s="222">
        <v>13</v>
      </c>
      <c r="AM30" s="220">
        <v>8</v>
      </c>
      <c r="AN30" s="223">
        <v>68</v>
      </c>
      <c r="AO30" s="227">
        <v>68</v>
      </c>
      <c r="AP30" s="226">
        <v>0</v>
      </c>
      <c r="AQ30" s="220">
        <v>0</v>
      </c>
      <c r="AR30" s="223">
        <v>0</v>
      </c>
      <c r="AS30" s="221">
        <v>7</v>
      </c>
      <c r="AT30" s="222">
        <v>16</v>
      </c>
      <c r="AU30" s="222">
        <v>23</v>
      </c>
      <c r="AV30" s="222">
        <v>13</v>
      </c>
      <c r="AW30" s="220">
        <v>8</v>
      </c>
      <c r="AX30" s="223">
        <v>67</v>
      </c>
      <c r="AY30" s="224">
        <v>67</v>
      </c>
      <c r="AZ30" s="219">
        <v>0</v>
      </c>
      <c r="BA30" s="220">
        <v>0</v>
      </c>
      <c r="BB30" s="220">
        <v>0</v>
      </c>
      <c r="BC30" s="221">
        <v>0</v>
      </c>
      <c r="BD30" s="222">
        <v>0</v>
      </c>
      <c r="BE30" s="222">
        <v>1</v>
      </c>
      <c r="BF30" s="222">
        <v>0</v>
      </c>
      <c r="BG30" s="220">
        <v>0</v>
      </c>
      <c r="BH30" s="223">
        <v>1</v>
      </c>
      <c r="BI30" s="225">
        <v>1</v>
      </c>
      <c r="BJ30" s="226">
        <v>0</v>
      </c>
      <c r="BK30" s="220">
        <v>0</v>
      </c>
      <c r="BL30" s="220">
        <v>0</v>
      </c>
      <c r="BM30" s="221">
        <v>0</v>
      </c>
      <c r="BN30" s="222">
        <v>0</v>
      </c>
      <c r="BO30" s="222">
        <v>1</v>
      </c>
      <c r="BP30" s="222">
        <v>0</v>
      </c>
      <c r="BQ30" s="220">
        <v>0</v>
      </c>
      <c r="BR30" s="223">
        <v>1</v>
      </c>
      <c r="BS30" s="224">
        <v>1</v>
      </c>
      <c r="BT30" s="219">
        <v>0</v>
      </c>
      <c r="BU30" s="220">
        <v>0</v>
      </c>
      <c r="BV30" s="220">
        <v>0</v>
      </c>
      <c r="BW30" s="221">
        <v>0</v>
      </c>
      <c r="BX30" s="222">
        <v>0</v>
      </c>
      <c r="BY30" s="222">
        <v>1</v>
      </c>
      <c r="BZ30" s="222">
        <v>0</v>
      </c>
      <c r="CA30" s="220">
        <v>0</v>
      </c>
      <c r="CB30" s="223">
        <v>1</v>
      </c>
      <c r="CC30" s="225">
        <v>1</v>
      </c>
      <c r="CD30" s="226">
        <v>0</v>
      </c>
      <c r="CE30" s="220">
        <v>0</v>
      </c>
      <c r="CF30" s="220">
        <v>0</v>
      </c>
      <c r="CG30" s="221">
        <v>0</v>
      </c>
      <c r="CH30" s="222">
        <v>0</v>
      </c>
      <c r="CI30" s="222">
        <v>0</v>
      </c>
      <c r="CJ30" s="222">
        <v>0</v>
      </c>
      <c r="CK30" s="220">
        <v>0</v>
      </c>
      <c r="CL30" s="223">
        <v>0</v>
      </c>
      <c r="CM30" s="225">
        <v>0</v>
      </c>
      <c r="CN30" s="226">
        <v>0</v>
      </c>
      <c r="CO30" s="220">
        <v>0</v>
      </c>
      <c r="CP30" s="220">
        <v>0</v>
      </c>
      <c r="CQ30" s="221">
        <v>0</v>
      </c>
      <c r="CR30" s="222">
        <v>0</v>
      </c>
      <c r="CS30" s="222">
        <v>1</v>
      </c>
      <c r="CT30" s="222">
        <v>2</v>
      </c>
      <c r="CU30" s="220">
        <v>2</v>
      </c>
      <c r="CV30" s="223">
        <v>5</v>
      </c>
      <c r="CW30" s="224">
        <v>5</v>
      </c>
      <c r="CX30" s="219">
        <v>0</v>
      </c>
      <c r="CY30" s="220">
        <v>0</v>
      </c>
      <c r="CZ30" s="220">
        <v>0</v>
      </c>
      <c r="DA30" s="221">
        <v>0</v>
      </c>
      <c r="DB30" s="222">
        <v>0</v>
      </c>
      <c r="DC30" s="222">
        <v>1</v>
      </c>
      <c r="DD30" s="222">
        <v>2</v>
      </c>
      <c r="DE30" s="220">
        <v>1</v>
      </c>
      <c r="DF30" s="223">
        <v>4</v>
      </c>
      <c r="DG30" s="225">
        <v>4</v>
      </c>
      <c r="DH30" s="226">
        <v>0</v>
      </c>
      <c r="DI30" s="220">
        <v>0</v>
      </c>
      <c r="DJ30" s="220">
        <v>0</v>
      </c>
      <c r="DK30" s="221">
        <v>0</v>
      </c>
      <c r="DL30" s="222">
        <v>0</v>
      </c>
      <c r="DM30" s="222">
        <v>0</v>
      </c>
      <c r="DN30" s="222">
        <v>0</v>
      </c>
      <c r="DO30" s="220">
        <v>1</v>
      </c>
      <c r="DP30" s="223">
        <v>1</v>
      </c>
      <c r="DQ30" s="225">
        <v>1</v>
      </c>
      <c r="DR30" s="226">
        <v>0</v>
      </c>
      <c r="DS30" s="220">
        <v>0</v>
      </c>
      <c r="DT30" s="220">
        <v>0</v>
      </c>
      <c r="DU30" s="221">
        <v>9</v>
      </c>
      <c r="DV30" s="222">
        <v>18</v>
      </c>
      <c r="DW30" s="222">
        <v>69</v>
      </c>
      <c r="DX30" s="222">
        <v>70</v>
      </c>
      <c r="DY30" s="220">
        <v>53</v>
      </c>
      <c r="DZ30" s="223">
        <v>219</v>
      </c>
      <c r="EA30" s="225">
        <v>219</v>
      </c>
      <c r="EB30" s="37"/>
    </row>
    <row r="31" spans="1:132" ht="20.25" customHeight="1" x14ac:dyDescent="0.2">
      <c r="A31" s="63" t="s">
        <v>28</v>
      </c>
      <c r="B31" s="219">
        <v>0</v>
      </c>
      <c r="C31" s="220">
        <v>0</v>
      </c>
      <c r="D31" s="220">
        <v>0</v>
      </c>
      <c r="E31" s="221">
        <v>0</v>
      </c>
      <c r="F31" s="222">
        <v>2</v>
      </c>
      <c r="G31" s="222">
        <v>13</v>
      </c>
      <c r="H31" s="222">
        <v>19</v>
      </c>
      <c r="I31" s="220">
        <v>13</v>
      </c>
      <c r="J31" s="223">
        <v>47</v>
      </c>
      <c r="K31" s="224">
        <v>47</v>
      </c>
      <c r="L31" s="219">
        <v>0</v>
      </c>
      <c r="M31" s="220">
        <v>0</v>
      </c>
      <c r="N31" s="223">
        <v>0</v>
      </c>
      <c r="O31" s="221">
        <v>0</v>
      </c>
      <c r="P31" s="222">
        <v>2</v>
      </c>
      <c r="Q31" s="222">
        <v>13</v>
      </c>
      <c r="R31" s="222">
        <v>19</v>
      </c>
      <c r="S31" s="220">
        <v>13</v>
      </c>
      <c r="T31" s="223">
        <v>47</v>
      </c>
      <c r="U31" s="225">
        <v>47</v>
      </c>
      <c r="V31" s="226">
        <v>0</v>
      </c>
      <c r="W31" s="220">
        <v>0</v>
      </c>
      <c r="X31" s="223">
        <v>0</v>
      </c>
      <c r="Y31" s="226">
        <v>0</v>
      </c>
      <c r="Z31" s="222">
        <v>0</v>
      </c>
      <c r="AA31" s="222">
        <v>0</v>
      </c>
      <c r="AB31" s="222">
        <v>0</v>
      </c>
      <c r="AC31" s="220">
        <v>0</v>
      </c>
      <c r="AD31" s="223">
        <v>0</v>
      </c>
      <c r="AE31" s="227">
        <v>0</v>
      </c>
      <c r="AF31" s="226">
        <v>0</v>
      </c>
      <c r="AG31" s="220">
        <v>0</v>
      </c>
      <c r="AH31" s="223">
        <v>0</v>
      </c>
      <c r="AI31" s="226">
        <v>0</v>
      </c>
      <c r="AJ31" s="222">
        <v>10</v>
      </c>
      <c r="AK31" s="222">
        <v>6</v>
      </c>
      <c r="AL31" s="222">
        <v>8</v>
      </c>
      <c r="AM31" s="220">
        <v>5</v>
      </c>
      <c r="AN31" s="223">
        <v>29</v>
      </c>
      <c r="AO31" s="227">
        <v>29</v>
      </c>
      <c r="AP31" s="226">
        <v>0</v>
      </c>
      <c r="AQ31" s="220">
        <v>0</v>
      </c>
      <c r="AR31" s="223">
        <v>0</v>
      </c>
      <c r="AS31" s="221">
        <v>0</v>
      </c>
      <c r="AT31" s="222">
        <v>10</v>
      </c>
      <c r="AU31" s="222">
        <v>6</v>
      </c>
      <c r="AV31" s="222">
        <v>8</v>
      </c>
      <c r="AW31" s="220">
        <v>5</v>
      </c>
      <c r="AX31" s="223">
        <v>29</v>
      </c>
      <c r="AY31" s="224">
        <v>29</v>
      </c>
      <c r="AZ31" s="219">
        <v>0</v>
      </c>
      <c r="BA31" s="220">
        <v>0</v>
      </c>
      <c r="BB31" s="220">
        <v>0</v>
      </c>
      <c r="BC31" s="221">
        <v>0</v>
      </c>
      <c r="BD31" s="222">
        <v>0</v>
      </c>
      <c r="BE31" s="222">
        <v>0</v>
      </c>
      <c r="BF31" s="222">
        <v>0</v>
      </c>
      <c r="BG31" s="220">
        <v>0</v>
      </c>
      <c r="BH31" s="223">
        <v>0</v>
      </c>
      <c r="BI31" s="225">
        <v>0</v>
      </c>
      <c r="BJ31" s="226">
        <v>0</v>
      </c>
      <c r="BK31" s="220">
        <v>0</v>
      </c>
      <c r="BL31" s="220">
        <v>0</v>
      </c>
      <c r="BM31" s="221">
        <v>0</v>
      </c>
      <c r="BN31" s="222">
        <v>0</v>
      </c>
      <c r="BO31" s="222">
        <v>0</v>
      </c>
      <c r="BP31" s="222">
        <v>0</v>
      </c>
      <c r="BQ31" s="220">
        <v>0</v>
      </c>
      <c r="BR31" s="223">
        <v>0</v>
      </c>
      <c r="BS31" s="224">
        <v>0</v>
      </c>
      <c r="BT31" s="219">
        <v>0</v>
      </c>
      <c r="BU31" s="220">
        <v>0</v>
      </c>
      <c r="BV31" s="220">
        <v>0</v>
      </c>
      <c r="BW31" s="221">
        <v>0</v>
      </c>
      <c r="BX31" s="222">
        <v>0</v>
      </c>
      <c r="BY31" s="222">
        <v>0</v>
      </c>
      <c r="BZ31" s="222">
        <v>0</v>
      </c>
      <c r="CA31" s="220">
        <v>0</v>
      </c>
      <c r="CB31" s="223">
        <v>0</v>
      </c>
      <c r="CC31" s="225">
        <v>0</v>
      </c>
      <c r="CD31" s="226">
        <v>0</v>
      </c>
      <c r="CE31" s="220">
        <v>0</v>
      </c>
      <c r="CF31" s="220">
        <v>0</v>
      </c>
      <c r="CG31" s="221">
        <v>0</v>
      </c>
      <c r="CH31" s="222">
        <v>0</v>
      </c>
      <c r="CI31" s="222">
        <v>0</v>
      </c>
      <c r="CJ31" s="222">
        <v>0</v>
      </c>
      <c r="CK31" s="220">
        <v>0</v>
      </c>
      <c r="CL31" s="223">
        <v>0</v>
      </c>
      <c r="CM31" s="225">
        <v>0</v>
      </c>
      <c r="CN31" s="226">
        <v>0</v>
      </c>
      <c r="CO31" s="220">
        <v>0</v>
      </c>
      <c r="CP31" s="220">
        <v>0</v>
      </c>
      <c r="CQ31" s="221">
        <v>0</v>
      </c>
      <c r="CR31" s="222">
        <v>0</v>
      </c>
      <c r="CS31" s="222">
        <v>0</v>
      </c>
      <c r="CT31" s="222">
        <v>0</v>
      </c>
      <c r="CU31" s="220">
        <v>0</v>
      </c>
      <c r="CV31" s="223">
        <v>0</v>
      </c>
      <c r="CW31" s="224">
        <v>0</v>
      </c>
      <c r="CX31" s="219">
        <v>0</v>
      </c>
      <c r="CY31" s="220">
        <v>0</v>
      </c>
      <c r="CZ31" s="220">
        <v>0</v>
      </c>
      <c r="DA31" s="221">
        <v>0</v>
      </c>
      <c r="DB31" s="222">
        <v>0</v>
      </c>
      <c r="DC31" s="222">
        <v>0</v>
      </c>
      <c r="DD31" s="222">
        <v>0</v>
      </c>
      <c r="DE31" s="220">
        <v>0</v>
      </c>
      <c r="DF31" s="223">
        <v>0</v>
      </c>
      <c r="DG31" s="225">
        <v>0</v>
      </c>
      <c r="DH31" s="226">
        <v>0</v>
      </c>
      <c r="DI31" s="220">
        <v>0</v>
      </c>
      <c r="DJ31" s="220">
        <v>0</v>
      </c>
      <c r="DK31" s="221">
        <v>0</v>
      </c>
      <c r="DL31" s="222">
        <v>0</v>
      </c>
      <c r="DM31" s="222">
        <v>0</v>
      </c>
      <c r="DN31" s="222">
        <v>0</v>
      </c>
      <c r="DO31" s="220">
        <v>0</v>
      </c>
      <c r="DP31" s="223">
        <v>0</v>
      </c>
      <c r="DQ31" s="225">
        <v>0</v>
      </c>
      <c r="DR31" s="226">
        <v>0</v>
      </c>
      <c r="DS31" s="220">
        <v>0</v>
      </c>
      <c r="DT31" s="220">
        <v>0</v>
      </c>
      <c r="DU31" s="221">
        <v>0</v>
      </c>
      <c r="DV31" s="222">
        <v>12</v>
      </c>
      <c r="DW31" s="222">
        <v>19</v>
      </c>
      <c r="DX31" s="222">
        <v>27</v>
      </c>
      <c r="DY31" s="220">
        <v>18</v>
      </c>
      <c r="DZ31" s="223">
        <v>76</v>
      </c>
      <c r="EA31" s="225">
        <v>76</v>
      </c>
      <c r="EB31" s="37"/>
    </row>
    <row r="32" spans="1:132" ht="20.25" customHeight="1" x14ac:dyDescent="0.2">
      <c r="A32" s="63" t="s">
        <v>29</v>
      </c>
      <c r="B32" s="219">
        <v>0</v>
      </c>
      <c r="C32" s="220">
        <v>0</v>
      </c>
      <c r="D32" s="220">
        <v>0</v>
      </c>
      <c r="E32" s="221">
        <v>0</v>
      </c>
      <c r="F32" s="222">
        <v>1</v>
      </c>
      <c r="G32" s="222">
        <v>20</v>
      </c>
      <c r="H32" s="222">
        <v>37</v>
      </c>
      <c r="I32" s="220">
        <v>18</v>
      </c>
      <c r="J32" s="223">
        <v>76</v>
      </c>
      <c r="K32" s="224">
        <v>76</v>
      </c>
      <c r="L32" s="219">
        <v>0</v>
      </c>
      <c r="M32" s="220">
        <v>0</v>
      </c>
      <c r="N32" s="223">
        <v>0</v>
      </c>
      <c r="O32" s="221">
        <v>0</v>
      </c>
      <c r="P32" s="222">
        <v>1</v>
      </c>
      <c r="Q32" s="222">
        <v>20</v>
      </c>
      <c r="R32" s="222">
        <v>37</v>
      </c>
      <c r="S32" s="220">
        <v>18</v>
      </c>
      <c r="T32" s="223">
        <v>76</v>
      </c>
      <c r="U32" s="225">
        <v>76</v>
      </c>
      <c r="V32" s="226">
        <v>0</v>
      </c>
      <c r="W32" s="220">
        <v>0</v>
      </c>
      <c r="X32" s="223">
        <v>0</v>
      </c>
      <c r="Y32" s="226">
        <v>0</v>
      </c>
      <c r="Z32" s="222">
        <v>0</v>
      </c>
      <c r="AA32" s="222">
        <v>0</v>
      </c>
      <c r="AB32" s="222">
        <v>0</v>
      </c>
      <c r="AC32" s="220">
        <v>0</v>
      </c>
      <c r="AD32" s="223">
        <v>0</v>
      </c>
      <c r="AE32" s="227">
        <v>0</v>
      </c>
      <c r="AF32" s="226">
        <v>0</v>
      </c>
      <c r="AG32" s="220">
        <v>0</v>
      </c>
      <c r="AH32" s="223">
        <v>0</v>
      </c>
      <c r="AI32" s="226">
        <v>3</v>
      </c>
      <c r="AJ32" s="222">
        <v>10</v>
      </c>
      <c r="AK32" s="222">
        <v>5</v>
      </c>
      <c r="AL32" s="222">
        <v>18</v>
      </c>
      <c r="AM32" s="220">
        <v>11</v>
      </c>
      <c r="AN32" s="223">
        <v>47</v>
      </c>
      <c r="AO32" s="227">
        <v>47</v>
      </c>
      <c r="AP32" s="226">
        <v>0</v>
      </c>
      <c r="AQ32" s="220">
        <v>0</v>
      </c>
      <c r="AR32" s="223">
        <v>0</v>
      </c>
      <c r="AS32" s="221">
        <v>3</v>
      </c>
      <c r="AT32" s="222">
        <v>9</v>
      </c>
      <c r="AU32" s="222">
        <v>5</v>
      </c>
      <c r="AV32" s="222">
        <v>18</v>
      </c>
      <c r="AW32" s="220">
        <v>10</v>
      </c>
      <c r="AX32" s="223">
        <v>45</v>
      </c>
      <c r="AY32" s="224">
        <v>45</v>
      </c>
      <c r="AZ32" s="219">
        <v>0</v>
      </c>
      <c r="BA32" s="220">
        <v>0</v>
      </c>
      <c r="BB32" s="220">
        <v>0</v>
      </c>
      <c r="BC32" s="221">
        <v>0</v>
      </c>
      <c r="BD32" s="222">
        <v>1</v>
      </c>
      <c r="BE32" s="222">
        <v>0</v>
      </c>
      <c r="BF32" s="222">
        <v>0</v>
      </c>
      <c r="BG32" s="220">
        <v>1</v>
      </c>
      <c r="BH32" s="223">
        <v>2</v>
      </c>
      <c r="BI32" s="225">
        <v>2</v>
      </c>
      <c r="BJ32" s="226">
        <v>0</v>
      </c>
      <c r="BK32" s="220">
        <v>0</v>
      </c>
      <c r="BL32" s="220">
        <v>0</v>
      </c>
      <c r="BM32" s="221">
        <v>0</v>
      </c>
      <c r="BN32" s="222">
        <v>0</v>
      </c>
      <c r="BO32" s="222">
        <v>0</v>
      </c>
      <c r="BP32" s="222">
        <v>0</v>
      </c>
      <c r="BQ32" s="220">
        <v>2</v>
      </c>
      <c r="BR32" s="223">
        <v>2</v>
      </c>
      <c r="BS32" s="224">
        <v>2</v>
      </c>
      <c r="BT32" s="219">
        <v>0</v>
      </c>
      <c r="BU32" s="220">
        <v>0</v>
      </c>
      <c r="BV32" s="220">
        <v>0</v>
      </c>
      <c r="BW32" s="221">
        <v>0</v>
      </c>
      <c r="BX32" s="222">
        <v>0</v>
      </c>
      <c r="BY32" s="222">
        <v>0</v>
      </c>
      <c r="BZ32" s="222">
        <v>0</v>
      </c>
      <c r="CA32" s="220">
        <v>2</v>
      </c>
      <c r="CB32" s="223">
        <v>2</v>
      </c>
      <c r="CC32" s="225">
        <v>2</v>
      </c>
      <c r="CD32" s="226">
        <v>0</v>
      </c>
      <c r="CE32" s="220">
        <v>0</v>
      </c>
      <c r="CF32" s="220">
        <v>0</v>
      </c>
      <c r="CG32" s="221">
        <v>0</v>
      </c>
      <c r="CH32" s="222">
        <v>0</v>
      </c>
      <c r="CI32" s="222">
        <v>0</v>
      </c>
      <c r="CJ32" s="222">
        <v>0</v>
      </c>
      <c r="CK32" s="220">
        <v>0</v>
      </c>
      <c r="CL32" s="223">
        <v>0</v>
      </c>
      <c r="CM32" s="225">
        <v>0</v>
      </c>
      <c r="CN32" s="226">
        <v>0</v>
      </c>
      <c r="CO32" s="220">
        <v>0</v>
      </c>
      <c r="CP32" s="220">
        <v>0</v>
      </c>
      <c r="CQ32" s="221">
        <v>0</v>
      </c>
      <c r="CR32" s="222">
        <v>0</v>
      </c>
      <c r="CS32" s="222">
        <v>0</v>
      </c>
      <c r="CT32" s="222">
        <v>0</v>
      </c>
      <c r="CU32" s="220">
        <v>0</v>
      </c>
      <c r="CV32" s="223">
        <v>0</v>
      </c>
      <c r="CW32" s="224">
        <v>0</v>
      </c>
      <c r="CX32" s="219">
        <v>0</v>
      </c>
      <c r="CY32" s="220">
        <v>0</v>
      </c>
      <c r="CZ32" s="220">
        <v>0</v>
      </c>
      <c r="DA32" s="221">
        <v>0</v>
      </c>
      <c r="DB32" s="222">
        <v>0</v>
      </c>
      <c r="DC32" s="222">
        <v>0</v>
      </c>
      <c r="DD32" s="222">
        <v>0</v>
      </c>
      <c r="DE32" s="220">
        <v>0</v>
      </c>
      <c r="DF32" s="223">
        <v>0</v>
      </c>
      <c r="DG32" s="225">
        <v>0</v>
      </c>
      <c r="DH32" s="226">
        <v>0</v>
      </c>
      <c r="DI32" s="220">
        <v>0</v>
      </c>
      <c r="DJ32" s="220">
        <v>0</v>
      </c>
      <c r="DK32" s="221">
        <v>0</v>
      </c>
      <c r="DL32" s="222">
        <v>0</v>
      </c>
      <c r="DM32" s="222">
        <v>0</v>
      </c>
      <c r="DN32" s="222">
        <v>0</v>
      </c>
      <c r="DO32" s="220">
        <v>0</v>
      </c>
      <c r="DP32" s="223">
        <v>0</v>
      </c>
      <c r="DQ32" s="225">
        <v>0</v>
      </c>
      <c r="DR32" s="226">
        <v>0</v>
      </c>
      <c r="DS32" s="220">
        <v>0</v>
      </c>
      <c r="DT32" s="220">
        <v>0</v>
      </c>
      <c r="DU32" s="221">
        <v>3</v>
      </c>
      <c r="DV32" s="222">
        <v>11</v>
      </c>
      <c r="DW32" s="222">
        <v>25</v>
      </c>
      <c r="DX32" s="222">
        <v>55</v>
      </c>
      <c r="DY32" s="220">
        <v>31</v>
      </c>
      <c r="DZ32" s="223">
        <v>125</v>
      </c>
      <c r="EA32" s="225">
        <v>125</v>
      </c>
      <c r="EB32" s="37"/>
    </row>
    <row r="33" spans="1:132" ht="20.25" customHeight="1" x14ac:dyDescent="0.2">
      <c r="A33" s="63" t="s">
        <v>30</v>
      </c>
      <c r="B33" s="219">
        <v>0</v>
      </c>
      <c r="C33" s="220">
        <v>0</v>
      </c>
      <c r="D33" s="220">
        <v>0</v>
      </c>
      <c r="E33" s="221">
        <v>1</v>
      </c>
      <c r="F33" s="222">
        <v>2</v>
      </c>
      <c r="G33" s="222">
        <v>22</v>
      </c>
      <c r="H33" s="222">
        <v>23</v>
      </c>
      <c r="I33" s="220">
        <v>17</v>
      </c>
      <c r="J33" s="223">
        <v>65</v>
      </c>
      <c r="K33" s="224">
        <v>65</v>
      </c>
      <c r="L33" s="219">
        <v>0</v>
      </c>
      <c r="M33" s="220">
        <v>0</v>
      </c>
      <c r="N33" s="223">
        <v>0</v>
      </c>
      <c r="O33" s="221">
        <v>1</v>
      </c>
      <c r="P33" s="222">
        <v>2</v>
      </c>
      <c r="Q33" s="222">
        <v>22</v>
      </c>
      <c r="R33" s="222">
        <v>23</v>
      </c>
      <c r="S33" s="220">
        <v>17</v>
      </c>
      <c r="T33" s="223">
        <v>65</v>
      </c>
      <c r="U33" s="225">
        <v>65</v>
      </c>
      <c r="V33" s="226">
        <v>0</v>
      </c>
      <c r="W33" s="220">
        <v>0</v>
      </c>
      <c r="X33" s="223">
        <v>0</v>
      </c>
      <c r="Y33" s="226">
        <v>0</v>
      </c>
      <c r="Z33" s="222">
        <v>0</v>
      </c>
      <c r="AA33" s="222">
        <v>0</v>
      </c>
      <c r="AB33" s="222">
        <v>0</v>
      </c>
      <c r="AC33" s="220">
        <v>0</v>
      </c>
      <c r="AD33" s="223">
        <v>0</v>
      </c>
      <c r="AE33" s="227">
        <v>0</v>
      </c>
      <c r="AF33" s="226">
        <v>0</v>
      </c>
      <c r="AG33" s="220">
        <v>0</v>
      </c>
      <c r="AH33" s="223">
        <v>0</v>
      </c>
      <c r="AI33" s="226">
        <v>2</v>
      </c>
      <c r="AJ33" s="222">
        <v>8</v>
      </c>
      <c r="AK33" s="222">
        <v>12</v>
      </c>
      <c r="AL33" s="222">
        <v>20</v>
      </c>
      <c r="AM33" s="220">
        <v>7</v>
      </c>
      <c r="AN33" s="223">
        <v>49</v>
      </c>
      <c r="AO33" s="227">
        <v>49</v>
      </c>
      <c r="AP33" s="226">
        <v>0</v>
      </c>
      <c r="AQ33" s="220">
        <v>0</v>
      </c>
      <c r="AR33" s="223">
        <v>0</v>
      </c>
      <c r="AS33" s="221">
        <v>2</v>
      </c>
      <c r="AT33" s="222">
        <v>8</v>
      </c>
      <c r="AU33" s="222">
        <v>11</v>
      </c>
      <c r="AV33" s="222">
        <v>20</v>
      </c>
      <c r="AW33" s="220">
        <v>7</v>
      </c>
      <c r="AX33" s="223">
        <v>48</v>
      </c>
      <c r="AY33" s="224">
        <v>48</v>
      </c>
      <c r="AZ33" s="219">
        <v>0</v>
      </c>
      <c r="BA33" s="220">
        <v>0</v>
      </c>
      <c r="BB33" s="220">
        <v>0</v>
      </c>
      <c r="BC33" s="221">
        <v>0</v>
      </c>
      <c r="BD33" s="222">
        <v>0</v>
      </c>
      <c r="BE33" s="222">
        <v>1</v>
      </c>
      <c r="BF33" s="222">
        <v>0</v>
      </c>
      <c r="BG33" s="220">
        <v>0</v>
      </c>
      <c r="BH33" s="223">
        <v>1</v>
      </c>
      <c r="BI33" s="225">
        <v>1</v>
      </c>
      <c r="BJ33" s="226">
        <v>0</v>
      </c>
      <c r="BK33" s="220">
        <v>0</v>
      </c>
      <c r="BL33" s="220">
        <v>0</v>
      </c>
      <c r="BM33" s="221">
        <v>0</v>
      </c>
      <c r="BN33" s="222">
        <v>0</v>
      </c>
      <c r="BO33" s="222">
        <v>0</v>
      </c>
      <c r="BP33" s="222">
        <v>0</v>
      </c>
      <c r="BQ33" s="220">
        <v>0</v>
      </c>
      <c r="BR33" s="223">
        <v>0</v>
      </c>
      <c r="BS33" s="224">
        <v>0</v>
      </c>
      <c r="BT33" s="219">
        <v>0</v>
      </c>
      <c r="BU33" s="220">
        <v>0</v>
      </c>
      <c r="BV33" s="220">
        <v>0</v>
      </c>
      <c r="BW33" s="221">
        <v>0</v>
      </c>
      <c r="BX33" s="222">
        <v>0</v>
      </c>
      <c r="BY33" s="222">
        <v>0</v>
      </c>
      <c r="BZ33" s="222">
        <v>0</v>
      </c>
      <c r="CA33" s="220">
        <v>0</v>
      </c>
      <c r="CB33" s="223">
        <v>0</v>
      </c>
      <c r="CC33" s="225">
        <v>0</v>
      </c>
      <c r="CD33" s="226">
        <v>0</v>
      </c>
      <c r="CE33" s="220">
        <v>0</v>
      </c>
      <c r="CF33" s="220">
        <v>0</v>
      </c>
      <c r="CG33" s="221">
        <v>0</v>
      </c>
      <c r="CH33" s="222">
        <v>0</v>
      </c>
      <c r="CI33" s="222">
        <v>0</v>
      </c>
      <c r="CJ33" s="222">
        <v>0</v>
      </c>
      <c r="CK33" s="220">
        <v>0</v>
      </c>
      <c r="CL33" s="223">
        <v>0</v>
      </c>
      <c r="CM33" s="225">
        <v>0</v>
      </c>
      <c r="CN33" s="226">
        <v>0</v>
      </c>
      <c r="CO33" s="220">
        <v>0</v>
      </c>
      <c r="CP33" s="220">
        <v>0</v>
      </c>
      <c r="CQ33" s="221">
        <v>0</v>
      </c>
      <c r="CR33" s="222">
        <v>1</v>
      </c>
      <c r="CS33" s="222">
        <v>0</v>
      </c>
      <c r="CT33" s="222">
        <v>0</v>
      </c>
      <c r="CU33" s="220">
        <v>2</v>
      </c>
      <c r="CV33" s="223">
        <v>3</v>
      </c>
      <c r="CW33" s="224">
        <v>3</v>
      </c>
      <c r="CX33" s="219">
        <v>0</v>
      </c>
      <c r="CY33" s="220">
        <v>0</v>
      </c>
      <c r="CZ33" s="220">
        <v>0</v>
      </c>
      <c r="DA33" s="221">
        <v>0</v>
      </c>
      <c r="DB33" s="222">
        <v>1</v>
      </c>
      <c r="DC33" s="222">
        <v>0</v>
      </c>
      <c r="DD33" s="222">
        <v>0</v>
      </c>
      <c r="DE33" s="220">
        <v>2</v>
      </c>
      <c r="DF33" s="223">
        <v>3</v>
      </c>
      <c r="DG33" s="225">
        <v>3</v>
      </c>
      <c r="DH33" s="226">
        <v>0</v>
      </c>
      <c r="DI33" s="220">
        <v>0</v>
      </c>
      <c r="DJ33" s="220">
        <v>0</v>
      </c>
      <c r="DK33" s="221">
        <v>0</v>
      </c>
      <c r="DL33" s="222">
        <v>0</v>
      </c>
      <c r="DM33" s="222">
        <v>0</v>
      </c>
      <c r="DN33" s="222">
        <v>0</v>
      </c>
      <c r="DO33" s="220">
        <v>0</v>
      </c>
      <c r="DP33" s="223">
        <v>0</v>
      </c>
      <c r="DQ33" s="225">
        <v>0</v>
      </c>
      <c r="DR33" s="226">
        <v>0</v>
      </c>
      <c r="DS33" s="220">
        <v>0</v>
      </c>
      <c r="DT33" s="220">
        <v>0</v>
      </c>
      <c r="DU33" s="221">
        <v>3</v>
      </c>
      <c r="DV33" s="222">
        <v>11</v>
      </c>
      <c r="DW33" s="222">
        <v>34</v>
      </c>
      <c r="DX33" s="222">
        <v>42</v>
      </c>
      <c r="DY33" s="220">
        <v>26</v>
      </c>
      <c r="DZ33" s="223">
        <v>116</v>
      </c>
      <c r="EA33" s="225">
        <v>116</v>
      </c>
      <c r="EB33" s="37"/>
    </row>
    <row r="34" spans="1:132" ht="20.25" customHeight="1" x14ac:dyDescent="0.2">
      <c r="A34" s="63" t="s">
        <v>31</v>
      </c>
      <c r="B34" s="219">
        <v>0</v>
      </c>
      <c r="C34" s="220">
        <v>0</v>
      </c>
      <c r="D34" s="220">
        <v>0</v>
      </c>
      <c r="E34" s="221">
        <v>0</v>
      </c>
      <c r="F34" s="222">
        <v>4</v>
      </c>
      <c r="G34" s="222">
        <v>25</v>
      </c>
      <c r="H34" s="222">
        <v>25</v>
      </c>
      <c r="I34" s="220">
        <v>18</v>
      </c>
      <c r="J34" s="223">
        <v>72</v>
      </c>
      <c r="K34" s="224">
        <v>72</v>
      </c>
      <c r="L34" s="219">
        <v>0</v>
      </c>
      <c r="M34" s="220">
        <v>0</v>
      </c>
      <c r="N34" s="223">
        <v>0</v>
      </c>
      <c r="O34" s="221">
        <v>0</v>
      </c>
      <c r="P34" s="222">
        <v>4</v>
      </c>
      <c r="Q34" s="222">
        <v>25</v>
      </c>
      <c r="R34" s="222">
        <v>25</v>
      </c>
      <c r="S34" s="220">
        <v>18</v>
      </c>
      <c r="T34" s="223">
        <v>72</v>
      </c>
      <c r="U34" s="225">
        <v>72</v>
      </c>
      <c r="V34" s="226">
        <v>0</v>
      </c>
      <c r="W34" s="220">
        <v>0</v>
      </c>
      <c r="X34" s="223">
        <v>0</v>
      </c>
      <c r="Y34" s="226">
        <v>0</v>
      </c>
      <c r="Z34" s="222">
        <v>0</v>
      </c>
      <c r="AA34" s="222">
        <v>0</v>
      </c>
      <c r="AB34" s="222">
        <v>0</v>
      </c>
      <c r="AC34" s="220">
        <v>0</v>
      </c>
      <c r="AD34" s="223">
        <v>0</v>
      </c>
      <c r="AE34" s="227">
        <v>0</v>
      </c>
      <c r="AF34" s="226">
        <v>0</v>
      </c>
      <c r="AG34" s="220">
        <v>0</v>
      </c>
      <c r="AH34" s="223">
        <v>0</v>
      </c>
      <c r="AI34" s="226">
        <v>2</v>
      </c>
      <c r="AJ34" s="222">
        <v>13</v>
      </c>
      <c r="AK34" s="222">
        <v>10</v>
      </c>
      <c r="AL34" s="222">
        <v>12</v>
      </c>
      <c r="AM34" s="220">
        <v>3</v>
      </c>
      <c r="AN34" s="223">
        <v>40</v>
      </c>
      <c r="AO34" s="227">
        <v>40</v>
      </c>
      <c r="AP34" s="226">
        <v>0</v>
      </c>
      <c r="AQ34" s="220">
        <v>0</v>
      </c>
      <c r="AR34" s="223">
        <v>0</v>
      </c>
      <c r="AS34" s="221">
        <v>2</v>
      </c>
      <c r="AT34" s="222">
        <v>13</v>
      </c>
      <c r="AU34" s="222">
        <v>10</v>
      </c>
      <c r="AV34" s="222">
        <v>12</v>
      </c>
      <c r="AW34" s="220">
        <v>3</v>
      </c>
      <c r="AX34" s="223">
        <v>40</v>
      </c>
      <c r="AY34" s="224">
        <v>40</v>
      </c>
      <c r="AZ34" s="219">
        <v>0</v>
      </c>
      <c r="BA34" s="220">
        <v>0</v>
      </c>
      <c r="BB34" s="220">
        <v>0</v>
      </c>
      <c r="BC34" s="221">
        <v>0</v>
      </c>
      <c r="BD34" s="222">
        <v>0</v>
      </c>
      <c r="BE34" s="222">
        <v>0</v>
      </c>
      <c r="BF34" s="222">
        <v>0</v>
      </c>
      <c r="BG34" s="220">
        <v>0</v>
      </c>
      <c r="BH34" s="223">
        <v>0</v>
      </c>
      <c r="BI34" s="225">
        <v>0</v>
      </c>
      <c r="BJ34" s="226">
        <v>0</v>
      </c>
      <c r="BK34" s="220">
        <v>0</v>
      </c>
      <c r="BL34" s="220">
        <v>0</v>
      </c>
      <c r="BM34" s="221">
        <v>0</v>
      </c>
      <c r="BN34" s="222">
        <v>0</v>
      </c>
      <c r="BO34" s="222">
        <v>0</v>
      </c>
      <c r="BP34" s="222">
        <v>2</v>
      </c>
      <c r="BQ34" s="220">
        <v>0</v>
      </c>
      <c r="BR34" s="223">
        <v>2</v>
      </c>
      <c r="BS34" s="224">
        <v>2</v>
      </c>
      <c r="BT34" s="219">
        <v>0</v>
      </c>
      <c r="BU34" s="220">
        <v>0</v>
      </c>
      <c r="BV34" s="220">
        <v>0</v>
      </c>
      <c r="BW34" s="221">
        <v>0</v>
      </c>
      <c r="BX34" s="222">
        <v>0</v>
      </c>
      <c r="BY34" s="222">
        <v>0</v>
      </c>
      <c r="BZ34" s="222">
        <v>2</v>
      </c>
      <c r="CA34" s="220">
        <v>0</v>
      </c>
      <c r="CB34" s="223">
        <v>2</v>
      </c>
      <c r="CC34" s="225">
        <v>2</v>
      </c>
      <c r="CD34" s="226">
        <v>0</v>
      </c>
      <c r="CE34" s="220">
        <v>0</v>
      </c>
      <c r="CF34" s="220">
        <v>0</v>
      </c>
      <c r="CG34" s="221">
        <v>0</v>
      </c>
      <c r="CH34" s="222">
        <v>0</v>
      </c>
      <c r="CI34" s="222">
        <v>0</v>
      </c>
      <c r="CJ34" s="222">
        <v>0</v>
      </c>
      <c r="CK34" s="220">
        <v>0</v>
      </c>
      <c r="CL34" s="223">
        <v>0</v>
      </c>
      <c r="CM34" s="225">
        <v>0</v>
      </c>
      <c r="CN34" s="226">
        <v>0</v>
      </c>
      <c r="CO34" s="220">
        <v>0</v>
      </c>
      <c r="CP34" s="220">
        <v>0</v>
      </c>
      <c r="CQ34" s="221">
        <v>0</v>
      </c>
      <c r="CR34" s="222">
        <v>0</v>
      </c>
      <c r="CS34" s="222">
        <v>0</v>
      </c>
      <c r="CT34" s="222">
        <v>0</v>
      </c>
      <c r="CU34" s="220">
        <v>2</v>
      </c>
      <c r="CV34" s="223">
        <v>2</v>
      </c>
      <c r="CW34" s="224">
        <v>2</v>
      </c>
      <c r="CX34" s="219">
        <v>0</v>
      </c>
      <c r="CY34" s="220">
        <v>0</v>
      </c>
      <c r="CZ34" s="220">
        <v>0</v>
      </c>
      <c r="DA34" s="221">
        <v>0</v>
      </c>
      <c r="DB34" s="222">
        <v>0</v>
      </c>
      <c r="DC34" s="222">
        <v>0</v>
      </c>
      <c r="DD34" s="222">
        <v>0</v>
      </c>
      <c r="DE34" s="220">
        <v>2</v>
      </c>
      <c r="DF34" s="223">
        <v>2</v>
      </c>
      <c r="DG34" s="225">
        <v>2</v>
      </c>
      <c r="DH34" s="226">
        <v>0</v>
      </c>
      <c r="DI34" s="220">
        <v>0</v>
      </c>
      <c r="DJ34" s="220">
        <v>0</v>
      </c>
      <c r="DK34" s="221">
        <v>0</v>
      </c>
      <c r="DL34" s="222">
        <v>0</v>
      </c>
      <c r="DM34" s="222">
        <v>0</v>
      </c>
      <c r="DN34" s="222">
        <v>0</v>
      </c>
      <c r="DO34" s="220">
        <v>0</v>
      </c>
      <c r="DP34" s="223">
        <v>0</v>
      </c>
      <c r="DQ34" s="225">
        <v>0</v>
      </c>
      <c r="DR34" s="226">
        <v>0</v>
      </c>
      <c r="DS34" s="220">
        <v>0</v>
      </c>
      <c r="DT34" s="220">
        <v>0</v>
      </c>
      <c r="DU34" s="221">
        <v>2</v>
      </c>
      <c r="DV34" s="222">
        <v>17</v>
      </c>
      <c r="DW34" s="222">
        <v>35</v>
      </c>
      <c r="DX34" s="222">
        <v>39</v>
      </c>
      <c r="DY34" s="220">
        <v>23</v>
      </c>
      <c r="DZ34" s="223">
        <v>116</v>
      </c>
      <c r="EA34" s="225">
        <v>116</v>
      </c>
      <c r="EB34" s="37"/>
    </row>
    <row r="35" spans="1:132" ht="20.25" customHeight="1" x14ac:dyDescent="0.2">
      <c r="A35" s="63" t="s">
        <v>32</v>
      </c>
      <c r="B35" s="219">
        <v>0</v>
      </c>
      <c r="C35" s="220">
        <v>0</v>
      </c>
      <c r="D35" s="220">
        <v>0</v>
      </c>
      <c r="E35" s="221">
        <v>1</v>
      </c>
      <c r="F35" s="222">
        <v>2</v>
      </c>
      <c r="G35" s="222">
        <v>9</v>
      </c>
      <c r="H35" s="222">
        <v>22</v>
      </c>
      <c r="I35" s="220">
        <v>7</v>
      </c>
      <c r="J35" s="223">
        <v>41</v>
      </c>
      <c r="K35" s="224">
        <v>41</v>
      </c>
      <c r="L35" s="219">
        <v>0</v>
      </c>
      <c r="M35" s="220">
        <v>0</v>
      </c>
      <c r="N35" s="223">
        <v>0</v>
      </c>
      <c r="O35" s="221">
        <v>1</v>
      </c>
      <c r="P35" s="222">
        <v>2</v>
      </c>
      <c r="Q35" s="222">
        <v>9</v>
      </c>
      <c r="R35" s="222">
        <v>22</v>
      </c>
      <c r="S35" s="220">
        <v>6</v>
      </c>
      <c r="T35" s="223">
        <v>40</v>
      </c>
      <c r="U35" s="225">
        <v>40</v>
      </c>
      <c r="V35" s="226">
        <v>0</v>
      </c>
      <c r="W35" s="220">
        <v>0</v>
      </c>
      <c r="X35" s="223">
        <v>0</v>
      </c>
      <c r="Y35" s="226">
        <v>0</v>
      </c>
      <c r="Z35" s="222">
        <v>0</v>
      </c>
      <c r="AA35" s="222">
        <v>0</v>
      </c>
      <c r="AB35" s="222">
        <v>0</v>
      </c>
      <c r="AC35" s="220">
        <v>1</v>
      </c>
      <c r="AD35" s="223">
        <v>1</v>
      </c>
      <c r="AE35" s="227">
        <v>1</v>
      </c>
      <c r="AF35" s="226">
        <v>0</v>
      </c>
      <c r="AG35" s="220">
        <v>0</v>
      </c>
      <c r="AH35" s="223">
        <v>0</v>
      </c>
      <c r="AI35" s="226">
        <v>3</v>
      </c>
      <c r="AJ35" s="222">
        <v>8</v>
      </c>
      <c r="AK35" s="222">
        <v>13</v>
      </c>
      <c r="AL35" s="222">
        <v>11</v>
      </c>
      <c r="AM35" s="220">
        <v>8</v>
      </c>
      <c r="AN35" s="223">
        <v>43</v>
      </c>
      <c r="AO35" s="227">
        <v>43</v>
      </c>
      <c r="AP35" s="226">
        <v>0</v>
      </c>
      <c r="AQ35" s="220">
        <v>0</v>
      </c>
      <c r="AR35" s="223">
        <v>0</v>
      </c>
      <c r="AS35" s="221">
        <v>3</v>
      </c>
      <c r="AT35" s="222">
        <v>8</v>
      </c>
      <c r="AU35" s="222">
        <v>13</v>
      </c>
      <c r="AV35" s="222">
        <v>11</v>
      </c>
      <c r="AW35" s="220">
        <v>8</v>
      </c>
      <c r="AX35" s="223">
        <v>43</v>
      </c>
      <c r="AY35" s="224">
        <v>43</v>
      </c>
      <c r="AZ35" s="219">
        <v>0</v>
      </c>
      <c r="BA35" s="220">
        <v>0</v>
      </c>
      <c r="BB35" s="220">
        <v>0</v>
      </c>
      <c r="BC35" s="221">
        <v>0</v>
      </c>
      <c r="BD35" s="222">
        <v>0</v>
      </c>
      <c r="BE35" s="222">
        <v>0</v>
      </c>
      <c r="BF35" s="222">
        <v>0</v>
      </c>
      <c r="BG35" s="220">
        <v>0</v>
      </c>
      <c r="BH35" s="223">
        <v>0</v>
      </c>
      <c r="BI35" s="225">
        <v>0</v>
      </c>
      <c r="BJ35" s="226">
        <v>0</v>
      </c>
      <c r="BK35" s="220">
        <v>0</v>
      </c>
      <c r="BL35" s="220">
        <v>0</v>
      </c>
      <c r="BM35" s="221">
        <v>0</v>
      </c>
      <c r="BN35" s="222">
        <v>0</v>
      </c>
      <c r="BO35" s="222">
        <v>0</v>
      </c>
      <c r="BP35" s="222">
        <v>0</v>
      </c>
      <c r="BQ35" s="220">
        <v>0</v>
      </c>
      <c r="BR35" s="223">
        <v>0</v>
      </c>
      <c r="BS35" s="224">
        <v>0</v>
      </c>
      <c r="BT35" s="219">
        <v>0</v>
      </c>
      <c r="BU35" s="220">
        <v>0</v>
      </c>
      <c r="BV35" s="220">
        <v>0</v>
      </c>
      <c r="BW35" s="221">
        <v>0</v>
      </c>
      <c r="BX35" s="222">
        <v>0</v>
      </c>
      <c r="BY35" s="222">
        <v>0</v>
      </c>
      <c r="BZ35" s="222">
        <v>0</v>
      </c>
      <c r="CA35" s="220">
        <v>0</v>
      </c>
      <c r="CB35" s="223">
        <v>0</v>
      </c>
      <c r="CC35" s="225">
        <v>0</v>
      </c>
      <c r="CD35" s="226">
        <v>0</v>
      </c>
      <c r="CE35" s="220">
        <v>0</v>
      </c>
      <c r="CF35" s="220">
        <v>0</v>
      </c>
      <c r="CG35" s="221">
        <v>0</v>
      </c>
      <c r="CH35" s="222">
        <v>0</v>
      </c>
      <c r="CI35" s="222">
        <v>0</v>
      </c>
      <c r="CJ35" s="222">
        <v>0</v>
      </c>
      <c r="CK35" s="220">
        <v>0</v>
      </c>
      <c r="CL35" s="223">
        <v>0</v>
      </c>
      <c r="CM35" s="225">
        <v>0</v>
      </c>
      <c r="CN35" s="226">
        <v>0</v>
      </c>
      <c r="CO35" s="220">
        <v>0</v>
      </c>
      <c r="CP35" s="220">
        <v>0</v>
      </c>
      <c r="CQ35" s="221">
        <v>0</v>
      </c>
      <c r="CR35" s="222">
        <v>0</v>
      </c>
      <c r="CS35" s="222">
        <v>0</v>
      </c>
      <c r="CT35" s="222">
        <v>0</v>
      </c>
      <c r="CU35" s="220">
        <v>0</v>
      </c>
      <c r="CV35" s="223">
        <v>0</v>
      </c>
      <c r="CW35" s="224">
        <v>0</v>
      </c>
      <c r="CX35" s="219">
        <v>0</v>
      </c>
      <c r="CY35" s="220">
        <v>0</v>
      </c>
      <c r="CZ35" s="220">
        <v>0</v>
      </c>
      <c r="DA35" s="221">
        <v>0</v>
      </c>
      <c r="DB35" s="222">
        <v>0</v>
      </c>
      <c r="DC35" s="222">
        <v>0</v>
      </c>
      <c r="DD35" s="222">
        <v>0</v>
      </c>
      <c r="DE35" s="220">
        <v>0</v>
      </c>
      <c r="DF35" s="223">
        <v>0</v>
      </c>
      <c r="DG35" s="225">
        <v>0</v>
      </c>
      <c r="DH35" s="226">
        <v>0</v>
      </c>
      <c r="DI35" s="220">
        <v>0</v>
      </c>
      <c r="DJ35" s="220">
        <v>0</v>
      </c>
      <c r="DK35" s="221">
        <v>0</v>
      </c>
      <c r="DL35" s="222">
        <v>0</v>
      </c>
      <c r="DM35" s="222">
        <v>0</v>
      </c>
      <c r="DN35" s="222">
        <v>0</v>
      </c>
      <c r="DO35" s="220">
        <v>0</v>
      </c>
      <c r="DP35" s="223">
        <v>0</v>
      </c>
      <c r="DQ35" s="225">
        <v>0</v>
      </c>
      <c r="DR35" s="226">
        <v>0</v>
      </c>
      <c r="DS35" s="220">
        <v>0</v>
      </c>
      <c r="DT35" s="220">
        <v>0</v>
      </c>
      <c r="DU35" s="221">
        <v>4</v>
      </c>
      <c r="DV35" s="222">
        <v>10</v>
      </c>
      <c r="DW35" s="222">
        <v>22</v>
      </c>
      <c r="DX35" s="222">
        <v>33</v>
      </c>
      <c r="DY35" s="220">
        <v>15</v>
      </c>
      <c r="DZ35" s="223">
        <v>84</v>
      </c>
      <c r="EA35" s="225">
        <v>84</v>
      </c>
      <c r="EB35" s="37"/>
    </row>
    <row r="36" spans="1:132" ht="20.25" customHeight="1" x14ac:dyDescent="0.2">
      <c r="A36" s="63" t="s">
        <v>33</v>
      </c>
      <c r="B36" s="219">
        <v>0</v>
      </c>
      <c r="C36" s="220">
        <v>0</v>
      </c>
      <c r="D36" s="220">
        <v>0</v>
      </c>
      <c r="E36" s="221">
        <v>0</v>
      </c>
      <c r="F36" s="222">
        <v>8</v>
      </c>
      <c r="G36" s="222">
        <v>29</v>
      </c>
      <c r="H36" s="222">
        <v>27</v>
      </c>
      <c r="I36" s="220">
        <v>28</v>
      </c>
      <c r="J36" s="223">
        <v>92</v>
      </c>
      <c r="K36" s="224">
        <v>92</v>
      </c>
      <c r="L36" s="219">
        <v>0</v>
      </c>
      <c r="M36" s="220">
        <v>0</v>
      </c>
      <c r="N36" s="223">
        <v>0</v>
      </c>
      <c r="O36" s="221">
        <v>0</v>
      </c>
      <c r="P36" s="222">
        <v>8</v>
      </c>
      <c r="Q36" s="222">
        <v>29</v>
      </c>
      <c r="R36" s="222">
        <v>27</v>
      </c>
      <c r="S36" s="220">
        <v>28</v>
      </c>
      <c r="T36" s="223">
        <v>92</v>
      </c>
      <c r="U36" s="225">
        <v>92</v>
      </c>
      <c r="V36" s="226">
        <v>0</v>
      </c>
      <c r="W36" s="220">
        <v>0</v>
      </c>
      <c r="X36" s="223">
        <v>0</v>
      </c>
      <c r="Y36" s="226">
        <v>0</v>
      </c>
      <c r="Z36" s="222">
        <v>0</v>
      </c>
      <c r="AA36" s="222">
        <v>0</v>
      </c>
      <c r="AB36" s="222">
        <v>0</v>
      </c>
      <c r="AC36" s="220">
        <v>0</v>
      </c>
      <c r="AD36" s="223">
        <v>0</v>
      </c>
      <c r="AE36" s="227">
        <v>0</v>
      </c>
      <c r="AF36" s="226">
        <v>0</v>
      </c>
      <c r="AG36" s="220">
        <v>0</v>
      </c>
      <c r="AH36" s="223">
        <v>0</v>
      </c>
      <c r="AI36" s="226">
        <v>10</v>
      </c>
      <c r="AJ36" s="222">
        <v>7</v>
      </c>
      <c r="AK36" s="222">
        <v>13</v>
      </c>
      <c r="AL36" s="222">
        <v>17</v>
      </c>
      <c r="AM36" s="220">
        <v>7</v>
      </c>
      <c r="AN36" s="223">
        <v>54</v>
      </c>
      <c r="AO36" s="227">
        <v>54</v>
      </c>
      <c r="AP36" s="226">
        <v>0</v>
      </c>
      <c r="AQ36" s="220">
        <v>0</v>
      </c>
      <c r="AR36" s="223">
        <v>0</v>
      </c>
      <c r="AS36" s="221">
        <v>10</v>
      </c>
      <c r="AT36" s="222">
        <v>7</v>
      </c>
      <c r="AU36" s="222">
        <v>13</v>
      </c>
      <c r="AV36" s="222">
        <v>17</v>
      </c>
      <c r="AW36" s="220">
        <v>7</v>
      </c>
      <c r="AX36" s="223">
        <v>54</v>
      </c>
      <c r="AY36" s="224">
        <v>54</v>
      </c>
      <c r="AZ36" s="219">
        <v>0</v>
      </c>
      <c r="BA36" s="220">
        <v>0</v>
      </c>
      <c r="BB36" s="220">
        <v>0</v>
      </c>
      <c r="BC36" s="221">
        <v>0</v>
      </c>
      <c r="BD36" s="222">
        <v>0</v>
      </c>
      <c r="BE36" s="222">
        <v>0</v>
      </c>
      <c r="BF36" s="222">
        <v>0</v>
      </c>
      <c r="BG36" s="220">
        <v>0</v>
      </c>
      <c r="BH36" s="223">
        <v>0</v>
      </c>
      <c r="BI36" s="225">
        <v>0</v>
      </c>
      <c r="BJ36" s="226">
        <v>0</v>
      </c>
      <c r="BK36" s="220">
        <v>0</v>
      </c>
      <c r="BL36" s="220">
        <v>0</v>
      </c>
      <c r="BM36" s="221">
        <v>0</v>
      </c>
      <c r="BN36" s="222">
        <v>0</v>
      </c>
      <c r="BO36" s="222">
        <v>0</v>
      </c>
      <c r="BP36" s="222">
        <v>0</v>
      </c>
      <c r="BQ36" s="220">
        <v>0</v>
      </c>
      <c r="BR36" s="223">
        <v>0</v>
      </c>
      <c r="BS36" s="224">
        <v>0</v>
      </c>
      <c r="BT36" s="219">
        <v>0</v>
      </c>
      <c r="BU36" s="220">
        <v>0</v>
      </c>
      <c r="BV36" s="220">
        <v>0</v>
      </c>
      <c r="BW36" s="221">
        <v>0</v>
      </c>
      <c r="BX36" s="222">
        <v>0</v>
      </c>
      <c r="BY36" s="222">
        <v>0</v>
      </c>
      <c r="BZ36" s="222">
        <v>0</v>
      </c>
      <c r="CA36" s="220">
        <v>0</v>
      </c>
      <c r="CB36" s="223">
        <v>0</v>
      </c>
      <c r="CC36" s="225">
        <v>0</v>
      </c>
      <c r="CD36" s="226">
        <v>0</v>
      </c>
      <c r="CE36" s="220">
        <v>0</v>
      </c>
      <c r="CF36" s="220">
        <v>0</v>
      </c>
      <c r="CG36" s="221">
        <v>0</v>
      </c>
      <c r="CH36" s="222">
        <v>0</v>
      </c>
      <c r="CI36" s="222">
        <v>0</v>
      </c>
      <c r="CJ36" s="222">
        <v>0</v>
      </c>
      <c r="CK36" s="220">
        <v>0</v>
      </c>
      <c r="CL36" s="223">
        <v>0</v>
      </c>
      <c r="CM36" s="225">
        <v>0</v>
      </c>
      <c r="CN36" s="226">
        <v>0</v>
      </c>
      <c r="CO36" s="220">
        <v>0</v>
      </c>
      <c r="CP36" s="220">
        <v>0</v>
      </c>
      <c r="CQ36" s="221">
        <v>4</v>
      </c>
      <c r="CR36" s="222">
        <v>4</v>
      </c>
      <c r="CS36" s="222">
        <v>6</v>
      </c>
      <c r="CT36" s="222">
        <v>6</v>
      </c>
      <c r="CU36" s="220">
        <v>6</v>
      </c>
      <c r="CV36" s="223">
        <v>26</v>
      </c>
      <c r="CW36" s="224">
        <v>26</v>
      </c>
      <c r="CX36" s="219">
        <v>0</v>
      </c>
      <c r="CY36" s="220">
        <v>0</v>
      </c>
      <c r="CZ36" s="220">
        <v>0</v>
      </c>
      <c r="DA36" s="221">
        <v>4</v>
      </c>
      <c r="DB36" s="222">
        <v>4</v>
      </c>
      <c r="DC36" s="222">
        <v>6</v>
      </c>
      <c r="DD36" s="222">
        <v>6</v>
      </c>
      <c r="DE36" s="220">
        <v>6</v>
      </c>
      <c r="DF36" s="223">
        <v>26</v>
      </c>
      <c r="DG36" s="225">
        <v>26</v>
      </c>
      <c r="DH36" s="226">
        <v>0</v>
      </c>
      <c r="DI36" s="220">
        <v>0</v>
      </c>
      <c r="DJ36" s="220">
        <v>0</v>
      </c>
      <c r="DK36" s="221">
        <v>0</v>
      </c>
      <c r="DL36" s="222">
        <v>0</v>
      </c>
      <c r="DM36" s="222">
        <v>0</v>
      </c>
      <c r="DN36" s="222">
        <v>0</v>
      </c>
      <c r="DO36" s="220">
        <v>0</v>
      </c>
      <c r="DP36" s="223">
        <v>0</v>
      </c>
      <c r="DQ36" s="225">
        <v>0</v>
      </c>
      <c r="DR36" s="226">
        <v>0</v>
      </c>
      <c r="DS36" s="220">
        <v>0</v>
      </c>
      <c r="DT36" s="220">
        <v>0</v>
      </c>
      <c r="DU36" s="221">
        <v>14</v>
      </c>
      <c r="DV36" s="222">
        <v>19</v>
      </c>
      <c r="DW36" s="222">
        <v>48</v>
      </c>
      <c r="DX36" s="222">
        <v>50</v>
      </c>
      <c r="DY36" s="220">
        <v>41</v>
      </c>
      <c r="DZ36" s="223">
        <v>172</v>
      </c>
      <c r="EA36" s="225">
        <v>172</v>
      </c>
      <c r="EB36" s="37"/>
    </row>
    <row r="37" spans="1:132" ht="20.25" customHeight="1" x14ac:dyDescent="0.2">
      <c r="A37" s="63" t="s">
        <v>34</v>
      </c>
      <c r="B37" s="219">
        <v>0</v>
      </c>
      <c r="C37" s="220">
        <v>0</v>
      </c>
      <c r="D37" s="220">
        <v>0</v>
      </c>
      <c r="E37" s="221">
        <v>0</v>
      </c>
      <c r="F37" s="222">
        <v>0</v>
      </c>
      <c r="G37" s="222">
        <v>7</v>
      </c>
      <c r="H37" s="222">
        <v>20</v>
      </c>
      <c r="I37" s="220">
        <v>21</v>
      </c>
      <c r="J37" s="223">
        <v>48</v>
      </c>
      <c r="K37" s="224">
        <v>48</v>
      </c>
      <c r="L37" s="219">
        <v>0</v>
      </c>
      <c r="M37" s="220">
        <v>0</v>
      </c>
      <c r="N37" s="223">
        <v>0</v>
      </c>
      <c r="O37" s="221">
        <v>0</v>
      </c>
      <c r="P37" s="222">
        <v>0</v>
      </c>
      <c r="Q37" s="222">
        <v>7</v>
      </c>
      <c r="R37" s="222">
        <v>20</v>
      </c>
      <c r="S37" s="220">
        <v>21</v>
      </c>
      <c r="T37" s="223">
        <v>48</v>
      </c>
      <c r="U37" s="225">
        <v>48</v>
      </c>
      <c r="V37" s="226">
        <v>0</v>
      </c>
      <c r="W37" s="220">
        <v>0</v>
      </c>
      <c r="X37" s="223">
        <v>0</v>
      </c>
      <c r="Y37" s="226">
        <v>0</v>
      </c>
      <c r="Z37" s="222">
        <v>0</v>
      </c>
      <c r="AA37" s="222">
        <v>0</v>
      </c>
      <c r="AB37" s="222">
        <v>0</v>
      </c>
      <c r="AC37" s="220">
        <v>0</v>
      </c>
      <c r="AD37" s="223">
        <v>0</v>
      </c>
      <c r="AE37" s="227">
        <v>0</v>
      </c>
      <c r="AF37" s="226">
        <v>0</v>
      </c>
      <c r="AG37" s="220">
        <v>0</v>
      </c>
      <c r="AH37" s="223">
        <v>0</v>
      </c>
      <c r="AI37" s="226">
        <v>6</v>
      </c>
      <c r="AJ37" s="222">
        <v>11</v>
      </c>
      <c r="AK37" s="222">
        <v>14</v>
      </c>
      <c r="AL37" s="222">
        <v>9</v>
      </c>
      <c r="AM37" s="220">
        <v>4</v>
      </c>
      <c r="AN37" s="223">
        <v>44</v>
      </c>
      <c r="AO37" s="227">
        <v>44</v>
      </c>
      <c r="AP37" s="226">
        <v>0</v>
      </c>
      <c r="AQ37" s="220">
        <v>0</v>
      </c>
      <c r="AR37" s="223">
        <v>0</v>
      </c>
      <c r="AS37" s="221">
        <v>6</v>
      </c>
      <c r="AT37" s="222">
        <v>11</v>
      </c>
      <c r="AU37" s="222">
        <v>14</v>
      </c>
      <c r="AV37" s="222">
        <v>9</v>
      </c>
      <c r="AW37" s="220">
        <v>4</v>
      </c>
      <c r="AX37" s="223">
        <v>44</v>
      </c>
      <c r="AY37" s="224">
        <v>44</v>
      </c>
      <c r="AZ37" s="219">
        <v>0</v>
      </c>
      <c r="BA37" s="220">
        <v>0</v>
      </c>
      <c r="BB37" s="220">
        <v>0</v>
      </c>
      <c r="BC37" s="221">
        <v>0</v>
      </c>
      <c r="BD37" s="222">
        <v>0</v>
      </c>
      <c r="BE37" s="222">
        <v>0</v>
      </c>
      <c r="BF37" s="222">
        <v>0</v>
      </c>
      <c r="BG37" s="220">
        <v>0</v>
      </c>
      <c r="BH37" s="223">
        <v>0</v>
      </c>
      <c r="BI37" s="225">
        <v>0</v>
      </c>
      <c r="BJ37" s="226">
        <v>0</v>
      </c>
      <c r="BK37" s="220">
        <v>0</v>
      </c>
      <c r="BL37" s="220">
        <v>0</v>
      </c>
      <c r="BM37" s="221">
        <v>0</v>
      </c>
      <c r="BN37" s="222">
        <v>0</v>
      </c>
      <c r="BO37" s="222">
        <v>0</v>
      </c>
      <c r="BP37" s="222">
        <v>0</v>
      </c>
      <c r="BQ37" s="220">
        <v>0</v>
      </c>
      <c r="BR37" s="223">
        <v>0</v>
      </c>
      <c r="BS37" s="224">
        <v>0</v>
      </c>
      <c r="BT37" s="219">
        <v>0</v>
      </c>
      <c r="BU37" s="220">
        <v>0</v>
      </c>
      <c r="BV37" s="220">
        <v>0</v>
      </c>
      <c r="BW37" s="221">
        <v>0</v>
      </c>
      <c r="BX37" s="222">
        <v>0</v>
      </c>
      <c r="BY37" s="222">
        <v>0</v>
      </c>
      <c r="BZ37" s="222">
        <v>0</v>
      </c>
      <c r="CA37" s="220">
        <v>0</v>
      </c>
      <c r="CB37" s="223">
        <v>0</v>
      </c>
      <c r="CC37" s="225">
        <v>0</v>
      </c>
      <c r="CD37" s="226">
        <v>0</v>
      </c>
      <c r="CE37" s="220">
        <v>0</v>
      </c>
      <c r="CF37" s="220">
        <v>0</v>
      </c>
      <c r="CG37" s="221">
        <v>0</v>
      </c>
      <c r="CH37" s="222">
        <v>0</v>
      </c>
      <c r="CI37" s="222">
        <v>0</v>
      </c>
      <c r="CJ37" s="222">
        <v>0</v>
      </c>
      <c r="CK37" s="220">
        <v>0</v>
      </c>
      <c r="CL37" s="223">
        <v>0</v>
      </c>
      <c r="CM37" s="225">
        <v>0</v>
      </c>
      <c r="CN37" s="226">
        <v>0</v>
      </c>
      <c r="CO37" s="220">
        <v>0</v>
      </c>
      <c r="CP37" s="220">
        <v>0</v>
      </c>
      <c r="CQ37" s="221">
        <v>1</v>
      </c>
      <c r="CR37" s="222">
        <v>1</v>
      </c>
      <c r="CS37" s="222">
        <v>2</v>
      </c>
      <c r="CT37" s="222">
        <v>2</v>
      </c>
      <c r="CU37" s="220">
        <v>0</v>
      </c>
      <c r="CV37" s="223">
        <v>6</v>
      </c>
      <c r="CW37" s="224">
        <v>6</v>
      </c>
      <c r="CX37" s="219">
        <v>0</v>
      </c>
      <c r="CY37" s="220">
        <v>0</v>
      </c>
      <c r="CZ37" s="220">
        <v>0</v>
      </c>
      <c r="DA37" s="221">
        <v>1</v>
      </c>
      <c r="DB37" s="222">
        <v>1</v>
      </c>
      <c r="DC37" s="222">
        <v>2</v>
      </c>
      <c r="DD37" s="222">
        <v>2</v>
      </c>
      <c r="DE37" s="220">
        <v>0</v>
      </c>
      <c r="DF37" s="223">
        <v>6</v>
      </c>
      <c r="DG37" s="225">
        <v>6</v>
      </c>
      <c r="DH37" s="226">
        <v>0</v>
      </c>
      <c r="DI37" s="220">
        <v>0</v>
      </c>
      <c r="DJ37" s="220">
        <v>0</v>
      </c>
      <c r="DK37" s="221">
        <v>0</v>
      </c>
      <c r="DL37" s="222">
        <v>0</v>
      </c>
      <c r="DM37" s="222">
        <v>0</v>
      </c>
      <c r="DN37" s="222">
        <v>0</v>
      </c>
      <c r="DO37" s="220">
        <v>0</v>
      </c>
      <c r="DP37" s="223">
        <v>0</v>
      </c>
      <c r="DQ37" s="225">
        <v>0</v>
      </c>
      <c r="DR37" s="226">
        <v>0</v>
      </c>
      <c r="DS37" s="220">
        <v>0</v>
      </c>
      <c r="DT37" s="220">
        <v>0</v>
      </c>
      <c r="DU37" s="221">
        <v>6</v>
      </c>
      <c r="DV37" s="222">
        <v>12</v>
      </c>
      <c r="DW37" s="222">
        <v>21</v>
      </c>
      <c r="DX37" s="222">
        <v>31</v>
      </c>
      <c r="DY37" s="220">
        <v>25</v>
      </c>
      <c r="DZ37" s="223">
        <v>95</v>
      </c>
      <c r="EA37" s="225">
        <v>95</v>
      </c>
      <c r="EB37" s="37"/>
    </row>
    <row r="38" spans="1:132" ht="20.25" customHeight="1" x14ac:dyDescent="0.2">
      <c r="A38" s="63" t="s">
        <v>35</v>
      </c>
      <c r="B38" s="219">
        <v>0</v>
      </c>
      <c r="C38" s="220">
        <v>0</v>
      </c>
      <c r="D38" s="220">
        <v>0</v>
      </c>
      <c r="E38" s="221">
        <v>1</v>
      </c>
      <c r="F38" s="222">
        <v>2</v>
      </c>
      <c r="G38" s="222">
        <v>30</v>
      </c>
      <c r="H38" s="222">
        <v>50</v>
      </c>
      <c r="I38" s="220">
        <v>34</v>
      </c>
      <c r="J38" s="223">
        <v>117</v>
      </c>
      <c r="K38" s="224">
        <v>117</v>
      </c>
      <c r="L38" s="219">
        <v>0</v>
      </c>
      <c r="M38" s="220">
        <v>0</v>
      </c>
      <c r="N38" s="223">
        <v>0</v>
      </c>
      <c r="O38" s="221">
        <v>1</v>
      </c>
      <c r="P38" s="222">
        <v>2</v>
      </c>
      <c r="Q38" s="222">
        <v>30</v>
      </c>
      <c r="R38" s="222">
        <v>50</v>
      </c>
      <c r="S38" s="220">
        <v>34</v>
      </c>
      <c r="T38" s="223">
        <v>117</v>
      </c>
      <c r="U38" s="225">
        <v>117</v>
      </c>
      <c r="V38" s="226">
        <v>0</v>
      </c>
      <c r="W38" s="220">
        <v>0</v>
      </c>
      <c r="X38" s="223">
        <v>0</v>
      </c>
      <c r="Y38" s="226">
        <v>0</v>
      </c>
      <c r="Z38" s="222">
        <v>0</v>
      </c>
      <c r="AA38" s="222">
        <v>0</v>
      </c>
      <c r="AB38" s="222">
        <v>0</v>
      </c>
      <c r="AC38" s="220">
        <v>0</v>
      </c>
      <c r="AD38" s="223">
        <v>0</v>
      </c>
      <c r="AE38" s="227">
        <v>0</v>
      </c>
      <c r="AF38" s="226">
        <v>0</v>
      </c>
      <c r="AG38" s="220">
        <v>0</v>
      </c>
      <c r="AH38" s="223">
        <v>0</v>
      </c>
      <c r="AI38" s="226">
        <v>18</v>
      </c>
      <c r="AJ38" s="222">
        <v>23</v>
      </c>
      <c r="AK38" s="222">
        <v>26</v>
      </c>
      <c r="AL38" s="222">
        <v>18</v>
      </c>
      <c r="AM38" s="220">
        <v>11</v>
      </c>
      <c r="AN38" s="223">
        <v>96</v>
      </c>
      <c r="AO38" s="227">
        <v>96</v>
      </c>
      <c r="AP38" s="226">
        <v>0</v>
      </c>
      <c r="AQ38" s="220">
        <v>0</v>
      </c>
      <c r="AR38" s="223">
        <v>0</v>
      </c>
      <c r="AS38" s="221">
        <v>18</v>
      </c>
      <c r="AT38" s="222">
        <v>23</v>
      </c>
      <c r="AU38" s="222">
        <v>24</v>
      </c>
      <c r="AV38" s="222">
        <v>17</v>
      </c>
      <c r="AW38" s="220">
        <v>11</v>
      </c>
      <c r="AX38" s="223">
        <v>93</v>
      </c>
      <c r="AY38" s="224">
        <v>93</v>
      </c>
      <c r="AZ38" s="219">
        <v>0</v>
      </c>
      <c r="BA38" s="220">
        <v>0</v>
      </c>
      <c r="BB38" s="220">
        <v>0</v>
      </c>
      <c r="BC38" s="221">
        <v>0</v>
      </c>
      <c r="BD38" s="222">
        <v>0</v>
      </c>
      <c r="BE38" s="222">
        <v>2</v>
      </c>
      <c r="BF38" s="222">
        <v>1</v>
      </c>
      <c r="BG38" s="220">
        <v>0</v>
      </c>
      <c r="BH38" s="223">
        <v>3</v>
      </c>
      <c r="BI38" s="225">
        <v>3</v>
      </c>
      <c r="BJ38" s="226">
        <v>0</v>
      </c>
      <c r="BK38" s="220">
        <v>0</v>
      </c>
      <c r="BL38" s="220">
        <v>0</v>
      </c>
      <c r="BM38" s="221">
        <v>0</v>
      </c>
      <c r="BN38" s="222">
        <v>0</v>
      </c>
      <c r="BO38" s="222">
        <v>0</v>
      </c>
      <c r="BP38" s="222">
        <v>0</v>
      </c>
      <c r="BQ38" s="220">
        <v>0</v>
      </c>
      <c r="BR38" s="223">
        <v>0</v>
      </c>
      <c r="BS38" s="224">
        <v>0</v>
      </c>
      <c r="BT38" s="219">
        <v>0</v>
      </c>
      <c r="BU38" s="220">
        <v>0</v>
      </c>
      <c r="BV38" s="220">
        <v>0</v>
      </c>
      <c r="BW38" s="221">
        <v>0</v>
      </c>
      <c r="BX38" s="222">
        <v>0</v>
      </c>
      <c r="BY38" s="222">
        <v>0</v>
      </c>
      <c r="BZ38" s="222">
        <v>0</v>
      </c>
      <c r="CA38" s="220">
        <v>0</v>
      </c>
      <c r="CB38" s="223">
        <v>0</v>
      </c>
      <c r="CC38" s="225">
        <v>0</v>
      </c>
      <c r="CD38" s="226">
        <v>0</v>
      </c>
      <c r="CE38" s="220">
        <v>0</v>
      </c>
      <c r="CF38" s="220">
        <v>0</v>
      </c>
      <c r="CG38" s="221">
        <v>0</v>
      </c>
      <c r="CH38" s="222">
        <v>0</v>
      </c>
      <c r="CI38" s="222">
        <v>0</v>
      </c>
      <c r="CJ38" s="222">
        <v>0</v>
      </c>
      <c r="CK38" s="220">
        <v>0</v>
      </c>
      <c r="CL38" s="223">
        <v>0</v>
      </c>
      <c r="CM38" s="225">
        <v>0</v>
      </c>
      <c r="CN38" s="226">
        <v>0</v>
      </c>
      <c r="CO38" s="220">
        <v>0</v>
      </c>
      <c r="CP38" s="220">
        <v>0</v>
      </c>
      <c r="CQ38" s="221">
        <v>3</v>
      </c>
      <c r="CR38" s="222">
        <v>2</v>
      </c>
      <c r="CS38" s="222">
        <v>4</v>
      </c>
      <c r="CT38" s="222">
        <v>12</v>
      </c>
      <c r="CU38" s="220">
        <v>10</v>
      </c>
      <c r="CV38" s="223">
        <v>31</v>
      </c>
      <c r="CW38" s="224">
        <v>31</v>
      </c>
      <c r="CX38" s="219">
        <v>0</v>
      </c>
      <c r="CY38" s="220">
        <v>0</v>
      </c>
      <c r="CZ38" s="220">
        <v>0</v>
      </c>
      <c r="DA38" s="221">
        <v>3</v>
      </c>
      <c r="DB38" s="222">
        <v>1</v>
      </c>
      <c r="DC38" s="222">
        <v>4</v>
      </c>
      <c r="DD38" s="222">
        <v>12</v>
      </c>
      <c r="DE38" s="220">
        <v>9</v>
      </c>
      <c r="DF38" s="223">
        <v>29</v>
      </c>
      <c r="DG38" s="225">
        <v>29</v>
      </c>
      <c r="DH38" s="226">
        <v>0</v>
      </c>
      <c r="DI38" s="220">
        <v>0</v>
      </c>
      <c r="DJ38" s="220">
        <v>0</v>
      </c>
      <c r="DK38" s="221">
        <v>0</v>
      </c>
      <c r="DL38" s="222">
        <v>1</v>
      </c>
      <c r="DM38" s="222">
        <v>0</v>
      </c>
      <c r="DN38" s="222">
        <v>0</v>
      </c>
      <c r="DO38" s="220">
        <v>1</v>
      </c>
      <c r="DP38" s="223">
        <v>2</v>
      </c>
      <c r="DQ38" s="225">
        <v>2</v>
      </c>
      <c r="DR38" s="226">
        <v>0</v>
      </c>
      <c r="DS38" s="220">
        <v>0</v>
      </c>
      <c r="DT38" s="220">
        <v>0</v>
      </c>
      <c r="DU38" s="221">
        <v>22</v>
      </c>
      <c r="DV38" s="222">
        <v>27</v>
      </c>
      <c r="DW38" s="222">
        <v>60</v>
      </c>
      <c r="DX38" s="222">
        <v>80</v>
      </c>
      <c r="DY38" s="220">
        <v>55</v>
      </c>
      <c r="DZ38" s="223">
        <v>244</v>
      </c>
      <c r="EA38" s="225">
        <v>244</v>
      </c>
      <c r="EB38" s="37"/>
    </row>
    <row r="39" spans="1:132" ht="20.25" customHeight="1" x14ac:dyDescent="0.2">
      <c r="A39" s="63" t="s">
        <v>36</v>
      </c>
      <c r="B39" s="219">
        <v>0</v>
      </c>
      <c r="C39" s="220">
        <v>0</v>
      </c>
      <c r="D39" s="220">
        <v>0</v>
      </c>
      <c r="E39" s="221">
        <v>0</v>
      </c>
      <c r="F39" s="222">
        <v>3</v>
      </c>
      <c r="G39" s="222">
        <v>46</v>
      </c>
      <c r="H39" s="222">
        <v>90</v>
      </c>
      <c r="I39" s="220">
        <v>81</v>
      </c>
      <c r="J39" s="223">
        <v>220</v>
      </c>
      <c r="K39" s="224">
        <v>220</v>
      </c>
      <c r="L39" s="219">
        <v>0</v>
      </c>
      <c r="M39" s="220">
        <v>0</v>
      </c>
      <c r="N39" s="223">
        <v>0</v>
      </c>
      <c r="O39" s="221">
        <v>0</v>
      </c>
      <c r="P39" s="222">
        <v>3</v>
      </c>
      <c r="Q39" s="222">
        <v>46</v>
      </c>
      <c r="R39" s="222">
        <v>87</v>
      </c>
      <c r="S39" s="220">
        <v>80</v>
      </c>
      <c r="T39" s="223">
        <v>216</v>
      </c>
      <c r="U39" s="225">
        <v>216</v>
      </c>
      <c r="V39" s="226">
        <v>0</v>
      </c>
      <c r="W39" s="220">
        <v>0</v>
      </c>
      <c r="X39" s="223">
        <v>0</v>
      </c>
      <c r="Y39" s="226">
        <v>0</v>
      </c>
      <c r="Z39" s="222">
        <v>0</v>
      </c>
      <c r="AA39" s="222">
        <v>0</v>
      </c>
      <c r="AB39" s="222">
        <v>3</v>
      </c>
      <c r="AC39" s="220">
        <v>1</v>
      </c>
      <c r="AD39" s="223">
        <v>4</v>
      </c>
      <c r="AE39" s="227">
        <v>4</v>
      </c>
      <c r="AF39" s="226">
        <v>0</v>
      </c>
      <c r="AG39" s="220">
        <v>0</v>
      </c>
      <c r="AH39" s="223">
        <v>0</v>
      </c>
      <c r="AI39" s="226">
        <v>24</v>
      </c>
      <c r="AJ39" s="222">
        <v>25</v>
      </c>
      <c r="AK39" s="222">
        <v>34</v>
      </c>
      <c r="AL39" s="222">
        <v>34</v>
      </c>
      <c r="AM39" s="220">
        <v>18</v>
      </c>
      <c r="AN39" s="223">
        <v>135</v>
      </c>
      <c r="AO39" s="227">
        <v>135</v>
      </c>
      <c r="AP39" s="226">
        <v>0</v>
      </c>
      <c r="AQ39" s="220">
        <v>0</v>
      </c>
      <c r="AR39" s="223">
        <v>0</v>
      </c>
      <c r="AS39" s="221">
        <v>24</v>
      </c>
      <c r="AT39" s="222">
        <v>25</v>
      </c>
      <c r="AU39" s="222">
        <v>34</v>
      </c>
      <c r="AV39" s="222">
        <v>33</v>
      </c>
      <c r="AW39" s="220">
        <v>18</v>
      </c>
      <c r="AX39" s="223">
        <v>134</v>
      </c>
      <c r="AY39" s="224">
        <v>134</v>
      </c>
      <c r="AZ39" s="219">
        <v>0</v>
      </c>
      <c r="BA39" s="220">
        <v>0</v>
      </c>
      <c r="BB39" s="220">
        <v>0</v>
      </c>
      <c r="BC39" s="221">
        <v>0</v>
      </c>
      <c r="BD39" s="222">
        <v>0</v>
      </c>
      <c r="BE39" s="222">
        <v>0</v>
      </c>
      <c r="BF39" s="222">
        <v>1</v>
      </c>
      <c r="BG39" s="220">
        <v>0</v>
      </c>
      <c r="BH39" s="223">
        <v>1</v>
      </c>
      <c r="BI39" s="225">
        <v>1</v>
      </c>
      <c r="BJ39" s="226">
        <v>0</v>
      </c>
      <c r="BK39" s="220">
        <v>0</v>
      </c>
      <c r="BL39" s="220">
        <v>0</v>
      </c>
      <c r="BM39" s="221">
        <v>0</v>
      </c>
      <c r="BN39" s="222">
        <v>0</v>
      </c>
      <c r="BO39" s="222">
        <v>0</v>
      </c>
      <c r="BP39" s="222">
        <v>4</v>
      </c>
      <c r="BQ39" s="220">
        <v>1</v>
      </c>
      <c r="BR39" s="223">
        <v>5</v>
      </c>
      <c r="BS39" s="224">
        <v>5</v>
      </c>
      <c r="BT39" s="219">
        <v>0</v>
      </c>
      <c r="BU39" s="220">
        <v>0</v>
      </c>
      <c r="BV39" s="220">
        <v>0</v>
      </c>
      <c r="BW39" s="221">
        <v>0</v>
      </c>
      <c r="BX39" s="222">
        <v>0</v>
      </c>
      <c r="BY39" s="222">
        <v>0</v>
      </c>
      <c r="BZ39" s="222">
        <v>4</v>
      </c>
      <c r="CA39" s="220">
        <v>1</v>
      </c>
      <c r="CB39" s="223">
        <v>5</v>
      </c>
      <c r="CC39" s="225">
        <v>5</v>
      </c>
      <c r="CD39" s="226">
        <v>0</v>
      </c>
      <c r="CE39" s="220">
        <v>0</v>
      </c>
      <c r="CF39" s="220">
        <v>0</v>
      </c>
      <c r="CG39" s="221">
        <v>0</v>
      </c>
      <c r="CH39" s="222">
        <v>0</v>
      </c>
      <c r="CI39" s="222">
        <v>0</v>
      </c>
      <c r="CJ39" s="222">
        <v>0</v>
      </c>
      <c r="CK39" s="220">
        <v>0</v>
      </c>
      <c r="CL39" s="223">
        <v>0</v>
      </c>
      <c r="CM39" s="225">
        <v>0</v>
      </c>
      <c r="CN39" s="226">
        <v>0</v>
      </c>
      <c r="CO39" s="220">
        <v>0</v>
      </c>
      <c r="CP39" s="220">
        <v>0</v>
      </c>
      <c r="CQ39" s="221">
        <v>0</v>
      </c>
      <c r="CR39" s="222">
        <v>0</v>
      </c>
      <c r="CS39" s="222">
        <v>0</v>
      </c>
      <c r="CT39" s="222">
        <v>1</v>
      </c>
      <c r="CU39" s="220">
        <v>0</v>
      </c>
      <c r="CV39" s="223">
        <v>1</v>
      </c>
      <c r="CW39" s="224">
        <v>1</v>
      </c>
      <c r="CX39" s="219">
        <v>0</v>
      </c>
      <c r="CY39" s="220">
        <v>0</v>
      </c>
      <c r="CZ39" s="220">
        <v>0</v>
      </c>
      <c r="DA39" s="221">
        <v>0</v>
      </c>
      <c r="DB39" s="222">
        <v>0</v>
      </c>
      <c r="DC39" s="222">
        <v>0</v>
      </c>
      <c r="DD39" s="222">
        <v>0</v>
      </c>
      <c r="DE39" s="220">
        <v>0</v>
      </c>
      <c r="DF39" s="223">
        <v>0</v>
      </c>
      <c r="DG39" s="225">
        <v>0</v>
      </c>
      <c r="DH39" s="226">
        <v>0</v>
      </c>
      <c r="DI39" s="220">
        <v>0</v>
      </c>
      <c r="DJ39" s="220">
        <v>0</v>
      </c>
      <c r="DK39" s="221">
        <v>0</v>
      </c>
      <c r="DL39" s="222">
        <v>0</v>
      </c>
      <c r="DM39" s="222">
        <v>0</v>
      </c>
      <c r="DN39" s="222">
        <v>1</v>
      </c>
      <c r="DO39" s="220">
        <v>0</v>
      </c>
      <c r="DP39" s="223">
        <v>1</v>
      </c>
      <c r="DQ39" s="225">
        <v>1</v>
      </c>
      <c r="DR39" s="226">
        <v>0</v>
      </c>
      <c r="DS39" s="220">
        <v>0</v>
      </c>
      <c r="DT39" s="220">
        <v>0</v>
      </c>
      <c r="DU39" s="221">
        <v>24</v>
      </c>
      <c r="DV39" s="222">
        <v>28</v>
      </c>
      <c r="DW39" s="222">
        <v>80</v>
      </c>
      <c r="DX39" s="222">
        <v>128</v>
      </c>
      <c r="DY39" s="220">
        <v>98</v>
      </c>
      <c r="DZ39" s="223">
        <v>358</v>
      </c>
      <c r="EA39" s="225">
        <v>358</v>
      </c>
      <c r="EB39" s="37"/>
    </row>
    <row r="40" spans="1:132" ht="20.25" customHeight="1" thickBot="1" x14ac:dyDescent="0.25">
      <c r="A40" s="64" t="s">
        <v>37</v>
      </c>
      <c r="B40" s="228">
        <v>0</v>
      </c>
      <c r="C40" s="229">
        <v>0</v>
      </c>
      <c r="D40" s="229">
        <v>0</v>
      </c>
      <c r="E40" s="230">
        <v>0</v>
      </c>
      <c r="F40" s="231">
        <v>0</v>
      </c>
      <c r="G40" s="231">
        <v>9</v>
      </c>
      <c r="H40" s="231">
        <v>9</v>
      </c>
      <c r="I40" s="229">
        <v>6</v>
      </c>
      <c r="J40" s="232">
        <v>24</v>
      </c>
      <c r="K40" s="233">
        <v>24</v>
      </c>
      <c r="L40" s="228">
        <v>0</v>
      </c>
      <c r="M40" s="229">
        <v>0</v>
      </c>
      <c r="N40" s="232">
        <v>0</v>
      </c>
      <c r="O40" s="230">
        <v>0</v>
      </c>
      <c r="P40" s="231">
        <v>0</v>
      </c>
      <c r="Q40" s="231">
        <v>9</v>
      </c>
      <c r="R40" s="231">
        <v>9</v>
      </c>
      <c r="S40" s="229">
        <v>6</v>
      </c>
      <c r="T40" s="232">
        <v>24</v>
      </c>
      <c r="U40" s="234">
        <v>24</v>
      </c>
      <c r="V40" s="235">
        <v>0</v>
      </c>
      <c r="W40" s="229">
        <v>0</v>
      </c>
      <c r="X40" s="232">
        <v>0</v>
      </c>
      <c r="Y40" s="235">
        <v>0</v>
      </c>
      <c r="Z40" s="231">
        <v>0</v>
      </c>
      <c r="AA40" s="231">
        <v>0</v>
      </c>
      <c r="AB40" s="231">
        <v>0</v>
      </c>
      <c r="AC40" s="229">
        <v>0</v>
      </c>
      <c r="AD40" s="232">
        <v>0</v>
      </c>
      <c r="AE40" s="236">
        <v>0</v>
      </c>
      <c r="AF40" s="235">
        <v>0</v>
      </c>
      <c r="AG40" s="229">
        <v>0</v>
      </c>
      <c r="AH40" s="232">
        <v>0</v>
      </c>
      <c r="AI40" s="235">
        <v>2</v>
      </c>
      <c r="AJ40" s="231">
        <v>1</v>
      </c>
      <c r="AK40" s="231">
        <v>6</v>
      </c>
      <c r="AL40" s="231">
        <v>2</v>
      </c>
      <c r="AM40" s="229">
        <v>1</v>
      </c>
      <c r="AN40" s="232">
        <v>12</v>
      </c>
      <c r="AO40" s="236">
        <v>12</v>
      </c>
      <c r="AP40" s="235">
        <v>0</v>
      </c>
      <c r="AQ40" s="229">
        <v>0</v>
      </c>
      <c r="AR40" s="232">
        <v>0</v>
      </c>
      <c r="AS40" s="230">
        <v>2</v>
      </c>
      <c r="AT40" s="231">
        <v>1</v>
      </c>
      <c r="AU40" s="231">
        <v>6</v>
      </c>
      <c r="AV40" s="231">
        <v>2</v>
      </c>
      <c r="AW40" s="229">
        <v>1</v>
      </c>
      <c r="AX40" s="232">
        <v>12</v>
      </c>
      <c r="AY40" s="233">
        <v>12</v>
      </c>
      <c r="AZ40" s="228">
        <v>0</v>
      </c>
      <c r="BA40" s="229">
        <v>0</v>
      </c>
      <c r="BB40" s="229">
        <v>0</v>
      </c>
      <c r="BC40" s="230">
        <v>0</v>
      </c>
      <c r="BD40" s="231">
        <v>0</v>
      </c>
      <c r="BE40" s="231">
        <v>0</v>
      </c>
      <c r="BF40" s="231">
        <v>0</v>
      </c>
      <c r="BG40" s="229">
        <v>0</v>
      </c>
      <c r="BH40" s="232">
        <v>0</v>
      </c>
      <c r="BI40" s="234">
        <v>0</v>
      </c>
      <c r="BJ40" s="235">
        <v>0</v>
      </c>
      <c r="BK40" s="229">
        <v>0</v>
      </c>
      <c r="BL40" s="229">
        <v>0</v>
      </c>
      <c r="BM40" s="230">
        <v>0</v>
      </c>
      <c r="BN40" s="231">
        <v>0</v>
      </c>
      <c r="BO40" s="231">
        <v>0</v>
      </c>
      <c r="BP40" s="231">
        <v>1</v>
      </c>
      <c r="BQ40" s="229">
        <v>0</v>
      </c>
      <c r="BR40" s="232">
        <v>1</v>
      </c>
      <c r="BS40" s="233">
        <v>1</v>
      </c>
      <c r="BT40" s="228">
        <v>0</v>
      </c>
      <c r="BU40" s="229">
        <v>0</v>
      </c>
      <c r="BV40" s="229">
        <v>0</v>
      </c>
      <c r="BW40" s="230">
        <v>0</v>
      </c>
      <c r="BX40" s="231">
        <v>0</v>
      </c>
      <c r="BY40" s="231">
        <v>0</v>
      </c>
      <c r="BZ40" s="231">
        <v>1</v>
      </c>
      <c r="CA40" s="229">
        <v>0</v>
      </c>
      <c r="CB40" s="232">
        <v>1</v>
      </c>
      <c r="CC40" s="234">
        <v>1</v>
      </c>
      <c r="CD40" s="235">
        <v>0</v>
      </c>
      <c r="CE40" s="229">
        <v>0</v>
      </c>
      <c r="CF40" s="229">
        <v>0</v>
      </c>
      <c r="CG40" s="230">
        <v>0</v>
      </c>
      <c r="CH40" s="231">
        <v>0</v>
      </c>
      <c r="CI40" s="231">
        <v>0</v>
      </c>
      <c r="CJ40" s="231">
        <v>0</v>
      </c>
      <c r="CK40" s="229">
        <v>0</v>
      </c>
      <c r="CL40" s="232">
        <v>0</v>
      </c>
      <c r="CM40" s="234">
        <v>0</v>
      </c>
      <c r="CN40" s="235">
        <v>0</v>
      </c>
      <c r="CO40" s="229">
        <v>0</v>
      </c>
      <c r="CP40" s="229">
        <v>0</v>
      </c>
      <c r="CQ40" s="230">
        <v>0</v>
      </c>
      <c r="CR40" s="231">
        <v>0</v>
      </c>
      <c r="CS40" s="231">
        <v>0</v>
      </c>
      <c r="CT40" s="231">
        <v>0</v>
      </c>
      <c r="CU40" s="229">
        <v>1</v>
      </c>
      <c r="CV40" s="232">
        <v>1</v>
      </c>
      <c r="CW40" s="233">
        <v>1</v>
      </c>
      <c r="CX40" s="228">
        <v>0</v>
      </c>
      <c r="CY40" s="229">
        <v>0</v>
      </c>
      <c r="CZ40" s="229">
        <v>0</v>
      </c>
      <c r="DA40" s="230">
        <v>0</v>
      </c>
      <c r="DB40" s="231">
        <v>0</v>
      </c>
      <c r="DC40" s="231">
        <v>0</v>
      </c>
      <c r="DD40" s="231">
        <v>0</v>
      </c>
      <c r="DE40" s="229">
        <v>1</v>
      </c>
      <c r="DF40" s="232">
        <v>1</v>
      </c>
      <c r="DG40" s="234">
        <v>1</v>
      </c>
      <c r="DH40" s="235">
        <v>0</v>
      </c>
      <c r="DI40" s="229">
        <v>0</v>
      </c>
      <c r="DJ40" s="229">
        <v>0</v>
      </c>
      <c r="DK40" s="230">
        <v>0</v>
      </c>
      <c r="DL40" s="231">
        <v>0</v>
      </c>
      <c r="DM40" s="231">
        <v>0</v>
      </c>
      <c r="DN40" s="231">
        <v>0</v>
      </c>
      <c r="DO40" s="229">
        <v>0</v>
      </c>
      <c r="DP40" s="232">
        <v>0</v>
      </c>
      <c r="DQ40" s="234">
        <v>0</v>
      </c>
      <c r="DR40" s="235">
        <v>0</v>
      </c>
      <c r="DS40" s="229">
        <v>0</v>
      </c>
      <c r="DT40" s="229">
        <v>0</v>
      </c>
      <c r="DU40" s="230">
        <v>2</v>
      </c>
      <c r="DV40" s="231">
        <v>1</v>
      </c>
      <c r="DW40" s="231">
        <v>15</v>
      </c>
      <c r="DX40" s="231">
        <v>12</v>
      </c>
      <c r="DY40" s="229">
        <v>8</v>
      </c>
      <c r="DZ40" s="232">
        <v>38</v>
      </c>
      <c r="EA40" s="234">
        <v>38</v>
      </c>
      <c r="EB40" s="37"/>
    </row>
    <row r="41" spans="1:132" x14ac:dyDescent="0.2">
      <c r="B41" s="38"/>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7"/>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row>
    <row r="42" spans="1:132" x14ac:dyDescent="0.2">
      <c r="B42" s="38"/>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7"/>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row>
    <row r="43" spans="1:132" x14ac:dyDescent="0.2">
      <c r="B43" s="38"/>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7"/>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row>
    <row r="44" spans="1:132" x14ac:dyDescent="0.2">
      <c r="B44" s="38"/>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7"/>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row>
    <row r="45" spans="1:132" x14ac:dyDescent="0.2">
      <c r="B45" s="38"/>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7"/>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row>
    <row r="46" spans="1:132" x14ac:dyDescent="0.2">
      <c r="B46" s="3"/>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row>
    <row r="47" spans="1:132" x14ac:dyDescent="0.2">
      <c r="B47" s="3"/>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row>
    <row r="48" spans="1:132" x14ac:dyDescent="0.2">
      <c r="B48" s="3"/>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row>
    <row r="49" spans="2:31" x14ac:dyDescent="0.2">
      <c r="B49" s="3"/>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row>
    <row r="50" spans="2:31" x14ac:dyDescent="0.2">
      <c r="B50" s="3"/>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row>
    <row r="51" spans="2:31" x14ac:dyDescent="0.2">
      <c r="B51" s="3"/>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row>
    <row r="52" spans="2:31" x14ac:dyDescent="0.2">
      <c r="B52" s="3"/>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row>
    <row r="53" spans="2:31" x14ac:dyDescent="0.2">
      <c r="B53" s="3"/>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row>
    <row r="54" spans="2:31" x14ac:dyDescent="0.2">
      <c r="B54" s="3"/>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row>
    <row r="55" spans="2:31" x14ac:dyDescent="0.2">
      <c r="B55" s="3"/>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row>
    <row r="56" spans="2:31" x14ac:dyDescent="0.2">
      <c r="B56" s="3"/>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row>
    <row r="57" spans="2:31" x14ac:dyDescent="0.2">
      <c r="B57" s="3"/>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row>
    <row r="58" spans="2:31" x14ac:dyDescent="0.2">
      <c r="B58" s="3"/>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row>
    <row r="59" spans="2:31" x14ac:dyDescent="0.2">
      <c r="B59" s="3"/>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row>
    <row r="60" spans="2:31" x14ac:dyDescent="0.2">
      <c r="B60" s="3"/>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row>
    <row r="61" spans="2:31" x14ac:dyDescent="0.2">
      <c r="B61" s="3"/>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row>
    <row r="62" spans="2:31" x14ac:dyDescent="0.2">
      <c r="B62" s="3"/>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row>
    <row r="63" spans="2:31" x14ac:dyDescent="0.2">
      <c r="B63" s="3"/>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row>
    <row r="64" spans="2:31" x14ac:dyDescent="0.2">
      <c r="B64" s="3"/>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row>
    <row r="65" spans="2:31" x14ac:dyDescent="0.2">
      <c r="B65" s="3"/>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row>
    <row r="66" spans="2:31" x14ac:dyDescent="0.2">
      <c r="B66" s="3"/>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row>
    <row r="67" spans="2:31" x14ac:dyDescent="0.2">
      <c r="B67" s="3"/>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row>
    <row r="68" spans="2:31" x14ac:dyDescent="0.2">
      <c r="B68" s="3"/>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row>
    <row r="69" spans="2:31" x14ac:dyDescent="0.2">
      <c r="B69" s="3"/>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row>
    <row r="70" spans="2:31" x14ac:dyDescent="0.2">
      <c r="B70" s="3"/>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row>
    <row r="71" spans="2:31" x14ac:dyDescent="0.2">
      <c r="B71" s="3"/>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row>
    <row r="72" spans="2:31" x14ac:dyDescent="0.2">
      <c r="B72" s="3"/>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row>
    <row r="73" spans="2:31" x14ac:dyDescent="0.2">
      <c r="B73" s="3"/>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row>
    <row r="74" spans="2:31" x14ac:dyDescent="0.2">
      <c r="B74" s="3"/>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row>
    <row r="75" spans="2:31" x14ac:dyDescent="0.2">
      <c r="B75" s="3"/>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row>
    <row r="76" spans="2:31" x14ac:dyDescent="0.2">
      <c r="B76" s="3"/>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row>
    <row r="77" spans="2:31" x14ac:dyDescent="0.2">
      <c r="B77" s="3"/>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row>
    <row r="78" spans="2:31" x14ac:dyDescent="0.2">
      <c r="B78" s="3"/>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row>
    <row r="79" spans="2:31" x14ac:dyDescent="0.2">
      <c r="B79" s="3"/>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row>
    <row r="80" spans="2:31" x14ac:dyDescent="0.2">
      <c r="B80" s="3"/>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row>
    <row r="81" spans="2:31" x14ac:dyDescent="0.2">
      <c r="B81" s="3"/>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row>
    <row r="82" spans="2:31" x14ac:dyDescent="0.2">
      <c r="B82" s="3"/>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row>
    <row r="83" spans="2:31" x14ac:dyDescent="0.2">
      <c r="B83" s="3"/>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row>
    <row r="84" spans="2:31" x14ac:dyDescent="0.2">
      <c r="B84" s="3"/>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row>
    <row r="85" spans="2:31" x14ac:dyDescent="0.2">
      <c r="B85" s="3"/>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row>
    <row r="86" spans="2:31" x14ac:dyDescent="0.2">
      <c r="B86" s="3"/>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row>
    <row r="87" spans="2:31" x14ac:dyDescent="0.2">
      <c r="B87" s="3"/>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row>
    <row r="88" spans="2:31" x14ac:dyDescent="0.2">
      <c r="B88" s="3"/>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row>
    <row r="89" spans="2:31" x14ac:dyDescent="0.2">
      <c r="B89" s="3"/>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row>
    <row r="90" spans="2:31" x14ac:dyDescent="0.2">
      <c r="B90" s="3"/>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row>
    <row r="91" spans="2:31" x14ac:dyDescent="0.2">
      <c r="B91" s="3"/>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row>
    <row r="92" spans="2:31" x14ac:dyDescent="0.2">
      <c r="B92" s="3"/>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row>
    <row r="93" spans="2:31" x14ac:dyDescent="0.2">
      <c r="B93" s="3"/>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row>
    <row r="94" spans="2:31" x14ac:dyDescent="0.2">
      <c r="B94" s="3"/>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row>
    <row r="95" spans="2:31" x14ac:dyDescent="0.2">
      <c r="B95" s="3"/>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row>
    <row r="96" spans="2:31" x14ac:dyDescent="0.2">
      <c r="B96" s="3"/>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row>
    <row r="97" spans="2:31" x14ac:dyDescent="0.2">
      <c r="B97" s="3"/>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row>
    <row r="98" spans="2:31" x14ac:dyDescent="0.2">
      <c r="B98" s="3"/>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row>
    <row r="99" spans="2:31" x14ac:dyDescent="0.2">
      <c r="B99" s="3"/>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row>
    <row r="100" spans="2:31" x14ac:dyDescent="0.2">
      <c r="B100" s="3"/>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row>
    <row r="101" spans="2:31" x14ac:dyDescent="0.2">
      <c r="B101" s="3"/>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row>
    <row r="102" spans="2:31" x14ac:dyDescent="0.2">
      <c r="B102" s="3"/>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row>
    <row r="103" spans="2:31" x14ac:dyDescent="0.2">
      <c r="B103" s="3"/>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row>
    <row r="104" spans="2:31" x14ac:dyDescent="0.2">
      <c r="B104" s="3"/>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row>
    <row r="105" spans="2:31" x14ac:dyDescent="0.2">
      <c r="B105" s="3"/>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row>
    <row r="106" spans="2:31" x14ac:dyDescent="0.2">
      <c r="B106" s="3"/>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row>
    <row r="107" spans="2:31" x14ac:dyDescent="0.2">
      <c r="B107" s="3"/>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row>
    <row r="108" spans="2:31" x14ac:dyDescent="0.2">
      <c r="B108" s="3"/>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row>
    <row r="109" spans="2:31" x14ac:dyDescent="0.2">
      <c r="B109" s="3"/>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row>
    <row r="110" spans="2:31" x14ac:dyDescent="0.2">
      <c r="B110" s="3"/>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row>
    <row r="111" spans="2:31" x14ac:dyDescent="0.2">
      <c r="B111" s="3"/>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row>
    <row r="112" spans="2:31" x14ac:dyDescent="0.2">
      <c r="B112" s="3"/>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row>
    <row r="113" spans="2:31" x14ac:dyDescent="0.2">
      <c r="B113" s="3"/>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row>
    <row r="114" spans="2:31" x14ac:dyDescent="0.2">
      <c r="B114" s="3"/>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row>
    <row r="115" spans="2:31" x14ac:dyDescent="0.2">
      <c r="B115" s="3"/>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row>
    <row r="116" spans="2:31" x14ac:dyDescent="0.2">
      <c r="B116" s="3"/>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row>
    <row r="117" spans="2:31" x14ac:dyDescent="0.2">
      <c r="B117" s="3"/>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row>
    <row r="118" spans="2:31" x14ac:dyDescent="0.2">
      <c r="B118" s="3"/>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row>
    <row r="119" spans="2:31" x14ac:dyDescent="0.2">
      <c r="B119" s="3"/>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row>
    <row r="120" spans="2:31" x14ac:dyDescent="0.2">
      <c r="B120" s="3"/>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row>
    <row r="121" spans="2:31" x14ac:dyDescent="0.2">
      <c r="B121" s="3"/>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row>
    <row r="122" spans="2:31" x14ac:dyDescent="0.2">
      <c r="B122" s="3"/>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row>
    <row r="123" spans="2:31" x14ac:dyDescent="0.2">
      <c r="B123" s="3"/>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row>
    <row r="124" spans="2:31" x14ac:dyDescent="0.2">
      <c r="B124" s="3"/>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row>
    <row r="125" spans="2:31" x14ac:dyDescent="0.2">
      <c r="B125" s="3"/>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row>
    <row r="126" spans="2:31" x14ac:dyDescent="0.2">
      <c r="B126" s="3"/>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row>
    <row r="127" spans="2:31" x14ac:dyDescent="0.2">
      <c r="B127" s="3"/>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row>
    <row r="128" spans="2:31" x14ac:dyDescent="0.2">
      <c r="B128" s="3"/>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row>
    <row r="129" spans="2:31" x14ac:dyDescent="0.2">
      <c r="B129" s="3"/>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row>
    <row r="130" spans="2:31" x14ac:dyDescent="0.2">
      <c r="B130" s="3"/>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row>
    <row r="131" spans="2:31" x14ac:dyDescent="0.2">
      <c r="B131" s="3"/>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row>
    <row r="132" spans="2:31" x14ac:dyDescent="0.2">
      <c r="B132" s="3"/>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row>
    <row r="133" spans="2:31" x14ac:dyDescent="0.2">
      <c r="B133" s="3"/>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row>
    <row r="134" spans="2:31" x14ac:dyDescent="0.2">
      <c r="B134" s="3"/>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row>
    <row r="135" spans="2:31" x14ac:dyDescent="0.2">
      <c r="B135" s="3"/>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row>
    <row r="136" spans="2:31" x14ac:dyDescent="0.2">
      <c r="B136" s="3"/>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row>
    <row r="137" spans="2:31" x14ac:dyDescent="0.2">
      <c r="B137" s="3"/>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row>
    <row r="138" spans="2:31" x14ac:dyDescent="0.2">
      <c r="B138" s="3"/>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row>
    <row r="139" spans="2:31" x14ac:dyDescent="0.2">
      <c r="B139" s="3"/>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row>
    <row r="140" spans="2:31" x14ac:dyDescent="0.2">
      <c r="B140" s="3"/>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row>
    <row r="141" spans="2:31" x14ac:dyDescent="0.2">
      <c r="B141" s="3"/>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row>
    <row r="142" spans="2:31" x14ac:dyDescent="0.2">
      <c r="B142" s="3"/>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row>
    <row r="143" spans="2:31" x14ac:dyDescent="0.2">
      <c r="B143" s="3"/>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row>
    <row r="144" spans="2:31" x14ac:dyDescent="0.2">
      <c r="B144" s="3"/>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row>
    <row r="145" spans="2:31" x14ac:dyDescent="0.2">
      <c r="B145" s="3"/>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row>
    <row r="146" spans="2:31" x14ac:dyDescent="0.2">
      <c r="B146" s="3"/>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row>
    <row r="147" spans="2:31" x14ac:dyDescent="0.2">
      <c r="B147" s="3"/>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row>
    <row r="148" spans="2:31" x14ac:dyDescent="0.2">
      <c r="B148" s="3"/>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row>
    <row r="149" spans="2:31" x14ac:dyDescent="0.2">
      <c r="B149" s="3"/>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row>
    <row r="150" spans="2:31" x14ac:dyDescent="0.2">
      <c r="B150" s="3"/>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row>
    <row r="151" spans="2:31" x14ac:dyDescent="0.2">
      <c r="B151" s="3"/>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row>
    <row r="152" spans="2:31" x14ac:dyDescent="0.2">
      <c r="B152" s="3"/>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row>
    <row r="153" spans="2:31" x14ac:dyDescent="0.2">
      <c r="B153" s="3"/>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row>
    <row r="154" spans="2:31" x14ac:dyDescent="0.2">
      <c r="B154" s="3"/>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row>
    <row r="155" spans="2:31" x14ac:dyDescent="0.2">
      <c r="B155" s="3"/>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row>
    <row r="156" spans="2:31" x14ac:dyDescent="0.2">
      <c r="B156" s="3"/>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row>
    <row r="157" spans="2:31" x14ac:dyDescent="0.2">
      <c r="B157" s="3"/>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row>
    <row r="158" spans="2:31" x14ac:dyDescent="0.2">
      <c r="B158" s="3"/>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row>
    <row r="159" spans="2:31" x14ac:dyDescent="0.2">
      <c r="B159" s="3"/>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row>
    <row r="160" spans="2:31" x14ac:dyDescent="0.2">
      <c r="B160" s="3"/>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row>
    <row r="161" spans="2:31" x14ac:dyDescent="0.2">
      <c r="B161" s="3"/>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row>
    <row r="162" spans="2:31" x14ac:dyDescent="0.2">
      <c r="B162" s="3"/>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row>
    <row r="163" spans="2:31" x14ac:dyDescent="0.2">
      <c r="B163" s="3"/>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row>
    <row r="164" spans="2:31" x14ac:dyDescent="0.2">
      <c r="B164" s="3"/>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row>
    <row r="165" spans="2:31" x14ac:dyDescent="0.2">
      <c r="B165" s="3"/>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row>
    <row r="166" spans="2:31" x14ac:dyDescent="0.2">
      <c r="B166" s="3"/>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row>
    <row r="167" spans="2:31" x14ac:dyDescent="0.2">
      <c r="B167" s="3"/>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row>
    <row r="168" spans="2:31" x14ac:dyDescent="0.2">
      <c r="B168" s="3"/>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row>
    <row r="169" spans="2:31" x14ac:dyDescent="0.2">
      <c r="B169" s="3"/>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row>
    <row r="170" spans="2:31" x14ac:dyDescent="0.2">
      <c r="B170" s="3"/>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row>
    <row r="171" spans="2:31" x14ac:dyDescent="0.2">
      <c r="B171" s="3"/>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row>
    <row r="172" spans="2:31" x14ac:dyDescent="0.2">
      <c r="B172" s="3"/>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row>
    <row r="173" spans="2:31" x14ac:dyDescent="0.2">
      <c r="B173" s="3"/>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row>
    <row r="174" spans="2:31" x14ac:dyDescent="0.2">
      <c r="B174" s="3"/>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row>
    <row r="175" spans="2:31" x14ac:dyDescent="0.2">
      <c r="B175" s="3"/>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row>
    <row r="176" spans="2:31" x14ac:dyDescent="0.2">
      <c r="B176" s="3"/>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row>
    <row r="177" spans="2:31" x14ac:dyDescent="0.2">
      <c r="B177" s="3"/>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row>
    <row r="178" spans="2:31" x14ac:dyDescent="0.2">
      <c r="B178" s="3"/>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row>
    <row r="179" spans="2:31" x14ac:dyDescent="0.2">
      <c r="B179" s="3"/>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row>
    <row r="180" spans="2:31" x14ac:dyDescent="0.2">
      <c r="B180" s="3"/>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row>
    <row r="181" spans="2:31" x14ac:dyDescent="0.2">
      <c r="B181" s="3"/>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row>
    <row r="182" spans="2:31" x14ac:dyDescent="0.2">
      <c r="B182" s="3"/>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row>
    <row r="183" spans="2:31" x14ac:dyDescent="0.2">
      <c r="B183" s="3"/>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row>
    <row r="184" spans="2:31" x14ac:dyDescent="0.2">
      <c r="B184" s="3"/>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row>
    <row r="185" spans="2:31" x14ac:dyDescent="0.2">
      <c r="B185" s="3"/>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row>
    <row r="186" spans="2:31" x14ac:dyDescent="0.2">
      <c r="B186" s="3"/>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row>
    <row r="187" spans="2:31" x14ac:dyDescent="0.2">
      <c r="B187" s="3"/>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row>
    <row r="188" spans="2:31" x14ac:dyDescent="0.2">
      <c r="B188" s="3"/>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row>
    <row r="189" spans="2:31" x14ac:dyDescent="0.2">
      <c r="B189" s="3"/>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row>
    <row r="190" spans="2:31" x14ac:dyDescent="0.2">
      <c r="B190" s="3"/>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row>
    <row r="191" spans="2:31" x14ac:dyDescent="0.2">
      <c r="B191" s="3"/>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row>
    <row r="192" spans="2:31" x14ac:dyDescent="0.2">
      <c r="B192" s="3"/>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row>
    <row r="193" spans="2:31" x14ac:dyDescent="0.2">
      <c r="B193" s="3"/>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row>
    <row r="194" spans="2:31" x14ac:dyDescent="0.2">
      <c r="B194" s="3"/>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row>
    <row r="195" spans="2:31" x14ac:dyDescent="0.2">
      <c r="B195" s="3"/>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row>
    <row r="196" spans="2:31" x14ac:dyDescent="0.2">
      <c r="B196" s="3"/>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row>
    <row r="197" spans="2:31" x14ac:dyDescent="0.2">
      <c r="B197" s="3"/>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row>
    <row r="198" spans="2:31" x14ac:dyDescent="0.2">
      <c r="B198" s="3"/>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row>
    <row r="199" spans="2:31" x14ac:dyDescent="0.2">
      <c r="B199" s="3"/>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row>
    <row r="200" spans="2:31" x14ac:dyDescent="0.2">
      <c r="B200" s="3"/>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row>
    <row r="201" spans="2:31" x14ac:dyDescent="0.2">
      <c r="B201" s="3"/>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row>
    <row r="202" spans="2:31" x14ac:dyDescent="0.2">
      <c r="B202" s="3"/>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row>
    <row r="203" spans="2:31" x14ac:dyDescent="0.2">
      <c r="B203" s="3"/>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row>
    <row r="204" spans="2:31" x14ac:dyDescent="0.2">
      <c r="B204" s="3"/>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row>
    <row r="205" spans="2:31" x14ac:dyDescent="0.2">
      <c r="B205" s="3"/>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row>
    <row r="206" spans="2:31" x14ac:dyDescent="0.2">
      <c r="B206" s="3"/>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row>
    <row r="207" spans="2:31" x14ac:dyDescent="0.2">
      <c r="B207" s="3"/>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row>
    <row r="208" spans="2:31" x14ac:dyDescent="0.2">
      <c r="B208" s="3"/>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row>
    <row r="209" spans="2:31" x14ac:dyDescent="0.2">
      <c r="B209" s="3"/>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row>
    <row r="210" spans="2:31" x14ac:dyDescent="0.2">
      <c r="B210" s="3"/>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row>
    <row r="211" spans="2:31" x14ac:dyDescent="0.2">
      <c r="B211" s="3"/>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row>
    <row r="212" spans="2:31" x14ac:dyDescent="0.2">
      <c r="B212" s="3"/>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row>
    <row r="213" spans="2:31" x14ac:dyDescent="0.2">
      <c r="B213" s="3"/>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row>
    <row r="214" spans="2:31" x14ac:dyDescent="0.2">
      <c r="B214" s="3"/>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row>
    <row r="215" spans="2:31" x14ac:dyDescent="0.2">
      <c r="B215" s="3"/>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row>
    <row r="216" spans="2:31" x14ac:dyDescent="0.2">
      <c r="B216" s="3"/>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row>
    <row r="217" spans="2:31" x14ac:dyDescent="0.2">
      <c r="B217" s="3"/>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row>
    <row r="218" spans="2:31" x14ac:dyDescent="0.2">
      <c r="B218" s="3"/>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row>
    <row r="219" spans="2:31" x14ac:dyDescent="0.2">
      <c r="B219" s="3"/>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row>
  </sheetData>
  <mergeCells count="58">
    <mergeCell ref="DR5:DT5"/>
    <mergeCell ref="DU5:DZ5"/>
    <mergeCell ref="EA5:EA6"/>
    <mergeCell ref="CC5:CC6"/>
    <mergeCell ref="CD5:CF5"/>
    <mergeCell ref="CG5:CL5"/>
    <mergeCell ref="CM5:CM6"/>
    <mergeCell ref="CN5:CP5"/>
    <mergeCell ref="CQ5:CV5"/>
    <mergeCell ref="CW5:CW6"/>
    <mergeCell ref="CX5:CZ5"/>
    <mergeCell ref="DA5:DF5"/>
    <mergeCell ref="DG5:DG6"/>
    <mergeCell ref="DH5:DJ5"/>
    <mergeCell ref="DK5:DP5"/>
    <mergeCell ref="DQ5:DQ6"/>
    <mergeCell ref="BT5:BV5"/>
    <mergeCell ref="BW5:CB5"/>
    <mergeCell ref="AZ5:BB5"/>
    <mergeCell ref="BC5:BH5"/>
    <mergeCell ref="BI5:BI6"/>
    <mergeCell ref="BJ5:BL5"/>
    <mergeCell ref="V5:X5"/>
    <mergeCell ref="Y5:AD5"/>
    <mergeCell ref="AE5:AE6"/>
    <mergeCell ref="BM5:BR5"/>
    <mergeCell ref="BS5:BS6"/>
    <mergeCell ref="BJ3:CM3"/>
    <mergeCell ref="DR3:EA4"/>
    <mergeCell ref="B4:K4"/>
    <mergeCell ref="L4:U4"/>
    <mergeCell ref="V4:AE4"/>
    <mergeCell ref="AF4:AO4"/>
    <mergeCell ref="AP4:AY4"/>
    <mergeCell ref="AZ4:BI4"/>
    <mergeCell ref="BJ4:BS4"/>
    <mergeCell ref="BT4:CC4"/>
    <mergeCell ref="CD4:CM4"/>
    <mergeCell ref="CN3:DQ3"/>
    <mergeCell ref="CN4:CW4"/>
    <mergeCell ref="CX4:DG4"/>
    <mergeCell ref="DH4:DQ4"/>
    <mergeCell ref="F1:G1"/>
    <mergeCell ref="A3:A5"/>
    <mergeCell ref="B3:AE3"/>
    <mergeCell ref="AF3:BI3"/>
    <mergeCell ref="AF5:AH5"/>
    <mergeCell ref="AI5:AN5"/>
    <mergeCell ref="AO5:AO6"/>
    <mergeCell ref="AP5:AR5"/>
    <mergeCell ref="AS5:AX5"/>
    <mergeCell ref="AY5:AY6"/>
    <mergeCell ref="B5:D5"/>
    <mergeCell ref="E5:J5"/>
    <mergeCell ref="K5:K6"/>
    <mergeCell ref="L5:N5"/>
    <mergeCell ref="O5:T5"/>
    <mergeCell ref="U5:U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1" max="1048575" man="1"/>
    <brk id="61" max="1048575" man="1"/>
    <brk id="121"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4" width="7.88671875" style="43" customWidth="1"/>
    <col min="5" max="5" width="8.109375" style="43" customWidth="1"/>
    <col min="6"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101" width="9" style="43"/>
    <col min="102" max="147" width="9" style="44"/>
    <col min="148" max="148" width="7.77734375" style="44" customWidth="1"/>
    <col min="149" max="158" width="9" style="44"/>
    <col min="159" max="159" width="8.109375" style="44" customWidth="1"/>
    <col min="160" max="16384" width="9" style="44"/>
  </cols>
  <sheetData>
    <row r="1" spans="1:298" ht="17.25" customHeight="1" x14ac:dyDescent="0.2">
      <c r="A1" s="12" t="s">
        <v>162</v>
      </c>
      <c r="E1" s="452">
        <f>第１表!F2</f>
        <v>3</v>
      </c>
      <c r="F1" s="452"/>
      <c r="G1" s="280">
        <f>第１表!G2</f>
        <v>12</v>
      </c>
      <c r="H1" s="434">
        <f>G1</f>
        <v>12</v>
      </c>
      <c r="I1" s="434"/>
    </row>
    <row r="2" spans="1:298" ht="16.5" customHeight="1" thickBot="1" x14ac:dyDescent="0.25">
      <c r="A2" s="20" t="s">
        <v>130</v>
      </c>
    </row>
    <row r="3" spans="1:298" ht="22.5" customHeight="1" thickBot="1" x14ac:dyDescent="0.25">
      <c r="A3" s="435" t="s">
        <v>38</v>
      </c>
      <c r="B3" s="447" t="s">
        <v>96</v>
      </c>
      <c r="C3" s="447"/>
      <c r="D3" s="447"/>
      <c r="E3" s="447"/>
      <c r="F3" s="447"/>
      <c r="G3" s="447"/>
      <c r="H3" s="447"/>
      <c r="I3" s="447"/>
      <c r="J3" s="447"/>
      <c r="K3" s="447"/>
      <c r="L3" s="447"/>
      <c r="M3" s="447"/>
      <c r="N3" s="447"/>
      <c r="O3" s="447"/>
      <c r="P3" s="447"/>
      <c r="Q3" s="447"/>
      <c r="R3" s="447"/>
      <c r="S3" s="447"/>
      <c r="T3" s="447"/>
      <c r="U3" s="447"/>
      <c r="V3" s="447"/>
      <c r="W3" s="447"/>
      <c r="X3" s="447"/>
      <c r="Y3" s="447"/>
      <c r="Z3" s="447"/>
      <c r="AA3" s="447"/>
      <c r="AB3" s="447"/>
      <c r="AC3" s="447"/>
      <c r="AD3" s="447"/>
      <c r="AE3" s="447"/>
      <c r="AF3" s="447"/>
      <c r="AG3" s="447"/>
      <c r="AH3" s="447"/>
      <c r="AI3" s="447"/>
      <c r="AJ3" s="447"/>
      <c r="AK3" s="447"/>
      <c r="AL3" s="447"/>
      <c r="AM3" s="447"/>
      <c r="AN3" s="447"/>
      <c r="AO3" s="447"/>
      <c r="AP3" s="447"/>
      <c r="AQ3" s="447"/>
      <c r="AR3" s="447"/>
      <c r="AS3" s="447"/>
      <c r="AT3" s="447"/>
      <c r="AU3" s="447"/>
      <c r="AV3" s="447"/>
      <c r="AW3" s="447"/>
      <c r="AX3" s="447"/>
      <c r="AY3" s="447"/>
      <c r="AZ3" s="447"/>
      <c r="BA3" s="447"/>
      <c r="BB3" s="447"/>
      <c r="BC3" s="447"/>
      <c r="BD3" s="447"/>
      <c r="BE3" s="447"/>
      <c r="BF3" s="447"/>
      <c r="BG3" s="447"/>
      <c r="BH3" s="447"/>
      <c r="BI3" s="447"/>
      <c r="BJ3" s="447"/>
      <c r="BK3" s="447"/>
      <c r="BL3" s="447"/>
      <c r="BM3" s="447"/>
      <c r="BN3" s="447"/>
      <c r="BO3" s="447"/>
      <c r="BP3" s="447"/>
      <c r="BQ3" s="447"/>
      <c r="BR3" s="447"/>
      <c r="BS3" s="447"/>
      <c r="BT3" s="447"/>
      <c r="BU3" s="447"/>
      <c r="BV3" s="447"/>
      <c r="BW3" s="447"/>
      <c r="BX3" s="447"/>
      <c r="BY3" s="447"/>
      <c r="BZ3" s="447"/>
      <c r="CA3" s="447"/>
      <c r="CB3" s="447"/>
      <c r="CC3" s="447"/>
      <c r="CD3" s="447"/>
      <c r="CE3" s="447"/>
      <c r="CF3" s="447"/>
      <c r="CG3" s="447"/>
      <c r="CH3" s="447"/>
      <c r="CI3" s="447"/>
      <c r="CJ3" s="447"/>
      <c r="CK3" s="447"/>
      <c r="CL3" s="447"/>
      <c r="CM3" s="447"/>
      <c r="CN3" s="447"/>
      <c r="CO3" s="447"/>
      <c r="CP3" s="447"/>
      <c r="CQ3" s="447"/>
      <c r="CR3" s="447"/>
      <c r="CS3" s="447"/>
      <c r="CT3" s="447"/>
      <c r="CU3" s="447"/>
      <c r="CV3" s="448"/>
      <c r="CW3" s="447" t="s">
        <v>103</v>
      </c>
      <c r="CX3" s="447"/>
      <c r="CY3" s="447"/>
      <c r="CZ3" s="447"/>
      <c r="DA3" s="447"/>
      <c r="DB3" s="447"/>
      <c r="DC3" s="447"/>
      <c r="DD3" s="447"/>
      <c r="DE3" s="447"/>
      <c r="DF3" s="447"/>
      <c r="DG3" s="447"/>
      <c r="DH3" s="447"/>
      <c r="DI3" s="447"/>
      <c r="DJ3" s="447"/>
      <c r="DK3" s="447"/>
      <c r="DL3" s="447"/>
      <c r="DM3" s="447"/>
      <c r="DN3" s="447"/>
      <c r="DO3" s="447"/>
      <c r="DP3" s="447"/>
      <c r="DQ3" s="447"/>
      <c r="DR3" s="447"/>
      <c r="DS3" s="447"/>
      <c r="DT3" s="447"/>
      <c r="DU3" s="447"/>
      <c r="DV3" s="447"/>
      <c r="DW3" s="447"/>
      <c r="DX3" s="447"/>
      <c r="DY3" s="447"/>
      <c r="DZ3" s="447"/>
      <c r="EA3" s="447"/>
      <c r="EB3" s="447"/>
      <c r="EC3" s="447"/>
      <c r="ED3" s="447"/>
      <c r="EE3" s="447"/>
      <c r="EF3" s="447"/>
      <c r="EG3" s="447"/>
      <c r="EH3" s="447"/>
      <c r="EI3" s="447"/>
      <c r="EJ3" s="447"/>
      <c r="EK3" s="447"/>
      <c r="EL3" s="447"/>
      <c r="EM3" s="447"/>
      <c r="EN3" s="447"/>
      <c r="EO3" s="447"/>
      <c r="EP3" s="447"/>
      <c r="EQ3" s="447"/>
      <c r="ER3" s="447"/>
      <c r="ES3" s="447"/>
      <c r="ET3" s="447"/>
      <c r="EU3" s="447"/>
      <c r="EV3" s="447"/>
      <c r="EW3" s="447"/>
      <c r="EX3" s="447"/>
      <c r="EY3" s="447"/>
      <c r="EZ3" s="447"/>
      <c r="FA3" s="447"/>
      <c r="FB3" s="447"/>
      <c r="FC3" s="447"/>
      <c r="FD3" s="447"/>
      <c r="FE3" s="447"/>
      <c r="FF3" s="447"/>
      <c r="FG3" s="447"/>
      <c r="FH3" s="447"/>
      <c r="FI3" s="447"/>
      <c r="FJ3" s="447"/>
      <c r="FK3" s="447"/>
      <c r="FL3" s="447"/>
      <c r="FM3" s="447"/>
      <c r="FN3" s="447"/>
      <c r="FO3" s="447"/>
      <c r="FP3" s="447"/>
      <c r="FQ3" s="447"/>
      <c r="FR3" s="447"/>
      <c r="FS3" s="447"/>
      <c r="FT3" s="447"/>
      <c r="FU3" s="447"/>
      <c r="FV3" s="447"/>
      <c r="FW3" s="447"/>
      <c r="FX3" s="447"/>
      <c r="FY3" s="447"/>
      <c r="FZ3" s="447"/>
      <c r="GA3" s="447"/>
      <c r="GB3" s="447"/>
      <c r="GC3" s="447"/>
      <c r="GD3" s="447"/>
      <c r="GE3" s="447"/>
      <c r="GF3" s="447"/>
      <c r="GG3" s="447"/>
      <c r="GH3" s="447"/>
      <c r="GI3" s="447"/>
      <c r="GJ3" s="447"/>
      <c r="GK3" s="447"/>
      <c r="GL3" s="447"/>
      <c r="GM3" s="447"/>
      <c r="GN3" s="447"/>
      <c r="GO3" s="447"/>
      <c r="GP3" s="447"/>
      <c r="GQ3" s="448"/>
      <c r="GR3" s="447" t="s">
        <v>104</v>
      </c>
      <c r="GS3" s="447"/>
      <c r="GT3" s="447"/>
      <c r="GU3" s="447"/>
      <c r="GV3" s="447"/>
      <c r="GW3" s="447"/>
      <c r="GX3" s="447"/>
      <c r="GY3" s="447"/>
      <c r="GZ3" s="447"/>
      <c r="HA3" s="447"/>
      <c r="HB3" s="447"/>
      <c r="HC3" s="447"/>
      <c r="HD3" s="447"/>
      <c r="HE3" s="447"/>
      <c r="HF3" s="447"/>
      <c r="HG3" s="447"/>
      <c r="HH3" s="447"/>
      <c r="HI3" s="447"/>
      <c r="HJ3" s="447"/>
      <c r="HK3" s="447"/>
      <c r="HL3" s="447"/>
      <c r="HM3" s="447"/>
      <c r="HN3" s="447"/>
      <c r="HO3" s="447"/>
      <c r="HP3" s="447"/>
      <c r="HQ3" s="447"/>
      <c r="HR3" s="447"/>
      <c r="HS3" s="447"/>
      <c r="HT3" s="447"/>
      <c r="HU3" s="447"/>
      <c r="HV3" s="447"/>
      <c r="HW3" s="447"/>
      <c r="HX3" s="447"/>
      <c r="HY3" s="447"/>
      <c r="HZ3" s="447"/>
      <c r="IA3" s="447"/>
      <c r="IB3" s="447"/>
      <c r="IC3" s="447"/>
      <c r="ID3" s="447"/>
      <c r="IE3" s="447"/>
      <c r="IF3" s="447"/>
      <c r="IG3" s="447"/>
      <c r="IH3" s="447"/>
      <c r="II3" s="447"/>
      <c r="IJ3" s="447"/>
      <c r="IK3" s="447"/>
      <c r="IL3" s="447"/>
      <c r="IM3" s="447"/>
      <c r="IN3" s="447"/>
      <c r="IO3" s="447"/>
      <c r="IP3" s="447"/>
      <c r="IQ3" s="447"/>
      <c r="IR3" s="447"/>
      <c r="IS3" s="447"/>
      <c r="IT3" s="447"/>
      <c r="IU3" s="447"/>
      <c r="IV3" s="447"/>
      <c r="IW3" s="447"/>
      <c r="IX3" s="447"/>
      <c r="IY3" s="447"/>
      <c r="IZ3" s="447"/>
      <c r="JA3" s="447"/>
      <c r="JB3" s="447"/>
      <c r="JC3" s="447"/>
      <c r="JD3" s="447"/>
      <c r="JE3" s="447"/>
      <c r="JF3" s="447"/>
      <c r="JG3" s="447"/>
      <c r="JH3" s="447"/>
      <c r="JI3" s="447"/>
      <c r="JJ3" s="447"/>
      <c r="JK3" s="447"/>
      <c r="JL3" s="447"/>
      <c r="JM3" s="447"/>
      <c r="JN3" s="447"/>
      <c r="JO3" s="447"/>
      <c r="JP3" s="447"/>
      <c r="JQ3" s="447"/>
      <c r="JR3" s="447"/>
      <c r="JS3" s="447"/>
      <c r="JT3" s="447"/>
      <c r="JU3" s="447"/>
      <c r="JV3" s="447"/>
      <c r="JW3" s="447"/>
      <c r="JX3" s="447"/>
      <c r="JY3" s="447"/>
      <c r="JZ3" s="447"/>
      <c r="KA3" s="447"/>
      <c r="KB3" s="447"/>
      <c r="KC3" s="447"/>
      <c r="KD3" s="447"/>
      <c r="KE3" s="447"/>
      <c r="KF3" s="447"/>
      <c r="KG3" s="447"/>
      <c r="KH3" s="447"/>
      <c r="KI3" s="447"/>
      <c r="KJ3" s="447"/>
      <c r="KK3" s="447"/>
      <c r="KL3" s="448"/>
    </row>
    <row r="4" spans="1:298" ht="27.75" customHeight="1" thickBot="1" x14ac:dyDescent="0.25">
      <c r="A4" s="453"/>
      <c r="B4" s="449" t="s">
        <v>39</v>
      </c>
      <c r="C4" s="450"/>
      <c r="D4" s="450"/>
      <c r="E4" s="450"/>
      <c r="F4" s="450"/>
      <c r="G4" s="450"/>
      <c r="H4" s="450"/>
      <c r="I4" s="450"/>
      <c r="J4" s="450"/>
      <c r="K4" s="450"/>
      <c r="L4" s="450"/>
      <c r="M4" s="450"/>
      <c r="N4" s="450"/>
      <c r="O4" s="450"/>
      <c r="P4" s="450"/>
      <c r="Q4" s="450"/>
      <c r="R4" s="450"/>
      <c r="S4" s="450"/>
      <c r="T4" s="450"/>
      <c r="U4" s="450"/>
      <c r="V4" s="450"/>
      <c r="W4" s="450"/>
      <c r="X4" s="450"/>
      <c r="Y4" s="450"/>
      <c r="Z4" s="450"/>
      <c r="AA4" s="450"/>
      <c r="AB4" s="450"/>
      <c r="AC4" s="450"/>
      <c r="AD4" s="450"/>
      <c r="AE4" s="450"/>
      <c r="AF4" s="450"/>
      <c r="AG4" s="450"/>
      <c r="AH4" s="450"/>
      <c r="AI4" s="450"/>
      <c r="AJ4" s="450"/>
      <c r="AK4" s="450"/>
      <c r="AL4" s="450"/>
      <c r="AM4" s="450"/>
      <c r="AN4" s="450"/>
      <c r="AO4" s="450"/>
      <c r="AP4" s="450"/>
      <c r="AQ4" s="450"/>
      <c r="AR4" s="450"/>
      <c r="AS4" s="450"/>
      <c r="AT4" s="450"/>
      <c r="AU4" s="450"/>
      <c r="AV4" s="450"/>
      <c r="AW4" s="450"/>
      <c r="AX4" s="450"/>
      <c r="AY4" s="450"/>
      <c r="AZ4" s="450"/>
      <c r="BA4" s="450"/>
      <c r="BB4" s="450"/>
      <c r="BC4" s="450"/>
      <c r="BD4" s="450"/>
      <c r="BE4" s="450"/>
      <c r="BF4" s="450"/>
      <c r="BG4" s="450"/>
      <c r="BH4" s="450"/>
      <c r="BI4" s="450"/>
      <c r="BJ4" s="450"/>
      <c r="BK4" s="450"/>
      <c r="BL4" s="450"/>
      <c r="BM4" s="450"/>
      <c r="BN4" s="450"/>
      <c r="BO4" s="450"/>
      <c r="BP4" s="450"/>
      <c r="BQ4" s="450"/>
      <c r="BR4" s="450"/>
      <c r="BS4" s="450"/>
      <c r="BT4" s="450"/>
      <c r="BU4" s="450"/>
      <c r="BV4" s="450"/>
      <c r="BW4" s="450"/>
      <c r="BX4" s="450"/>
      <c r="BY4" s="450"/>
      <c r="BZ4" s="451"/>
      <c r="CA4" s="435" t="s">
        <v>40</v>
      </c>
      <c r="CB4" s="436"/>
      <c r="CC4" s="436"/>
      <c r="CD4" s="436"/>
      <c r="CE4" s="436"/>
      <c r="CF4" s="436"/>
      <c r="CG4" s="436"/>
      <c r="CH4" s="436"/>
      <c r="CI4" s="436"/>
      <c r="CJ4" s="436"/>
      <c r="CK4" s="437"/>
      <c r="CL4" s="435" t="s">
        <v>41</v>
      </c>
      <c r="CM4" s="436"/>
      <c r="CN4" s="436"/>
      <c r="CO4" s="436"/>
      <c r="CP4" s="436"/>
      <c r="CQ4" s="436"/>
      <c r="CR4" s="436"/>
      <c r="CS4" s="436"/>
      <c r="CT4" s="436"/>
      <c r="CU4" s="436"/>
      <c r="CV4" s="437"/>
      <c r="CW4" s="449" t="s">
        <v>39</v>
      </c>
      <c r="CX4" s="450"/>
      <c r="CY4" s="450"/>
      <c r="CZ4" s="450"/>
      <c r="DA4" s="450"/>
      <c r="DB4" s="450"/>
      <c r="DC4" s="450"/>
      <c r="DD4" s="450"/>
      <c r="DE4" s="450"/>
      <c r="DF4" s="450"/>
      <c r="DG4" s="450"/>
      <c r="DH4" s="450"/>
      <c r="DI4" s="450"/>
      <c r="DJ4" s="450"/>
      <c r="DK4" s="450"/>
      <c r="DL4" s="450"/>
      <c r="DM4" s="450"/>
      <c r="DN4" s="450"/>
      <c r="DO4" s="450"/>
      <c r="DP4" s="450"/>
      <c r="DQ4" s="450"/>
      <c r="DR4" s="450"/>
      <c r="DS4" s="450"/>
      <c r="DT4" s="450"/>
      <c r="DU4" s="450"/>
      <c r="DV4" s="450"/>
      <c r="DW4" s="450"/>
      <c r="DX4" s="450"/>
      <c r="DY4" s="450"/>
      <c r="DZ4" s="450"/>
      <c r="EA4" s="450"/>
      <c r="EB4" s="450"/>
      <c r="EC4" s="450"/>
      <c r="ED4" s="450"/>
      <c r="EE4" s="450"/>
      <c r="EF4" s="450"/>
      <c r="EG4" s="450"/>
      <c r="EH4" s="450"/>
      <c r="EI4" s="450"/>
      <c r="EJ4" s="450"/>
      <c r="EK4" s="450"/>
      <c r="EL4" s="450"/>
      <c r="EM4" s="450"/>
      <c r="EN4" s="450"/>
      <c r="EO4" s="450"/>
      <c r="EP4" s="450"/>
      <c r="EQ4" s="450"/>
      <c r="ER4" s="450"/>
      <c r="ES4" s="450"/>
      <c r="ET4" s="450"/>
      <c r="EU4" s="450"/>
      <c r="EV4" s="450"/>
      <c r="EW4" s="450"/>
      <c r="EX4" s="450"/>
      <c r="EY4" s="450"/>
      <c r="EZ4" s="450"/>
      <c r="FA4" s="450"/>
      <c r="FB4" s="450"/>
      <c r="FC4" s="450"/>
      <c r="FD4" s="450"/>
      <c r="FE4" s="450"/>
      <c r="FF4" s="450"/>
      <c r="FG4" s="450"/>
      <c r="FH4" s="450"/>
      <c r="FI4" s="450"/>
      <c r="FJ4" s="450"/>
      <c r="FK4" s="450"/>
      <c r="FL4" s="450"/>
      <c r="FM4" s="450"/>
      <c r="FN4" s="450"/>
      <c r="FO4" s="450"/>
      <c r="FP4" s="450"/>
      <c r="FQ4" s="450"/>
      <c r="FR4" s="450"/>
      <c r="FS4" s="450"/>
      <c r="FT4" s="450"/>
      <c r="FU4" s="451"/>
      <c r="FV4" s="435" t="s">
        <v>40</v>
      </c>
      <c r="FW4" s="436"/>
      <c r="FX4" s="436"/>
      <c r="FY4" s="436"/>
      <c r="FZ4" s="436"/>
      <c r="GA4" s="436"/>
      <c r="GB4" s="436"/>
      <c r="GC4" s="436"/>
      <c r="GD4" s="436"/>
      <c r="GE4" s="436"/>
      <c r="GF4" s="437"/>
      <c r="GG4" s="435" t="s">
        <v>41</v>
      </c>
      <c r="GH4" s="436"/>
      <c r="GI4" s="436"/>
      <c r="GJ4" s="436"/>
      <c r="GK4" s="436"/>
      <c r="GL4" s="436"/>
      <c r="GM4" s="436"/>
      <c r="GN4" s="436"/>
      <c r="GO4" s="436"/>
      <c r="GP4" s="436"/>
      <c r="GQ4" s="437"/>
      <c r="GR4" s="449" t="s">
        <v>39</v>
      </c>
      <c r="GS4" s="450"/>
      <c r="GT4" s="450"/>
      <c r="GU4" s="450"/>
      <c r="GV4" s="450"/>
      <c r="GW4" s="450"/>
      <c r="GX4" s="450"/>
      <c r="GY4" s="450"/>
      <c r="GZ4" s="450"/>
      <c r="HA4" s="450"/>
      <c r="HB4" s="450"/>
      <c r="HC4" s="450"/>
      <c r="HD4" s="450"/>
      <c r="HE4" s="450"/>
      <c r="HF4" s="450"/>
      <c r="HG4" s="450"/>
      <c r="HH4" s="450"/>
      <c r="HI4" s="450"/>
      <c r="HJ4" s="450"/>
      <c r="HK4" s="450"/>
      <c r="HL4" s="450"/>
      <c r="HM4" s="450"/>
      <c r="HN4" s="450"/>
      <c r="HO4" s="450"/>
      <c r="HP4" s="450"/>
      <c r="HQ4" s="450"/>
      <c r="HR4" s="450"/>
      <c r="HS4" s="450"/>
      <c r="HT4" s="450"/>
      <c r="HU4" s="450"/>
      <c r="HV4" s="450"/>
      <c r="HW4" s="450"/>
      <c r="HX4" s="450"/>
      <c r="HY4" s="450"/>
      <c r="HZ4" s="450"/>
      <c r="IA4" s="450"/>
      <c r="IB4" s="450"/>
      <c r="IC4" s="450"/>
      <c r="ID4" s="450"/>
      <c r="IE4" s="450"/>
      <c r="IF4" s="450"/>
      <c r="IG4" s="450"/>
      <c r="IH4" s="450"/>
      <c r="II4" s="450"/>
      <c r="IJ4" s="450"/>
      <c r="IK4" s="450"/>
      <c r="IL4" s="450"/>
      <c r="IM4" s="450"/>
      <c r="IN4" s="450"/>
      <c r="IO4" s="450"/>
      <c r="IP4" s="450"/>
      <c r="IQ4" s="450"/>
      <c r="IR4" s="450"/>
      <c r="IS4" s="450"/>
      <c r="IT4" s="450"/>
      <c r="IU4" s="450"/>
      <c r="IV4" s="450"/>
      <c r="IW4" s="450"/>
      <c r="IX4" s="450"/>
      <c r="IY4" s="450"/>
      <c r="IZ4" s="450"/>
      <c r="JA4" s="450"/>
      <c r="JB4" s="450"/>
      <c r="JC4" s="450"/>
      <c r="JD4" s="450"/>
      <c r="JE4" s="450"/>
      <c r="JF4" s="450"/>
      <c r="JG4" s="450"/>
      <c r="JH4" s="450"/>
      <c r="JI4" s="450"/>
      <c r="JJ4" s="450"/>
      <c r="JK4" s="450"/>
      <c r="JL4" s="450"/>
      <c r="JM4" s="450"/>
      <c r="JN4" s="450"/>
      <c r="JO4" s="450"/>
      <c r="JP4" s="451"/>
      <c r="JQ4" s="435" t="s">
        <v>40</v>
      </c>
      <c r="JR4" s="436"/>
      <c r="JS4" s="436"/>
      <c r="JT4" s="436"/>
      <c r="JU4" s="436"/>
      <c r="JV4" s="436"/>
      <c r="JW4" s="436"/>
      <c r="JX4" s="436"/>
      <c r="JY4" s="436"/>
      <c r="JZ4" s="436"/>
      <c r="KA4" s="437"/>
      <c r="KB4" s="435" t="s">
        <v>41</v>
      </c>
      <c r="KC4" s="436"/>
      <c r="KD4" s="436"/>
      <c r="KE4" s="436"/>
      <c r="KF4" s="436"/>
      <c r="KG4" s="436"/>
      <c r="KH4" s="436"/>
      <c r="KI4" s="436"/>
      <c r="KJ4" s="436"/>
      <c r="KK4" s="436"/>
      <c r="KL4" s="437"/>
    </row>
    <row r="5" spans="1:298" ht="27.75" customHeight="1" thickBot="1" x14ac:dyDescent="0.25">
      <c r="A5" s="441"/>
      <c r="B5" s="441"/>
      <c r="C5" s="442"/>
      <c r="D5" s="442"/>
      <c r="E5" s="442"/>
      <c r="F5" s="442"/>
      <c r="G5" s="442"/>
      <c r="H5" s="442"/>
      <c r="I5" s="442"/>
      <c r="J5" s="442"/>
      <c r="K5" s="442"/>
      <c r="L5" s="443"/>
      <c r="M5" s="444" t="s">
        <v>97</v>
      </c>
      <c r="N5" s="445"/>
      <c r="O5" s="445"/>
      <c r="P5" s="445"/>
      <c r="Q5" s="445"/>
      <c r="R5" s="445"/>
      <c r="S5" s="445"/>
      <c r="T5" s="445"/>
      <c r="U5" s="445"/>
      <c r="V5" s="445"/>
      <c r="W5" s="446"/>
      <c r="X5" s="444" t="s">
        <v>98</v>
      </c>
      <c r="Y5" s="445"/>
      <c r="Z5" s="445"/>
      <c r="AA5" s="445"/>
      <c r="AB5" s="445"/>
      <c r="AC5" s="445"/>
      <c r="AD5" s="445"/>
      <c r="AE5" s="445"/>
      <c r="AF5" s="445"/>
      <c r="AG5" s="445"/>
      <c r="AH5" s="446"/>
      <c r="AI5" s="444" t="s">
        <v>99</v>
      </c>
      <c r="AJ5" s="445"/>
      <c r="AK5" s="445"/>
      <c r="AL5" s="445"/>
      <c r="AM5" s="445"/>
      <c r="AN5" s="445"/>
      <c r="AO5" s="445"/>
      <c r="AP5" s="445"/>
      <c r="AQ5" s="445"/>
      <c r="AR5" s="445"/>
      <c r="AS5" s="446"/>
      <c r="AT5" s="444" t="s">
        <v>100</v>
      </c>
      <c r="AU5" s="445"/>
      <c r="AV5" s="445"/>
      <c r="AW5" s="445"/>
      <c r="AX5" s="445"/>
      <c r="AY5" s="445"/>
      <c r="AZ5" s="445"/>
      <c r="BA5" s="445"/>
      <c r="BB5" s="445"/>
      <c r="BC5" s="445"/>
      <c r="BD5" s="446"/>
      <c r="BE5" s="444" t="s">
        <v>101</v>
      </c>
      <c r="BF5" s="445"/>
      <c r="BG5" s="445"/>
      <c r="BH5" s="445"/>
      <c r="BI5" s="445"/>
      <c r="BJ5" s="445"/>
      <c r="BK5" s="445"/>
      <c r="BL5" s="445"/>
      <c r="BM5" s="445"/>
      <c r="BN5" s="445"/>
      <c r="BO5" s="446"/>
      <c r="BP5" s="444" t="s">
        <v>102</v>
      </c>
      <c r="BQ5" s="445"/>
      <c r="BR5" s="445"/>
      <c r="BS5" s="445"/>
      <c r="BT5" s="445"/>
      <c r="BU5" s="445"/>
      <c r="BV5" s="445"/>
      <c r="BW5" s="445"/>
      <c r="BX5" s="445"/>
      <c r="BY5" s="445"/>
      <c r="BZ5" s="446"/>
      <c r="CA5" s="438"/>
      <c r="CB5" s="439"/>
      <c r="CC5" s="439"/>
      <c r="CD5" s="439"/>
      <c r="CE5" s="439"/>
      <c r="CF5" s="439"/>
      <c r="CG5" s="439"/>
      <c r="CH5" s="439"/>
      <c r="CI5" s="439"/>
      <c r="CJ5" s="439"/>
      <c r="CK5" s="440"/>
      <c r="CL5" s="438"/>
      <c r="CM5" s="439"/>
      <c r="CN5" s="439"/>
      <c r="CO5" s="439"/>
      <c r="CP5" s="439"/>
      <c r="CQ5" s="439"/>
      <c r="CR5" s="439"/>
      <c r="CS5" s="439"/>
      <c r="CT5" s="439"/>
      <c r="CU5" s="439"/>
      <c r="CV5" s="440"/>
      <c r="CW5" s="441"/>
      <c r="CX5" s="442"/>
      <c r="CY5" s="442"/>
      <c r="CZ5" s="442"/>
      <c r="DA5" s="442"/>
      <c r="DB5" s="442"/>
      <c r="DC5" s="442"/>
      <c r="DD5" s="442"/>
      <c r="DE5" s="442"/>
      <c r="DF5" s="442"/>
      <c r="DG5" s="443"/>
      <c r="DH5" s="444" t="s">
        <v>97</v>
      </c>
      <c r="DI5" s="445"/>
      <c r="DJ5" s="445"/>
      <c r="DK5" s="445"/>
      <c r="DL5" s="445"/>
      <c r="DM5" s="445"/>
      <c r="DN5" s="445"/>
      <c r="DO5" s="445"/>
      <c r="DP5" s="445"/>
      <c r="DQ5" s="445"/>
      <c r="DR5" s="446"/>
      <c r="DS5" s="444" t="s">
        <v>98</v>
      </c>
      <c r="DT5" s="445"/>
      <c r="DU5" s="445"/>
      <c r="DV5" s="445"/>
      <c r="DW5" s="445"/>
      <c r="DX5" s="445"/>
      <c r="DY5" s="445"/>
      <c r="DZ5" s="445"/>
      <c r="EA5" s="445"/>
      <c r="EB5" s="445"/>
      <c r="EC5" s="446"/>
      <c r="ED5" s="444" t="s">
        <v>99</v>
      </c>
      <c r="EE5" s="445"/>
      <c r="EF5" s="445"/>
      <c r="EG5" s="445"/>
      <c r="EH5" s="445"/>
      <c r="EI5" s="445"/>
      <c r="EJ5" s="445"/>
      <c r="EK5" s="445"/>
      <c r="EL5" s="445"/>
      <c r="EM5" s="445"/>
      <c r="EN5" s="446"/>
      <c r="EO5" s="444" t="s">
        <v>100</v>
      </c>
      <c r="EP5" s="445"/>
      <c r="EQ5" s="445"/>
      <c r="ER5" s="445"/>
      <c r="ES5" s="445"/>
      <c r="ET5" s="445"/>
      <c r="EU5" s="445"/>
      <c r="EV5" s="445"/>
      <c r="EW5" s="445"/>
      <c r="EX5" s="445"/>
      <c r="EY5" s="446"/>
      <c r="EZ5" s="444" t="s">
        <v>101</v>
      </c>
      <c r="FA5" s="445"/>
      <c r="FB5" s="445"/>
      <c r="FC5" s="445"/>
      <c r="FD5" s="445"/>
      <c r="FE5" s="445"/>
      <c r="FF5" s="445"/>
      <c r="FG5" s="445"/>
      <c r="FH5" s="445"/>
      <c r="FI5" s="445"/>
      <c r="FJ5" s="446"/>
      <c r="FK5" s="444" t="s">
        <v>102</v>
      </c>
      <c r="FL5" s="445"/>
      <c r="FM5" s="445"/>
      <c r="FN5" s="445"/>
      <c r="FO5" s="445"/>
      <c r="FP5" s="445"/>
      <c r="FQ5" s="445"/>
      <c r="FR5" s="445"/>
      <c r="FS5" s="445"/>
      <c r="FT5" s="445"/>
      <c r="FU5" s="446"/>
      <c r="FV5" s="438"/>
      <c r="FW5" s="439"/>
      <c r="FX5" s="439"/>
      <c r="FY5" s="439"/>
      <c r="FZ5" s="439"/>
      <c r="GA5" s="439"/>
      <c r="GB5" s="439"/>
      <c r="GC5" s="439"/>
      <c r="GD5" s="439"/>
      <c r="GE5" s="439"/>
      <c r="GF5" s="440"/>
      <c r="GG5" s="438"/>
      <c r="GH5" s="439"/>
      <c r="GI5" s="439"/>
      <c r="GJ5" s="439"/>
      <c r="GK5" s="439"/>
      <c r="GL5" s="439"/>
      <c r="GM5" s="439"/>
      <c r="GN5" s="439"/>
      <c r="GO5" s="439"/>
      <c r="GP5" s="439"/>
      <c r="GQ5" s="440"/>
      <c r="GR5" s="441"/>
      <c r="GS5" s="442"/>
      <c r="GT5" s="442"/>
      <c r="GU5" s="442"/>
      <c r="GV5" s="442"/>
      <c r="GW5" s="442"/>
      <c r="GX5" s="442"/>
      <c r="GY5" s="442"/>
      <c r="GZ5" s="442"/>
      <c r="HA5" s="442"/>
      <c r="HB5" s="443"/>
      <c r="HC5" s="444" t="s">
        <v>97</v>
      </c>
      <c r="HD5" s="445"/>
      <c r="HE5" s="445"/>
      <c r="HF5" s="445"/>
      <c r="HG5" s="445"/>
      <c r="HH5" s="445"/>
      <c r="HI5" s="445"/>
      <c r="HJ5" s="445"/>
      <c r="HK5" s="445"/>
      <c r="HL5" s="445"/>
      <c r="HM5" s="446"/>
      <c r="HN5" s="444" t="s">
        <v>98</v>
      </c>
      <c r="HO5" s="445"/>
      <c r="HP5" s="445"/>
      <c r="HQ5" s="445"/>
      <c r="HR5" s="445"/>
      <c r="HS5" s="445"/>
      <c r="HT5" s="445"/>
      <c r="HU5" s="445"/>
      <c r="HV5" s="445"/>
      <c r="HW5" s="445"/>
      <c r="HX5" s="446"/>
      <c r="HY5" s="444" t="s">
        <v>99</v>
      </c>
      <c r="HZ5" s="445"/>
      <c r="IA5" s="445"/>
      <c r="IB5" s="445"/>
      <c r="IC5" s="445"/>
      <c r="ID5" s="445"/>
      <c r="IE5" s="445"/>
      <c r="IF5" s="445"/>
      <c r="IG5" s="445"/>
      <c r="IH5" s="445"/>
      <c r="II5" s="446"/>
      <c r="IJ5" s="444" t="s">
        <v>100</v>
      </c>
      <c r="IK5" s="445"/>
      <c r="IL5" s="445"/>
      <c r="IM5" s="445"/>
      <c r="IN5" s="445"/>
      <c r="IO5" s="445"/>
      <c r="IP5" s="445"/>
      <c r="IQ5" s="445"/>
      <c r="IR5" s="445"/>
      <c r="IS5" s="445"/>
      <c r="IT5" s="446"/>
      <c r="IU5" s="444" t="s">
        <v>101</v>
      </c>
      <c r="IV5" s="445"/>
      <c r="IW5" s="445"/>
      <c r="IX5" s="445"/>
      <c r="IY5" s="445"/>
      <c r="IZ5" s="445"/>
      <c r="JA5" s="445"/>
      <c r="JB5" s="445"/>
      <c r="JC5" s="445"/>
      <c r="JD5" s="445"/>
      <c r="JE5" s="446"/>
      <c r="JF5" s="444" t="s">
        <v>102</v>
      </c>
      <c r="JG5" s="445"/>
      <c r="JH5" s="445"/>
      <c r="JI5" s="445"/>
      <c r="JJ5" s="445"/>
      <c r="JK5" s="445"/>
      <c r="JL5" s="445"/>
      <c r="JM5" s="445"/>
      <c r="JN5" s="445"/>
      <c r="JO5" s="445"/>
      <c r="JP5" s="446"/>
      <c r="JQ5" s="438"/>
      <c r="JR5" s="439"/>
      <c r="JS5" s="439"/>
      <c r="JT5" s="439"/>
      <c r="JU5" s="439"/>
      <c r="JV5" s="439"/>
      <c r="JW5" s="439"/>
      <c r="JX5" s="439"/>
      <c r="JY5" s="439"/>
      <c r="JZ5" s="439"/>
      <c r="KA5" s="440"/>
      <c r="KB5" s="438"/>
      <c r="KC5" s="439"/>
      <c r="KD5" s="439"/>
      <c r="KE5" s="439"/>
      <c r="KF5" s="439"/>
      <c r="KG5" s="439"/>
      <c r="KH5" s="439"/>
      <c r="KI5" s="439"/>
      <c r="KJ5" s="439"/>
      <c r="KK5" s="439"/>
      <c r="KL5" s="440"/>
    </row>
    <row r="6" spans="1:298" ht="44.25" customHeight="1" thickBot="1" x14ac:dyDescent="0.25">
      <c r="A6" s="355" t="s">
        <v>42</v>
      </c>
      <c r="B6" s="51" t="s">
        <v>43</v>
      </c>
      <c r="C6" s="47" t="s">
        <v>44</v>
      </c>
      <c r="D6" s="48" t="s">
        <v>45</v>
      </c>
      <c r="E6" s="52" t="s">
        <v>46</v>
      </c>
      <c r="F6" s="47" t="s">
        <v>47</v>
      </c>
      <c r="G6" s="47" t="s">
        <v>48</v>
      </c>
      <c r="H6" s="47" t="s">
        <v>49</v>
      </c>
      <c r="I6" s="47" t="s">
        <v>50</v>
      </c>
      <c r="J6" s="47" t="s">
        <v>51</v>
      </c>
      <c r="K6" s="48" t="s">
        <v>45</v>
      </c>
      <c r="L6" s="53" t="s">
        <v>52</v>
      </c>
      <c r="M6" s="405" t="s">
        <v>43</v>
      </c>
      <c r="N6" s="406" t="s">
        <v>44</v>
      </c>
      <c r="O6" s="407" t="s">
        <v>45</v>
      </c>
      <c r="P6" s="408" t="s">
        <v>46</v>
      </c>
      <c r="Q6" s="406" t="s">
        <v>47</v>
      </c>
      <c r="R6" s="406" t="s">
        <v>48</v>
      </c>
      <c r="S6" s="406" t="s">
        <v>49</v>
      </c>
      <c r="T6" s="406" t="s">
        <v>50</v>
      </c>
      <c r="U6" s="406" t="s">
        <v>51</v>
      </c>
      <c r="V6" s="407" t="s">
        <v>45</v>
      </c>
      <c r="W6" s="404" t="s">
        <v>52</v>
      </c>
      <c r="X6" s="405" t="s">
        <v>43</v>
      </c>
      <c r="Y6" s="406" t="s">
        <v>44</v>
      </c>
      <c r="Z6" s="407" t="s">
        <v>45</v>
      </c>
      <c r="AA6" s="408" t="s">
        <v>46</v>
      </c>
      <c r="AB6" s="406" t="s">
        <v>47</v>
      </c>
      <c r="AC6" s="406" t="s">
        <v>48</v>
      </c>
      <c r="AD6" s="406" t="s">
        <v>49</v>
      </c>
      <c r="AE6" s="406" t="s">
        <v>50</v>
      </c>
      <c r="AF6" s="406" t="s">
        <v>51</v>
      </c>
      <c r="AG6" s="407" t="s">
        <v>45</v>
      </c>
      <c r="AH6" s="409" t="s">
        <v>52</v>
      </c>
      <c r="AI6" s="405" t="s">
        <v>43</v>
      </c>
      <c r="AJ6" s="406" t="s">
        <v>44</v>
      </c>
      <c r="AK6" s="407" t="s">
        <v>45</v>
      </c>
      <c r="AL6" s="408" t="s">
        <v>46</v>
      </c>
      <c r="AM6" s="406" t="s">
        <v>47</v>
      </c>
      <c r="AN6" s="406" t="s">
        <v>48</v>
      </c>
      <c r="AO6" s="406" t="s">
        <v>49</v>
      </c>
      <c r="AP6" s="406" t="s">
        <v>50</v>
      </c>
      <c r="AQ6" s="406" t="s">
        <v>51</v>
      </c>
      <c r="AR6" s="407" t="s">
        <v>45</v>
      </c>
      <c r="AS6" s="409" t="s">
        <v>52</v>
      </c>
      <c r="AT6" s="405" t="s">
        <v>43</v>
      </c>
      <c r="AU6" s="406" t="s">
        <v>44</v>
      </c>
      <c r="AV6" s="407" t="s">
        <v>45</v>
      </c>
      <c r="AW6" s="408" t="s">
        <v>46</v>
      </c>
      <c r="AX6" s="406" t="s">
        <v>47</v>
      </c>
      <c r="AY6" s="406" t="s">
        <v>48</v>
      </c>
      <c r="AZ6" s="406" t="s">
        <v>49</v>
      </c>
      <c r="BA6" s="406" t="s">
        <v>50</v>
      </c>
      <c r="BB6" s="406" t="s">
        <v>51</v>
      </c>
      <c r="BC6" s="407" t="s">
        <v>45</v>
      </c>
      <c r="BD6" s="409" t="s">
        <v>52</v>
      </c>
      <c r="BE6" s="405" t="s">
        <v>43</v>
      </c>
      <c r="BF6" s="406" t="s">
        <v>44</v>
      </c>
      <c r="BG6" s="407" t="s">
        <v>45</v>
      </c>
      <c r="BH6" s="408" t="s">
        <v>46</v>
      </c>
      <c r="BI6" s="406" t="s">
        <v>47</v>
      </c>
      <c r="BJ6" s="406" t="s">
        <v>48</v>
      </c>
      <c r="BK6" s="406" t="s">
        <v>49</v>
      </c>
      <c r="BL6" s="406" t="s">
        <v>50</v>
      </c>
      <c r="BM6" s="406" t="s">
        <v>51</v>
      </c>
      <c r="BN6" s="407" t="s">
        <v>45</v>
      </c>
      <c r="BO6" s="409" t="s">
        <v>52</v>
      </c>
      <c r="BP6" s="405" t="s">
        <v>43</v>
      </c>
      <c r="BQ6" s="406" t="s">
        <v>44</v>
      </c>
      <c r="BR6" s="407" t="s">
        <v>45</v>
      </c>
      <c r="BS6" s="408" t="s">
        <v>46</v>
      </c>
      <c r="BT6" s="406" t="s">
        <v>47</v>
      </c>
      <c r="BU6" s="406" t="s">
        <v>48</v>
      </c>
      <c r="BV6" s="406" t="s">
        <v>49</v>
      </c>
      <c r="BW6" s="406" t="s">
        <v>50</v>
      </c>
      <c r="BX6" s="406" t="s">
        <v>51</v>
      </c>
      <c r="BY6" s="407" t="s">
        <v>45</v>
      </c>
      <c r="BZ6" s="409" t="s">
        <v>52</v>
      </c>
      <c r="CA6" s="405" t="s">
        <v>43</v>
      </c>
      <c r="CB6" s="406" t="s">
        <v>44</v>
      </c>
      <c r="CC6" s="407" t="s">
        <v>45</v>
      </c>
      <c r="CD6" s="408" t="s">
        <v>46</v>
      </c>
      <c r="CE6" s="406" t="s">
        <v>47</v>
      </c>
      <c r="CF6" s="406" t="s">
        <v>48</v>
      </c>
      <c r="CG6" s="406" t="s">
        <v>49</v>
      </c>
      <c r="CH6" s="406" t="s">
        <v>50</v>
      </c>
      <c r="CI6" s="406" t="s">
        <v>51</v>
      </c>
      <c r="CJ6" s="407" t="s">
        <v>45</v>
      </c>
      <c r="CK6" s="409" t="s">
        <v>52</v>
      </c>
      <c r="CL6" s="405" t="s">
        <v>43</v>
      </c>
      <c r="CM6" s="406" t="s">
        <v>44</v>
      </c>
      <c r="CN6" s="407" t="s">
        <v>45</v>
      </c>
      <c r="CO6" s="408" t="s">
        <v>46</v>
      </c>
      <c r="CP6" s="406" t="s">
        <v>47</v>
      </c>
      <c r="CQ6" s="406" t="s">
        <v>48</v>
      </c>
      <c r="CR6" s="406" t="s">
        <v>49</v>
      </c>
      <c r="CS6" s="406" t="s">
        <v>50</v>
      </c>
      <c r="CT6" s="406" t="s">
        <v>51</v>
      </c>
      <c r="CU6" s="407" t="s">
        <v>45</v>
      </c>
      <c r="CV6" s="409" t="s">
        <v>52</v>
      </c>
      <c r="CW6" s="51" t="s">
        <v>43</v>
      </c>
      <c r="CX6" s="47" t="s">
        <v>44</v>
      </c>
      <c r="CY6" s="48" t="s">
        <v>45</v>
      </c>
      <c r="CZ6" s="52" t="s">
        <v>46</v>
      </c>
      <c r="DA6" s="47" t="s">
        <v>47</v>
      </c>
      <c r="DB6" s="47" t="s">
        <v>48</v>
      </c>
      <c r="DC6" s="47" t="s">
        <v>49</v>
      </c>
      <c r="DD6" s="47" t="s">
        <v>50</v>
      </c>
      <c r="DE6" s="47" t="s">
        <v>51</v>
      </c>
      <c r="DF6" s="48" t="s">
        <v>45</v>
      </c>
      <c r="DG6" s="53" t="s">
        <v>52</v>
      </c>
      <c r="DH6" s="405" t="s">
        <v>43</v>
      </c>
      <c r="DI6" s="406" t="s">
        <v>44</v>
      </c>
      <c r="DJ6" s="407" t="s">
        <v>45</v>
      </c>
      <c r="DK6" s="408" t="s">
        <v>46</v>
      </c>
      <c r="DL6" s="406" t="s">
        <v>47</v>
      </c>
      <c r="DM6" s="406" t="s">
        <v>48</v>
      </c>
      <c r="DN6" s="406" t="s">
        <v>49</v>
      </c>
      <c r="DO6" s="406" t="s">
        <v>50</v>
      </c>
      <c r="DP6" s="406" t="s">
        <v>51</v>
      </c>
      <c r="DQ6" s="407" t="s">
        <v>45</v>
      </c>
      <c r="DR6" s="409" t="s">
        <v>52</v>
      </c>
      <c r="DS6" s="405" t="s">
        <v>43</v>
      </c>
      <c r="DT6" s="406" t="s">
        <v>44</v>
      </c>
      <c r="DU6" s="407" t="s">
        <v>45</v>
      </c>
      <c r="DV6" s="408" t="s">
        <v>46</v>
      </c>
      <c r="DW6" s="406" t="s">
        <v>47</v>
      </c>
      <c r="DX6" s="406" t="s">
        <v>48</v>
      </c>
      <c r="DY6" s="406" t="s">
        <v>49</v>
      </c>
      <c r="DZ6" s="406" t="s">
        <v>50</v>
      </c>
      <c r="EA6" s="406" t="s">
        <v>51</v>
      </c>
      <c r="EB6" s="407" t="s">
        <v>45</v>
      </c>
      <c r="EC6" s="409" t="s">
        <v>52</v>
      </c>
      <c r="ED6" s="405" t="s">
        <v>43</v>
      </c>
      <c r="EE6" s="406" t="s">
        <v>44</v>
      </c>
      <c r="EF6" s="407" t="s">
        <v>45</v>
      </c>
      <c r="EG6" s="408" t="s">
        <v>46</v>
      </c>
      <c r="EH6" s="406" t="s">
        <v>47</v>
      </c>
      <c r="EI6" s="406" t="s">
        <v>48</v>
      </c>
      <c r="EJ6" s="406" t="s">
        <v>49</v>
      </c>
      <c r="EK6" s="406" t="s">
        <v>50</v>
      </c>
      <c r="EL6" s="406" t="s">
        <v>51</v>
      </c>
      <c r="EM6" s="407" t="s">
        <v>45</v>
      </c>
      <c r="EN6" s="409" t="s">
        <v>52</v>
      </c>
      <c r="EO6" s="405" t="s">
        <v>43</v>
      </c>
      <c r="EP6" s="406" t="s">
        <v>44</v>
      </c>
      <c r="EQ6" s="407" t="s">
        <v>45</v>
      </c>
      <c r="ER6" s="408" t="s">
        <v>46</v>
      </c>
      <c r="ES6" s="406" t="s">
        <v>47</v>
      </c>
      <c r="ET6" s="406" t="s">
        <v>48</v>
      </c>
      <c r="EU6" s="406" t="s">
        <v>49</v>
      </c>
      <c r="EV6" s="406" t="s">
        <v>50</v>
      </c>
      <c r="EW6" s="406" t="s">
        <v>51</v>
      </c>
      <c r="EX6" s="407" t="s">
        <v>45</v>
      </c>
      <c r="EY6" s="409" t="s">
        <v>52</v>
      </c>
      <c r="EZ6" s="405" t="s">
        <v>43</v>
      </c>
      <c r="FA6" s="406" t="s">
        <v>44</v>
      </c>
      <c r="FB6" s="407" t="s">
        <v>45</v>
      </c>
      <c r="FC6" s="408" t="s">
        <v>46</v>
      </c>
      <c r="FD6" s="406" t="s">
        <v>47</v>
      </c>
      <c r="FE6" s="406" t="s">
        <v>48</v>
      </c>
      <c r="FF6" s="406" t="s">
        <v>49</v>
      </c>
      <c r="FG6" s="406" t="s">
        <v>50</v>
      </c>
      <c r="FH6" s="406" t="s">
        <v>51</v>
      </c>
      <c r="FI6" s="407" t="s">
        <v>45</v>
      </c>
      <c r="FJ6" s="409" t="s">
        <v>52</v>
      </c>
      <c r="FK6" s="405" t="s">
        <v>43</v>
      </c>
      <c r="FL6" s="406" t="s">
        <v>44</v>
      </c>
      <c r="FM6" s="407" t="s">
        <v>45</v>
      </c>
      <c r="FN6" s="408" t="s">
        <v>46</v>
      </c>
      <c r="FO6" s="406" t="s">
        <v>47</v>
      </c>
      <c r="FP6" s="406" t="s">
        <v>48</v>
      </c>
      <c r="FQ6" s="406" t="s">
        <v>49</v>
      </c>
      <c r="FR6" s="406" t="s">
        <v>50</v>
      </c>
      <c r="FS6" s="406" t="s">
        <v>51</v>
      </c>
      <c r="FT6" s="407" t="s">
        <v>45</v>
      </c>
      <c r="FU6" s="409" t="s">
        <v>52</v>
      </c>
      <c r="FV6" s="405" t="s">
        <v>43</v>
      </c>
      <c r="FW6" s="406" t="s">
        <v>44</v>
      </c>
      <c r="FX6" s="407" t="s">
        <v>45</v>
      </c>
      <c r="FY6" s="408" t="s">
        <v>46</v>
      </c>
      <c r="FZ6" s="406" t="s">
        <v>47</v>
      </c>
      <c r="GA6" s="406" t="s">
        <v>48</v>
      </c>
      <c r="GB6" s="406" t="s">
        <v>49</v>
      </c>
      <c r="GC6" s="406" t="s">
        <v>50</v>
      </c>
      <c r="GD6" s="406" t="s">
        <v>51</v>
      </c>
      <c r="GE6" s="407" t="s">
        <v>45</v>
      </c>
      <c r="GF6" s="409" t="s">
        <v>52</v>
      </c>
      <c r="GG6" s="405" t="s">
        <v>43</v>
      </c>
      <c r="GH6" s="406" t="s">
        <v>44</v>
      </c>
      <c r="GI6" s="407" t="s">
        <v>45</v>
      </c>
      <c r="GJ6" s="408" t="s">
        <v>46</v>
      </c>
      <c r="GK6" s="406" t="s">
        <v>47</v>
      </c>
      <c r="GL6" s="406" t="s">
        <v>48</v>
      </c>
      <c r="GM6" s="406" t="s">
        <v>49</v>
      </c>
      <c r="GN6" s="406" t="s">
        <v>50</v>
      </c>
      <c r="GO6" s="406" t="s">
        <v>51</v>
      </c>
      <c r="GP6" s="407" t="s">
        <v>45</v>
      </c>
      <c r="GQ6" s="409" t="s">
        <v>52</v>
      </c>
      <c r="GR6" s="51" t="s">
        <v>43</v>
      </c>
      <c r="GS6" s="47" t="s">
        <v>44</v>
      </c>
      <c r="GT6" s="48" t="s">
        <v>45</v>
      </c>
      <c r="GU6" s="52" t="s">
        <v>46</v>
      </c>
      <c r="GV6" s="47" t="s">
        <v>47</v>
      </c>
      <c r="GW6" s="47" t="s">
        <v>48</v>
      </c>
      <c r="GX6" s="47" t="s">
        <v>49</v>
      </c>
      <c r="GY6" s="47" t="s">
        <v>50</v>
      </c>
      <c r="GZ6" s="47" t="s">
        <v>51</v>
      </c>
      <c r="HA6" s="48" t="s">
        <v>45</v>
      </c>
      <c r="HB6" s="53" t="s">
        <v>52</v>
      </c>
      <c r="HC6" s="405" t="s">
        <v>43</v>
      </c>
      <c r="HD6" s="406" t="s">
        <v>44</v>
      </c>
      <c r="HE6" s="407" t="s">
        <v>45</v>
      </c>
      <c r="HF6" s="408" t="s">
        <v>46</v>
      </c>
      <c r="HG6" s="406" t="s">
        <v>47</v>
      </c>
      <c r="HH6" s="406" t="s">
        <v>48</v>
      </c>
      <c r="HI6" s="406" t="s">
        <v>49</v>
      </c>
      <c r="HJ6" s="406" t="s">
        <v>50</v>
      </c>
      <c r="HK6" s="406" t="s">
        <v>51</v>
      </c>
      <c r="HL6" s="407" t="s">
        <v>45</v>
      </c>
      <c r="HM6" s="409" t="s">
        <v>52</v>
      </c>
      <c r="HN6" s="405" t="s">
        <v>43</v>
      </c>
      <c r="HO6" s="406" t="s">
        <v>44</v>
      </c>
      <c r="HP6" s="407" t="s">
        <v>45</v>
      </c>
      <c r="HQ6" s="408" t="s">
        <v>46</v>
      </c>
      <c r="HR6" s="406" t="s">
        <v>47</v>
      </c>
      <c r="HS6" s="406" t="s">
        <v>48</v>
      </c>
      <c r="HT6" s="406" t="s">
        <v>49</v>
      </c>
      <c r="HU6" s="406" t="s">
        <v>50</v>
      </c>
      <c r="HV6" s="406" t="s">
        <v>51</v>
      </c>
      <c r="HW6" s="407" t="s">
        <v>45</v>
      </c>
      <c r="HX6" s="409" t="s">
        <v>52</v>
      </c>
      <c r="HY6" s="405" t="s">
        <v>43</v>
      </c>
      <c r="HZ6" s="406" t="s">
        <v>44</v>
      </c>
      <c r="IA6" s="407" t="s">
        <v>45</v>
      </c>
      <c r="IB6" s="408" t="s">
        <v>46</v>
      </c>
      <c r="IC6" s="406" t="s">
        <v>47</v>
      </c>
      <c r="ID6" s="406" t="s">
        <v>48</v>
      </c>
      <c r="IE6" s="406" t="s">
        <v>49</v>
      </c>
      <c r="IF6" s="406" t="s">
        <v>50</v>
      </c>
      <c r="IG6" s="406" t="s">
        <v>51</v>
      </c>
      <c r="IH6" s="407" t="s">
        <v>45</v>
      </c>
      <c r="II6" s="409" t="s">
        <v>52</v>
      </c>
      <c r="IJ6" s="405" t="s">
        <v>43</v>
      </c>
      <c r="IK6" s="406" t="s">
        <v>44</v>
      </c>
      <c r="IL6" s="407" t="s">
        <v>45</v>
      </c>
      <c r="IM6" s="408" t="s">
        <v>46</v>
      </c>
      <c r="IN6" s="406" t="s">
        <v>47</v>
      </c>
      <c r="IO6" s="406" t="s">
        <v>48</v>
      </c>
      <c r="IP6" s="406" t="s">
        <v>49</v>
      </c>
      <c r="IQ6" s="406" t="s">
        <v>50</v>
      </c>
      <c r="IR6" s="406" t="s">
        <v>51</v>
      </c>
      <c r="IS6" s="407" t="s">
        <v>45</v>
      </c>
      <c r="IT6" s="409" t="s">
        <v>52</v>
      </c>
      <c r="IU6" s="405" t="s">
        <v>43</v>
      </c>
      <c r="IV6" s="406" t="s">
        <v>44</v>
      </c>
      <c r="IW6" s="407" t="s">
        <v>45</v>
      </c>
      <c r="IX6" s="408" t="s">
        <v>46</v>
      </c>
      <c r="IY6" s="406" t="s">
        <v>47</v>
      </c>
      <c r="IZ6" s="406" t="s">
        <v>48</v>
      </c>
      <c r="JA6" s="406" t="s">
        <v>49</v>
      </c>
      <c r="JB6" s="406" t="s">
        <v>50</v>
      </c>
      <c r="JC6" s="406" t="s">
        <v>51</v>
      </c>
      <c r="JD6" s="407" t="s">
        <v>45</v>
      </c>
      <c r="JE6" s="409" t="s">
        <v>52</v>
      </c>
      <c r="JF6" s="405" t="s">
        <v>43</v>
      </c>
      <c r="JG6" s="406" t="s">
        <v>44</v>
      </c>
      <c r="JH6" s="407" t="s">
        <v>45</v>
      </c>
      <c r="JI6" s="408" t="s">
        <v>46</v>
      </c>
      <c r="JJ6" s="406" t="s">
        <v>47</v>
      </c>
      <c r="JK6" s="406" t="s">
        <v>48</v>
      </c>
      <c r="JL6" s="406" t="s">
        <v>49</v>
      </c>
      <c r="JM6" s="406" t="s">
        <v>50</v>
      </c>
      <c r="JN6" s="406" t="s">
        <v>51</v>
      </c>
      <c r="JO6" s="407" t="s">
        <v>45</v>
      </c>
      <c r="JP6" s="409" t="s">
        <v>52</v>
      </c>
      <c r="JQ6" s="405" t="s">
        <v>43</v>
      </c>
      <c r="JR6" s="406" t="s">
        <v>44</v>
      </c>
      <c r="JS6" s="407" t="s">
        <v>45</v>
      </c>
      <c r="JT6" s="408" t="s">
        <v>46</v>
      </c>
      <c r="JU6" s="406" t="s">
        <v>47</v>
      </c>
      <c r="JV6" s="406" t="s">
        <v>48</v>
      </c>
      <c r="JW6" s="406" t="s">
        <v>49</v>
      </c>
      <c r="JX6" s="406" t="s">
        <v>50</v>
      </c>
      <c r="JY6" s="406" t="s">
        <v>51</v>
      </c>
      <c r="JZ6" s="407" t="s">
        <v>45</v>
      </c>
      <c r="KA6" s="409" t="s">
        <v>52</v>
      </c>
      <c r="KB6" s="405" t="s">
        <v>43</v>
      </c>
      <c r="KC6" s="406" t="s">
        <v>44</v>
      </c>
      <c r="KD6" s="407" t="s">
        <v>45</v>
      </c>
      <c r="KE6" s="408" t="s">
        <v>46</v>
      </c>
      <c r="KF6" s="406" t="s">
        <v>47</v>
      </c>
      <c r="KG6" s="406" t="s">
        <v>48</v>
      </c>
      <c r="KH6" s="406" t="s">
        <v>49</v>
      </c>
      <c r="KI6" s="406" t="s">
        <v>50</v>
      </c>
      <c r="KJ6" s="406" t="s">
        <v>51</v>
      </c>
      <c r="KK6" s="407" t="s">
        <v>45</v>
      </c>
      <c r="KL6" s="409" t="s">
        <v>52</v>
      </c>
    </row>
    <row r="7" spans="1:298" ht="19.5" customHeight="1" x14ac:dyDescent="0.2">
      <c r="A7" s="129" t="s">
        <v>4</v>
      </c>
      <c r="B7" s="352">
        <v>19401</v>
      </c>
      <c r="C7" s="79">
        <v>19592</v>
      </c>
      <c r="D7" s="80">
        <v>38993</v>
      </c>
      <c r="E7" s="270"/>
      <c r="F7" s="79">
        <v>29413</v>
      </c>
      <c r="G7" s="79">
        <v>28997</v>
      </c>
      <c r="H7" s="79">
        <v>20042</v>
      </c>
      <c r="I7" s="79">
        <v>16609</v>
      </c>
      <c r="J7" s="79">
        <v>10310</v>
      </c>
      <c r="K7" s="81">
        <v>105371</v>
      </c>
      <c r="L7" s="82">
        <v>144364</v>
      </c>
      <c r="M7" s="67">
        <v>853</v>
      </c>
      <c r="N7" s="68">
        <v>1092</v>
      </c>
      <c r="O7" s="69">
        <v>1945</v>
      </c>
      <c r="P7" s="270"/>
      <c r="Q7" s="68">
        <v>1375</v>
      </c>
      <c r="R7" s="68">
        <v>1689</v>
      </c>
      <c r="S7" s="68">
        <v>1078</v>
      </c>
      <c r="T7" s="68">
        <v>965</v>
      </c>
      <c r="U7" s="68">
        <v>806</v>
      </c>
      <c r="V7" s="69">
        <v>5913</v>
      </c>
      <c r="W7" s="70">
        <v>7858</v>
      </c>
      <c r="X7" s="67">
        <v>2113</v>
      </c>
      <c r="Y7" s="68">
        <v>2461</v>
      </c>
      <c r="Z7" s="69">
        <v>4574</v>
      </c>
      <c r="AA7" s="270"/>
      <c r="AB7" s="68">
        <v>3210</v>
      </c>
      <c r="AC7" s="68">
        <v>3694</v>
      </c>
      <c r="AD7" s="68">
        <v>2634</v>
      </c>
      <c r="AE7" s="68">
        <v>2184</v>
      </c>
      <c r="AF7" s="68">
        <v>1576</v>
      </c>
      <c r="AG7" s="69">
        <v>13298</v>
      </c>
      <c r="AH7" s="70">
        <v>17872</v>
      </c>
      <c r="AI7" s="67">
        <v>3041</v>
      </c>
      <c r="AJ7" s="68">
        <v>3183</v>
      </c>
      <c r="AK7" s="69">
        <v>6224</v>
      </c>
      <c r="AL7" s="270"/>
      <c r="AM7" s="68">
        <v>4795</v>
      </c>
      <c r="AN7" s="68">
        <v>4788</v>
      </c>
      <c r="AO7" s="68">
        <v>3280</v>
      </c>
      <c r="AP7" s="68">
        <v>2692</v>
      </c>
      <c r="AQ7" s="68">
        <v>1851</v>
      </c>
      <c r="AR7" s="69">
        <v>17406</v>
      </c>
      <c r="AS7" s="70">
        <v>23630</v>
      </c>
      <c r="AT7" s="67">
        <v>5031</v>
      </c>
      <c r="AU7" s="68">
        <v>4759</v>
      </c>
      <c r="AV7" s="69">
        <v>9790</v>
      </c>
      <c r="AW7" s="270"/>
      <c r="AX7" s="68">
        <v>7321</v>
      </c>
      <c r="AY7" s="68">
        <v>6696</v>
      </c>
      <c r="AZ7" s="68">
        <v>4625</v>
      </c>
      <c r="BA7" s="68">
        <v>3758</v>
      </c>
      <c r="BB7" s="68">
        <v>2344</v>
      </c>
      <c r="BC7" s="69">
        <v>24744</v>
      </c>
      <c r="BD7" s="70">
        <v>34534</v>
      </c>
      <c r="BE7" s="67">
        <v>5343</v>
      </c>
      <c r="BF7" s="68">
        <v>4948</v>
      </c>
      <c r="BG7" s="69">
        <v>10291</v>
      </c>
      <c r="BH7" s="270"/>
      <c r="BI7" s="68">
        <v>7686</v>
      </c>
      <c r="BJ7" s="68">
        <v>6972</v>
      </c>
      <c r="BK7" s="68">
        <v>4710</v>
      </c>
      <c r="BL7" s="68">
        <v>3885</v>
      </c>
      <c r="BM7" s="68">
        <v>2138</v>
      </c>
      <c r="BN7" s="69">
        <v>25391</v>
      </c>
      <c r="BO7" s="70">
        <v>35682</v>
      </c>
      <c r="BP7" s="67">
        <v>3020</v>
      </c>
      <c r="BQ7" s="68">
        <v>3149</v>
      </c>
      <c r="BR7" s="69">
        <v>6169</v>
      </c>
      <c r="BS7" s="270"/>
      <c r="BT7" s="68">
        <v>5026</v>
      </c>
      <c r="BU7" s="68">
        <v>5158</v>
      </c>
      <c r="BV7" s="68">
        <v>3715</v>
      </c>
      <c r="BW7" s="68">
        <v>3125</v>
      </c>
      <c r="BX7" s="68">
        <v>1595</v>
      </c>
      <c r="BY7" s="69">
        <v>18619</v>
      </c>
      <c r="BZ7" s="70">
        <v>24788</v>
      </c>
      <c r="CA7" s="67">
        <v>454</v>
      </c>
      <c r="CB7" s="68">
        <v>755</v>
      </c>
      <c r="CC7" s="69">
        <v>1209</v>
      </c>
      <c r="CD7" s="270"/>
      <c r="CE7" s="68">
        <v>816</v>
      </c>
      <c r="CF7" s="68">
        <v>1310</v>
      </c>
      <c r="CG7" s="68">
        <v>852</v>
      </c>
      <c r="CH7" s="68">
        <v>739</v>
      </c>
      <c r="CI7" s="68">
        <v>728</v>
      </c>
      <c r="CJ7" s="69">
        <v>4445</v>
      </c>
      <c r="CK7" s="70">
        <v>5654</v>
      </c>
      <c r="CL7" s="67">
        <v>19855</v>
      </c>
      <c r="CM7" s="68">
        <v>20347</v>
      </c>
      <c r="CN7" s="69">
        <v>40202</v>
      </c>
      <c r="CO7" s="270"/>
      <c r="CP7" s="68">
        <v>30229</v>
      </c>
      <c r="CQ7" s="68">
        <v>30307</v>
      </c>
      <c r="CR7" s="68">
        <v>20894</v>
      </c>
      <c r="CS7" s="68">
        <v>17348</v>
      </c>
      <c r="CT7" s="68">
        <v>11038</v>
      </c>
      <c r="CU7" s="69">
        <v>109816</v>
      </c>
      <c r="CV7" s="70">
        <v>150018</v>
      </c>
      <c r="CW7" s="126">
        <v>37107</v>
      </c>
      <c r="CX7" s="79">
        <v>42897</v>
      </c>
      <c r="CY7" s="80">
        <v>80004</v>
      </c>
      <c r="CZ7" s="270"/>
      <c r="DA7" s="79">
        <v>53952</v>
      </c>
      <c r="DB7" s="79">
        <v>51106</v>
      </c>
      <c r="DC7" s="79">
        <v>37380</v>
      </c>
      <c r="DD7" s="79">
        <v>36872</v>
      </c>
      <c r="DE7" s="79">
        <v>25006</v>
      </c>
      <c r="DF7" s="81">
        <v>204316</v>
      </c>
      <c r="DG7" s="82">
        <v>284320</v>
      </c>
      <c r="DH7" s="67">
        <v>904</v>
      </c>
      <c r="DI7" s="68">
        <v>1074</v>
      </c>
      <c r="DJ7" s="69">
        <v>1978</v>
      </c>
      <c r="DK7" s="270"/>
      <c r="DL7" s="68">
        <v>1094</v>
      </c>
      <c r="DM7" s="68">
        <v>1203</v>
      </c>
      <c r="DN7" s="68">
        <v>764</v>
      </c>
      <c r="DO7" s="68">
        <v>696</v>
      </c>
      <c r="DP7" s="68">
        <v>602</v>
      </c>
      <c r="DQ7" s="69">
        <v>4359</v>
      </c>
      <c r="DR7" s="70">
        <v>6337</v>
      </c>
      <c r="DS7" s="67">
        <v>2935</v>
      </c>
      <c r="DT7" s="68">
        <v>3372</v>
      </c>
      <c r="DU7" s="69">
        <v>6307</v>
      </c>
      <c r="DV7" s="270"/>
      <c r="DW7" s="68">
        <v>3320</v>
      </c>
      <c r="DX7" s="68">
        <v>3243</v>
      </c>
      <c r="DY7" s="68">
        <v>1957</v>
      </c>
      <c r="DZ7" s="68">
        <v>1843</v>
      </c>
      <c r="EA7" s="68">
        <v>1633</v>
      </c>
      <c r="EB7" s="69">
        <v>11996</v>
      </c>
      <c r="EC7" s="70">
        <v>18303</v>
      </c>
      <c r="ED7" s="67">
        <v>6080</v>
      </c>
      <c r="EE7" s="68">
        <v>6478</v>
      </c>
      <c r="EF7" s="69">
        <v>12558</v>
      </c>
      <c r="EG7" s="270"/>
      <c r="EH7" s="68">
        <v>6838</v>
      </c>
      <c r="EI7" s="68">
        <v>5625</v>
      </c>
      <c r="EJ7" s="68">
        <v>3580</v>
      </c>
      <c r="EK7" s="68">
        <v>3331</v>
      </c>
      <c r="EL7" s="68">
        <v>2560</v>
      </c>
      <c r="EM7" s="69">
        <v>21934</v>
      </c>
      <c r="EN7" s="70">
        <v>34492</v>
      </c>
      <c r="EO7" s="67">
        <v>11023</v>
      </c>
      <c r="EP7" s="68">
        <v>11264</v>
      </c>
      <c r="EQ7" s="69">
        <v>22287</v>
      </c>
      <c r="ER7" s="270"/>
      <c r="ES7" s="68">
        <v>13069</v>
      </c>
      <c r="ET7" s="68">
        <v>10708</v>
      </c>
      <c r="EU7" s="68">
        <v>6772</v>
      </c>
      <c r="EV7" s="68">
        <v>6314</v>
      </c>
      <c r="EW7" s="68">
        <v>4462</v>
      </c>
      <c r="EX7" s="69">
        <v>41325</v>
      </c>
      <c r="EY7" s="70">
        <v>63612</v>
      </c>
      <c r="EZ7" s="67">
        <v>10785</v>
      </c>
      <c r="FA7" s="68">
        <v>12811</v>
      </c>
      <c r="FB7" s="69">
        <v>23596</v>
      </c>
      <c r="FC7" s="270"/>
      <c r="FD7" s="68">
        <v>16392</v>
      </c>
      <c r="FE7" s="68">
        <v>14565</v>
      </c>
      <c r="FF7" s="68">
        <v>10320</v>
      </c>
      <c r="FG7" s="68">
        <v>9721</v>
      </c>
      <c r="FH7" s="68">
        <v>6466</v>
      </c>
      <c r="FI7" s="69">
        <v>57464</v>
      </c>
      <c r="FJ7" s="70">
        <v>81060</v>
      </c>
      <c r="FK7" s="67">
        <v>5380</v>
      </c>
      <c r="FL7" s="68">
        <v>7898</v>
      </c>
      <c r="FM7" s="69">
        <v>13278</v>
      </c>
      <c r="FN7" s="270"/>
      <c r="FO7" s="68">
        <v>13239</v>
      </c>
      <c r="FP7" s="68">
        <v>15762</v>
      </c>
      <c r="FQ7" s="68">
        <v>13987</v>
      </c>
      <c r="FR7" s="68">
        <v>14967</v>
      </c>
      <c r="FS7" s="68">
        <v>9283</v>
      </c>
      <c r="FT7" s="69">
        <v>67238</v>
      </c>
      <c r="FU7" s="70">
        <v>80516</v>
      </c>
      <c r="FV7" s="67">
        <v>360</v>
      </c>
      <c r="FW7" s="68">
        <v>688</v>
      </c>
      <c r="FX7" s="69">
        <v>1048</v>
      </c>
      <c r="FY7" s="270"/>
      <c r="FZ7" s="68">
        <v>648</v>
      </c>
      <c r="GA7" s="68">
        <v>985</v>
      </c>
      <c r="GB7" s="68">
        <v>602</v>
      </c>
      <c r="GC7" s="68">
        <v>577</v>
      </c>
      <c r="GD7" s="68">
        <v>577</v>
      </c>
      <c r="GE7" s="69">
        <v>3389</v>
      </c>
      <c r="GF7" s="70">
        <v>4437</v>
      </c>
      <c r="GG7" s="67">
        <v>37467</v>
      </c>
      <c r="GH7" s="68">
        <v>43585</v>
      </c>
      <c r="GI7" s="69">
        <v>81052</v>
      </c>
      <c r="GJ7" s="270"/>
      <c r="GK7" s="68">
        <v>54600</v>
      </c>
      <c r="GL7" s="68">
        <v>52091</v>
      </c>
      <c r="GM7" s="68">
        <v>37982</v>
      </c>
      <c r="GN7" s="68">
        <v>37449</v>
      </c>
      <c r="GO7" s="68">
        <v>25583</v>
      </c>
      <c r="GP7" s="69">
        <v>207705</v>
      </c>
      <c r="GQ7" s="70">
        <v>288757</v>
      </c>
      <c r="GR7" s="126">
        <v>56508</v>
      </c>
      <c r="GS7" s="79">
        <v>62489</v>
      </c>
      <c r="GT7" s="80">
        <v>118997</v>
      </c>
      <c r="GU7" s="270"/>
      <c r="GV7" s="79">
        <v>83365</v>
      </c>
      <c r="GW7" s="79">
        <v>80103</v>
      </c>
      <c r="GX7" s="79">
        <v>57422</v>
      </c>
      <c r="GY7" s="79">
        <v>53481</v>
      </c>
      <c r="GZ7" s="79">
        <v>35316</v>
      </c>
      <c r="HA7" s="81">
        <v>309687</v>
      </c>
      <c r="HB7" s="82">
        <v>428684</v>
      </c>
      <c r="HC7" s="67">
        <v>1757</v>
      </c>
      <c r="HD7" s="68">
        <v>2166</v>
      </c>
      <c r="HE7" s="69">
        <v>3923</v>
      </c>
      <c r="HF7" s="270"/>
      <c r="HG7" s="68">
        <v>2469</v>
      </c>
      <c r="HH7" s="68">
        <v>2892</v>
      </c>
      <c r="HI7" s="68">
        <v>1842</v>
      </c>
      <c r="HJ7" s="68">
        <v>1661</v>
      </c>
      <c r="HK7" s="68">
        <v>1408</v>
      </c>
      <c r="HL7" s="69">
        <v>10272</v>
      </c>
      <c r="HM7" s="70">
        <v>14195</v>
      </c>
      <c r="HN7" s="67">
        <v>5048</v>
      </c>
      <c r="HO7" s="68">
        <v>5833</v>
      </c>
      <c r="HP7" s="69">
        <v>10881</v>
      </c>
      <c r="HQ7" s="270"/>
      <c r="HR7" s="68">
        <v>6530</v>
      </c>
      <c r="HS7" s="68">
        <v>6937</v>
      </c>
      <c r="HT7" s="68">
        <v>4591</v>
      </c>
      <c r="HU7" s="68">
        <v>4027</v>
      </c>
      <c r="HV7" s="68">
        <v>3209</v>
      </c>
      <c r="HW7" s="69">
        <v>25294</v>
      </c>
      <c r="HX7" s="70">
        <v>36175</v>
      </c>
      <c r="HY7" s="67">
        <v>9121</v>
      </c>
      <c r="HZ7" s="68">
        <v>9661</v>
      </c>
      <c r="IA7" s="69">
        <v>18782</v>
      </c>
      <c r="IB7" s="270"/>
      <c r="IC7" s="68">
        <v>11633</v>
      </c>
      <c r="ID7" s="68">
        <v>10413</v>
      </c>
      <c r="IE7" s="68">
        <v>6860</v>
      </c>
      <c r="IF7" s="68">
        <v>6023</v>
      </c>
      <c r="IG7" s="68">
        <v>4411</v>
      </c>
      <c r="IH7" s="69">
        <v>39340</v>
      </c>
      <c r="II7" s="70">
        <v>58122</v>
      </c>
      <c r="IJ7" s="67">
        <v>16054</v>
      </c>
      <c r="IK7" s="68">
        <v>16023</v>
      </c>
      <c r="IL7" s="69">
        <v>32077</v>
      </c>
      <c r="IM7" s="270"/>
      <c r="IN7" s="68">
        <v>20390</v>
      </c>
      <c r="IO7" s="68">
        <v>17404</v>
      </c>
      <c r="IP7" s="68">
        <v>11397</v>
      </c>
      <c r="IQ7" s="68">
        <v>10072</v>
      </c>
      <c r="IR7" s="68">
        <v>6806</v>
      </c>
      <c r="IS7" s="69">
        <v>66069</v>
      </c>
      <c r="IT7" s="70">
        <v>98146</v>
      </c>
      <c r="IU7" s="67">
        <v>16128</v>
      </c>
      <c r="IV7" s="68">
        <v>17759</v>
      </c>
      <c r="IW7" s="69">
        <v>33887</v>
      </c>
      <c r="IX7" s="270"/>
      <c r="IY7" s="68">
        <v>24078</v>
      </c>
      <c r="IZ7" s="68">
        <v>21537</v>
      </c>
      <c r="JA7" s="68">
        <v>15030</v>
      </c>
      <c r="JB7" s="68">
        <v>13606</v>
      </c>
      <c r="JC7" s="68">
        <v>8604</v>
      </c>
      <c r="JD7" s="69">
        <v>82855</v>
      </c>
      <c r="JE7" s="70">
        <v>116742</v>
      </c>
      <c r="JF7" s="67">
        <v>8400</v>
      </c>
      <c r="JG7" s="68">
        <v>11047</v>
      </c>
      <c r="JH7" s="69">
        <v>19447</v>
      </c>
      <c r="JI7" s="270"/>
      <c r="JJ7" s="68">
        <v>18265</v>
      </c>
      <c r="JK7" s="68">
        <v>20920</v>
      </c>
      <c r="JL7" s="68">
        <v>17702</v>
      </c>
      <c r="JM7" s="68">
        <v>18092</v>
      </c>
      <c r="JN7" s="68">
        <v>10878</v>
      </c>
      <c r="JO7" s="69">
        <v>85857</v>
      </c>
      <c r="JP7" s="70">
        <v>105304</v>
      </c>
      <c r="JQ7" s="67">
        <v>814</v>
      </c>
      <c r="JR7" s="68">
        <v>1443</v>
      </c>
      <c r="JS7" s="69">
        <v>2257</v>
      </c>
      <c r="JT7" s="270"/>
      <c r="JU7" s="68">
        <v>1464</v>
      </c>
      <c r="JV7" s="68">
        <v>2295</v>
      </c>
      <c r="JW7" s="68">
        <v>1454</v>
      </c>
      <c r="JX7" s="68">
        <v>1316</v>
      </c>
      <c r="JY7" s="68">
        <v>1305</v>
      </c>
      <c r="JZ7" s="69">
        <v>7834</v>
      </c>
      <c r="KA7" s="70">
        <v>10091</v>
      </c>
      <c r="KB7" s="67">
        <v>57322</v>
      </c>
      <c r="KC7" s="68">
        <v>63932</v>
      </c>
      <c r="KD7" s="69">
        <v>121254</v>
      </c>
      <c r="KE7" s="270"/>
      <c r="KF7" s="68">
        <v>84829</v>
      </c>
      <c r="KG7" s="68">
        <v>82398</v>
      </c>
      <c r="KH7" s="68">
        <v>58876</v>
      </c>
      <c r="KI7" s="68">
        <v>54797</v>
      </c>
      <c r="KJ7" s="68">
        <v>36621</v>
      </c>
      <c r="KK7" s="69">
        <v>317521</v>
      </c>
      <c r="KL7" s="70">
        <v>438775</v>
      </c>
    </row>
    <row r="8" spans="1:298" ht="19.5" customHeight="1" x14ac:dyDescent="0.2">
      <c r="A8" s="130" t="s">
        <v>5</v>
      </c>
      <c r="B8" s="353">
        <v>7940</v>
      </c>
      <c r="C8" s="83">
        <v>9159</v>
      </c>
      <c r="D8" s="84">
        <v>17099</v>
      </c>
      <c r="E8" s="271"/>
      <c r="F8" s="83">
        <v>9727</v>
      </c>
      <c r="G8" s="83">
        <v>12969</v>
      </c>
      <c r="H8" s="83">
        <v>8306</v>
      </c>
      <c r="I8" s="83">
        <v>6805</v>
      </c>
      <c r="J8" s="83">
        <v>4388</v>
      </c>
      <c r="K8" s="85">
        <v>42195</v>
      </c>
      <c r="L8" s="86">
        <v>59294</v>
      </c>
      <c r="M8" s="71">
        <v>327</v>
      </c>
      <c r="N8" s="72">
        <v>512</v>
      </c>
      <c r="O8" s="73">
        <v>839</v>
      </c>
      <c r="P8" s="271"/>
      <c r="Q8" s="72">
        <v>409</v>
      </c>
      <c r="R8" s="72">
        <v>773</v>
      </c>
      <c r="S8" s="72">
        <v>406</v>
      </c>
      <c r="T8" s="72">
        <v>412</v>
      </c>
      <c r="U8" s="72">
        <v>336</v>
      </c>
      <c r="V8" s="73">
        <v>2336</v>
      </c>
      <c r="W8" s="74">
        <v>3175</v>
      </c>
      <c r="X8" s="71">
        <v>789</v>
      </c>
      <c r="Y8" s="72">
        <v>1119</v>
      </c>
      <c r="Z8" s="73">
        <v>1908</v>
      </c>
      <c r="AA8" s="271"/>
      <c r="AB8" s="72">
        <v>1020</v>
      </c>
      <c r="AC8" s="72">
        <v>1634</v>
      </c>
      <c r="AD8" s="72">
        <v>1093</v>
      </c>
      <c r="AE8" s="72">
        <v>897</v>
      </c>
      <c r="AF8" s="72">
        <v>691</v>
      </c>
      <c r="AG8" s="73">
        <v>5335</v>
      </c>
      <c r="AH8" s="74">
        <v>7243</v>
      </c>
      <c r="AI8" s="71">
        <v>1202</v>
      </c>
      <c r="AJ8" s="72">
        <v>1466</v>
      </c>
      <c r="AK8" s="73">
        <v>2668</v>
      </c>
      <c r="AL8" s="271"/>
      <c r="AM8" s="72">
        <v>1487</v>
      </c>
      <c r="AN8" s="72">
        <v>2133</v>
      </c>
      <c r="AO8" s="72">
        <v>1349</v>
      </c>
      <c r="AP8" s="72">
        <v>1093</v>
      </c>
      <c r="AQ8" s="72">
        <v>743</v>
      </c>
      <c r="AR8" s="73">
        <v>6805</v>
      </c>
      <c r="AS8" s="74">
        <v>9473</v>
      </c>
      <c r="AT8" s="71">
        <v>2105</v>
      </c>
      <c r="AU8" s="72">
        <v>2188</v>
      </c>
      <c r="AV8" s="73">
        <v>4293</v>
      </c>
      <c r="AW8" s="271"/>
      <c r="AX8" s="72">
        <v>2379</v>
      </c>
      <c r="AY8" s="72">
        <v>2834</v>
      </c>
      <c r="AZ8" s="72">
        <v>1844</v>
      </c>
      <c r="BA8" s="72">
        <v>1536</v>
      </c>
      <c r="BB8" s="72">
        <v>1012</v>
      </c>
      <c r="BC8" s="73">
        <v>9605</v>
      </c>
      <c r="BD8" s="74">
        <v>13898</v>
      </c>
      <c r="BE8" s="71">
        <v>2278</v>
      </c>
      <c r="BF8" s="72">
        <v>2353</v>
      </c>
      <c r="BG8" s="73">
        <v>4631</v>
      </c>
      <c r="BH8" s="271"/>
      <c r="BI8" s="72">
        <v>2672</v>
      </c>
      <c r="BJ8" s="72">
        <v>3175</v>
      </c>
      <c r="BK8" s="72">
        <v>1940</v>
      </c>
      <c r="BL8" s="72">
        <v>1569</v>
      </c>
      <c r="BM8" s="72">
        <v>910</v>
      </c>
      <c r="BN8" s="73">
        <v>10266</v>
      </c>
      <c r="BO8" s="74">
        <v>14897</v>
      </c>
      <c r="BP8" s="71">
        <v>1239</v>
      </c>
      <c r="BQ8" s="72">
        <v>1521</v>
      </c>
      <c r="BR8" s="73">
        <v>2760</v>
      </c>
      <c r="BS8" s="271"/>
      <c r="BT8" s="72">
        <v>1760</v>
      </c>
      <c r="BU8" s="72">
        <v>2420</v>
      </c>
      <c r="BV8" s="72">
        <v>1674</v>
      </c>
      <c r="BW8" s="72">
        <v>1298</v>
      </c>
      <c r="BX8" s="72">
        <v>696</v>
      </c>
      <c r="BY8" s="73">
        <v>7848</v>
      </c>
      <c r="BZ8" s="74">
        <v>10608</v>
      </c>
      <c r="CA8" s="71">
        <v>171</v>
      </c>
      <c r="CB8" s="72">
        <v>327</v>
      </c>
      <c r="CC8" s="73">
        <v>498</v>
      </c>
      <c r="CD8" s="271"/>
      <c r="CE8" s="72">
        <v>242</v>
      </c>
      <c r="CF8" s="72">
        <v>578</v>
      </c>
      <c r="CG8" s="72">
        <v>382</v>
      </c>
      <c r="CH8" s="72">
        <v>332</v>
      </c>
      <c r="CI8" s="72">
        <v>339</v>
      </c>
      <c r="CJ8" s="73">
        <v>1873</v>
      </c>
      <c r="CK8" s="74">
        <v>2371</v>
      </c>
      <c r="CL8" s="71">
        <v>8111</v>
      </c>
      <c r="CM8" s="72">
        <v>9486</v>
      </c>
      <c r="CN8" s="73">
        <v>17597</v>
      </c>
      <c r="CO8" s="271"/>
      <c r="CP8" s="72">
        <v>9969</v>
      </c>
      <c r="CQ8" s="72">
        <v>13547</v>
      </c>
      <c r="CR8" s="72">
        <v>8688</v>
      </c>
      <c r="CS8" s="72">
        <v>7137</v>
      </c>
      <c r="CT8" s="72">
        <v>4727</v>
      </c>
      <c r="CU8" s="73">
        <v>44068</v>
      </c>
      <c r="CV8" s="74">
        <v>61665</v>
      </c>
      <c r="CW8" s="127">
        <v>14536</v>
      </c>
      <c r="CX8" s="83">
        <v>19047</v>
      </c>
      <c r="CY8" s="84">
        <v>33583</v>
      </c>
      <c r="CZ8" s="271"/>
      <c r="DA8" s="83">
        <v>18464</v>
      </c>
      <c r="DB8" s="83">
        <v>23440</v>
      </c>
      <c r="DC8" s="83">
        <v>15704</v>
      </c>
      <c r="DD8" s="83">
        <v>15162</v>
      </c>
      <c r="DE8" s="83">
        <v>10414</v>
      </c>
      <c r="DF8" s="85">
        <v>83184</v>
      </c>
      <c r="DG8" s="86">
        <v>116767</v>
      </c>
      <c r="DH8" s="71">
        <v>334</v>
      </c>
      <c r="DI8" s="72">
        <v>439</v>
      </c>
      <c r="DJ8" s="73">
        <v>773</v>
      </c>
      <c r="DK8" s="271"/>
      <c r="DL8" s="72">
        <v>315</v>
      </c>
      <c r="DM8" s="72">
        <v>548</v>
      </c>
      <c r="DN8" s="72">
        <v>293</v>
      </c>
      <c r="DO8" s="72">
        <v>273</v>
      </c>
      <c r="DP8" s="72">
        <v>241</v>
      </c>
      <c r="DQ8" s="73">
        <v>1670</v>
      </c>
      <c r="DR8" s="74">
        <v>2443</v>
      </c>
      <c r="DS8" s="71">
        <v>1080</v>
      </c>
      <c r="DT8" s="72">
        <v>1442</v>
      </c>
      <c r="DU8" s="73">
        <v>2522</v>
      </c>
      <c r="DV8" s="271"/>
      <c r="DW8" s="72">
        <v>1055</v>
      </c>
      <c r="DX8" s="72">
        <v>1413</v>
      </c>
      <c r="DY8" s="72">
        <v>786</v>
      </c>
      <c r="DZ8" s="72">
        <v>764</v>
      </c>
      <c r="EA8" s="72">
        <v>674</v>
      </c>
      <c r="EB8" s="73">
        <v>4692</v>
      </c>
      <c r="EC8" s="74">
        <v>7214</v>
      </c>
      <c r="ED8" s="71">
        <v>2383</v>
      </c>
      <c r="EE8" s="72">
        <v>2827</v>
      </c>
      <c r="EF8" s="73">
        <v>5210</v>
      </c>
      <c r="EG8" s="271"/>
      <c r="EH8" s="72">
        <v>2220</v>
      </c>
      <c r="EI8" s="72">
        <v>2435</v>
      </c>
      <c r="EJ8" s="72">
        <v>1417</v>
      </c>
      <c r="EK8" s="72">
        <v>1295</v>
      </c>
      <c r="EL8" s="72">
        <v>1031</v>
      </c>
      <c r="EM8" s="73">
        <v>8398</v>
      </c>
      <c r="EN8" s="74">
        <v>13608</v>
      </c>
      <c r="EO8" s="71">
        <v>4327</v>
      </c>
      <c r="EP8" s="72">
        <v>4943</v>
      </c>
      <c r="EQ8" s="73">
        <v>9270</v>
      </c>
      <c r="ER8" s="271"/>
      <c r="ES8" s="72">
        <v>4485</v>
      </c>
      <c r="ET8" s="72">
        <v>4940</v>
      </c>
      <c r="EU8" s="72">
        <v>2826</v>
      </c>
      <c r="EV8" s="72">
        <v>2588</v>
      </c>
      <c r="EW8" s="72">
        <v>1797</v>
      </c>
      <c r="EX8" s="73">
        <v>16636</v>
      </c>
      <c r="EY8" s="74">
        <v>25906</v>
      </c>
      <c r="EZ8" s="71">
        <v>4354</v>
      </c>
      <c r="FA8" s="72">
        <v>5836</v>
      </c>
      <c r="FB8" s="73">
        <v>10190</v>
      </c>
      <c r="FC8" s="271"/>
      <c r="FD8" s="72">
        <v>5845</v>
      </c>
      <c r="FE8" s="72">
        <v>6898</v>
      </c>
      <c r="FF8" s="72">
        <v>4411</v>
      </c>
      <c r="FG8" s="72">
        <v>4089</v>
      </c>
      <c r="FH8" s="72">
        <v>2716</v>
      </c>
      <c r="FI8" s="73">
        <v>23959</v>
      </c>
      <c r="FJ8" s="74">
        <v>34149</v>
      </c>
      <c r="FK8" s="71">
        <v>2058</v>
      </c>
      <c r="FL8" s="72">
        <v>3560</v>
      </c>
      <c r="FM8" s="73">
        <v>5618</v>
      </c>
      <c r="FN8" s="271"/>
      <c r="FO8" s="72">
        <v>4544</v>
      </c>
      <c r="FP8" s="72">
        <v>7206</v>
      </c>
      <c r="FQ8" s="72">
        <v>5971</v>
      </c>
      <c r="FR8" s="72">
        <v>6153</v>
      </c>
      <c r="FS8" s="72">
        <v>3955</v>
      </c>
      <c r="FT8" s="73">
        <v>27829</v>
      </c>
      <c r="FU8" s="74">
        <v>33447</v>
      </c>
      <c r="FV8" s="71">
        <v>161</v>
      </c>
      <c r="FW8" s="72">
        <v>282</v>
      </c>
      <c r="FX8" s="73">
        <v>443</v>
      </c>
      <c r="FY8" s="271"/>
      <c r="FZ8" s="72">
        <v>189</v>
      </c>
      <c r="GA8" s="72">
        <v>454</v>
      </c>
      <c r="GB8" s="72">
        <v>269</v>
      </c>
      <c r="GC8" s="72">
        <v>253</v>
      </c>
      <c r="GD8" s="72">
        <v>237</v>
      </c>
      <c r="GE8" s="73">
        <v>1402</v>
      </c>
      <c r="GF8" s="74">
        <v>1845</v>
      </c>
      <c r="GG8" s="71">
        <v>14697</v>
      </c>
      <c r="GH8" s="72">
        <v>19329</v>
      </c>
      <c r="GI8" s="73">
        <v>34026</v>
      </c>
      <c r="GJ8" s="271"/>
      <c r="GK8" s="72">
        <v>18653</v>
      </c>
      <c r="GL8" s="72">
        <v>23894</v>
      </c>
      <c r="GM8" s="72">
        <v>15973</v>
      </c>
      <c r="GN8" s="72">
        <v>15415</v>
      </c>
      <c r="GO8" s="72">
        <v>10651</v>
      </c>
      <c r="GP8" s="73">
        <v>84586</v>
      </c>
      <c r="GQ8" s="74">
        <v>118612</v>
      </c>
      <c r="GR8" s="127">
        <v>22476</v>
      </c>
      <c r="GS8" s="83">
        <v>28206</v>
      </c>
      <c r="GT8" s="84">
        <v>50682</v>
      </c>
      <c r="GU8" s="271"/>
      <c r="GV8" s="83">
        <v>28191</v>
      </c>
      <c r="GW8" s="83">
        <v>36409</v>
      </c>
      <c r="GX8" s="83">
        <v>24010</v>
      </c>
      <c r="GY8" s="83">
        <v>21967</v>
      </c>
      <c r="GZ8" s="83">
        <v>14802</v>
      </c>
      <c r="HA8" s="85">
        <v>125379</v>
      </c>
      <c r="HB8" s="86">
        <v>176061</v>
      </c>
      <c r="HC8" s="71">
        <v>661</v>
      </c>
      <c r="HD8" s="72">
        <v>951</v>
      </c>
      <c r="HE8" s="73">
        <v>1612</v>
      </c>
      <c r="HF8" s="271"/>
      <c r="HG8" s="72">
        <v>724</v>
      </c>
      <c r="HH8" s="72">
        <v>1321</v>
      </c>
      <c r="HI8" s="72">
        <v>699</v>
      </c>
      <c r="HJ8" s="72">
        <v>685</v>
      </c>
      <c r="HK8" s="72">
        <v>577</v>
      </c>
      <c r="HL8" s="73">
        <v>4006</v>
      </c>
      <c r="HM8" s="74">
        <v>5618</v>
      </c>
      <c r="HN8" s="71">
        <v>1869</v>
      </c>
      <c r="HO8" s="72">
        <v>2561</v>
      </c>
      <c r="HP8" s="73">
        <v>4430</v>
      </c>
      <c r="HQ8" s="271"/>
      <c r="HR8" s="72">
        <v>2075</v>
      </c>
      <c r="HS8" s="72">
        <v>3047</v>
      </c>
      <c r="HT8" s="72">
        <v>1879</v>
      </c>
      <c r="HU8" s="72">
        <v>1661</v>
      </c>
      <c r="HV8" s="72">
        <v>1365</v>
      </c>
      <c r="HW8" s="73">
        <v>10027</v>
      </c>
      <c r="HX8" s="74">
        <v>14457</v>
      </c>
      <c r="HY8" s="71">
        <v>3585</v>
      </c>
      <c r="HZ8" s="72">
        <v>4293</v>
      </c>
      <c r="IA8" s="73">
        <v>7878</v>
      </c>
      <c r="IB8" s="271"/>
      <c r="IC8" s="72">
        <v>3707</v>
      </c>
      <c r="ID8" s="72">
        <v>4568</v>
      </c>
      <c r="IE8" s="72">
        <v>2766</v>
      </c>
      <c r="IF8" s="72">
        <v>2388</v>
      </c>
      <c r="IG8" s="72">
        <v>1774</v>
      </c>
      <c r="IH8" s="73">
        <v>15203</v>
      </c>
      <c r="II8" s="74">
        <v>23081</v>
      </c>
      <c r="IJ8" s="71">
        <v>6432</v>
      </c>
      <c r="IK8" s="72">
        <v>7131</v>
      </c>
      <c r="IL8" s="73">
        <v>13563</v>
      </c>
      <c r="IM8" s="271"/>
      <c r="IN8" s="72">
        <v>6864</v>
      </c>
      <c r="IO8" s="72">
        <v>7774</v>
      </c>
      <c r="IP8" s="72">
        <v>4670</v>
      </c>
      <c r="IQ8" s="72">
        <v>4124</v>
      </c>
      <c r="IR8" s="72">
        <v>2809</v>
      </c>
      <c r="IS8" s="73">
        <v>26241</v>
      </c>
      <c r="IT8" s="74">
        <v>39804</v>
      </c>
      <c r="IU8" s="71">
        <v>6632</v>
      </c>
      <c r="IV8" s="72">
        <v>8189</v>
      </c>
      <c r="IW8" s="73">
        <v>14821</v>
      </c>
      <c r="IX8" s="271"/>
      <c r="IY8" s="72">
        <v>8517</v>
      </c>
      <c r="IZ8" s="72">
        <v>10073</v>
      </c>
      <c r="JA8" s="72">
        <v>6351</v>
      </c>
      <c r="JB8" s="72">
        <v>5658</v>
      </c>
      <c r="JC8" s="72">
        <v>3626</v>
      </c>
      <c r="JD8" s="73">
        <v>34225</v>
      </c>
      <c r="JE8" s="74">
        <v>49046</v>
      </c>
      <c r="JF8" s="71">
        <v>3297</v>
      </c>
      <c r="JG8" s="72">
        <v>5081</v>
      </c>
      <c r="JH8" s="73">
        <v>8378</v>
      </c>
      <c r="JI8" s="271"/>
      <c r="JJ8" s="72">
        <v>6304</v>
      </c>
      <c r="JK8" s="72">
        <v>9626</v>
      </c>
      <c r="JL8" s="72">
        <v>7645</v>
      </c>
      <c r="JM8" s="72">
        <v>7451</v>
      </c>
      <c r="JN8" s="72">
        <v>4651</v>
      </c>
      <c r="JO8" s="73">
        <v>35677</v>
      </c>
      <c r="JP8" s="74">
        <v>44055</v>
      </c>
      <c r="JQ8" s="71">
        <v>332</v>
      </c>
      <c r="JR8" s="72">
        <v>609</v>
      </c>
      <c r="JS8" s="73">
        <v>941</v>
      </c>
      <c r="JT8" s="271"/>
      <c r="JU8" s="72">
        <v>431</v>
      </c>
      <c r="JV8" s="72">
        <v>1032</v>
      </c>
      <c r="JW8" s="72">
        <v>651</v>
      </c>
      <c r="JX8" s="72">
        <v>585</v>
      </c>
      <c r="JY8" s="72">
        <v>576</v>
      </c>
      <c r="JZ8" s="73">
        <v>3275</v>
      </c>
      <c r="KA8" s="74">
        <v>4216</v>
      </c>
      <c r="KB8" s="71">
        <v>22808</v>
      </c>
      <c r="KC8" s="72">
        <v>28815</v>
      </c>
      <c r="KD8" s="73">
        <v>51623</v>
      </c>
      <c r="KE8" s="271"/>
      <c r="KF8" s="72">
        <v>28622</v>
      </c>
      <c r="KG8" s="72">
        <v>37441</v>
      </c>
      <c r="KH8" s="72">
        <v>24661</v>
      </c>
      <c r="KI8" s="72">
        <v>22552</v>
      </c>
      <c r="KJ8" s="72">
        <v>15378</v>
      </c>
      <c r="KK8" s="73">
        <v>128654</v>
      </c>
      <c r="KL8" s="74">
        <v>180277</v>
      </c>
    </row>
    <row r="9" spans="1:298" ht="19.5" customHeight="1" x14ac:dyDescent="0.2">
      <c r="A9" s="130" t="s">
        <v>6</v>
      </c>
      <c r="B9" s="353">
        <v>2679</v>
      </c>
      <c r="C9" s="83">
        <v>2288</v>
      </c>
      <c r="D9" s="84">
        <v>4967</v>
      </c>
      <c r="E9" s="271"/>
      <c r="F9" s="83">
        <v>4859</v>
      </c>
      <c r="G9" s="83">
        <v>3673</v>
      </c>
      <c r="H9" s="83">
        <v>2791</v>
      </c>
      <c r="I9" s="83">
        <v>2450</v>
      </c>
      <c r="J9" s="83">
        <v>1632</v>
      </c>
      <c r="K9" s="85">
        <v>15405</v>
      </c>
      <c r="L9" s="86">
        <v>20372</v>
      </c>
      <c r="M9" s="71">
        <v>127</v>
      </c>
      <c r="N9" s="72">
        <v>140</v>
      </c>
      <c r="O9" s="73">
        <v>267</v>
      </c>
      <c r="P9" s="271"/>
      <c r="Q9" s="72">
        <v>294</v>
      </c>
      <c r="R9" s="72">
        <v>254</v>
      </c>
      <c r="S9" s="72">
        <v>170</v>
      </c>
      <c r="T9" s="72">
        <v>156</v>
      </c>
      <c r="U9" s="72">
        <v>138</v>
      </c>
      <c r="V9" s="73">
        <v>1012</v>
      </c>
      <c r="W9" s="74">
        <v>1279</v>
      </c>
      <c r="X9" s="71">
        <v>333</v>
      </c>
      <c r="Y9" s="72">
        <v>330</v>
      </c>
      <c r="Z9" s="73">
        <v>663</v>
      </c>
      <c r="AA9" s="271"/>
      <c r="AB9" s="72">
        <v>598</v>
      </c>
      <c r="AC9" s="72">
        <v>514</v>
      </c>
      <c r="AD9" s="72">
        <v>377</v>
      </c>
      <c r="AE9" s="72">
        <v>355</v>
      </c>
      <c r="AF9" s="72">
        <v>259</v>
      </c>
      <c r="AG9" s="73">
        <v>2103</v>
      </c>
      <c r="AH9" s="74">
        <v>2766</v>
      </c>
      <c r="AI9" s="71">
        <v>399</v>
      </c>
      <c r="AJ9" s="72">
        <v>400</v>
      </c>
      <c r="AK9" s="73">
        <v>799</v>
      </c>
      <c r="AL9" s="271"/>
      <c r="AM9" s="72">
        <v>827</v>
      </c>
      <c r="AN9" s="72">
        <v>643</v>
      </c>
      <c r="AO9" s="72">
        <v>451</v>
      </c>
      <c r="AP9" s="72">
        <v>407</v>
      </c>
      <c r="AQ9" s="72">
        <v>284</v>
      </c>
      <c r="AR9" s="73">
        <v>2612</v>
      </c>
      <c r="AS9" s="74">
        <v>3411</v>
      </c>
      <c r="AT9" s="71">
        <v>666</v>
      </c>
      <c r="AU9" s="72">
        <v>474</v>
      </c>
      <c r="AV9" s="73">
        <v>1140</v>
      </c>
      <c r="AW9" s="271"/>
      <c r="AX9" s="72">
        <v>1176</v>
      </c>
      <c r="AY9" s="72">
        <v>815</v>
      </c>
      <c r="AZ9" s="72">
        <v>682</v>
      </c>
      <c r="BA9" s="72">
        <v>535</v>
      </c>
      <c r="BB9" s="72">
        <v>355</v>
      </c>
      <c r="BC9" s="73">
        <v>3563</v>
      </c>
      <c r="BD9" s="74">
        <v>4703</v>
      </c>
      <c r="BE9" s="71">
        <v>726</v>
      </c>
      <c r="BF9" s="72">
        <v>607</v>
      </c>
      <c r="BG9" s="73">
        <v>1333</v>
      </c>
      <c r="BH9" s="271"/>
      <c r="BI9" s="72">
        <v>1175</v>
      </c>
      <c r="BJ9" s="72">
        <v>830</v>
      </c>
      <c r="BK9" s="72">
        <v>652</v>
      </c>
      <c r="BL9" s="72">
        <v>554</v>
      </c>
      <c r="BM9" s="72">
        <v>358</v>
      </c>
      <c r="BN9" s="73">
        <v>3569</v>
      </c>
      <c r="BO9" s="74">
        <v>4902</v>
      </c>
      <c r="BP9" s="71">
        <v>428</v>
      </c>
      <c r="BQ9" s="72">
        <v>337</v>
      </c>
      <c r="BR9" s="73">
        <v>765</v>
      </c>
      <c r="BS9" s="271"/>
      <c r="BT9" s="72">
        <v>789</v>
      </c>
      <c r="BU9" s="72">
        <v>617</v>
      </c>
      <c r="BV9" s="72">
        <v>459</v>
      </c>
      <c r="BW9" s="72">
        <v>443</v>
      </c>
      <c r="BX9" s="72">
        <v>238</v>
      </c>
      <c r="BY9" s="73">
        <v>2546</v>
      </c>
      <c r="BZ9" s="74">
        <v>3311</v>
      </c>
      <c r="CA9" s="71">
        <v>75</v>
      </c>
      <c r="CB9" s="72">
        <v>96</v>
      </c>
      <c r="CC9" s="73">
        <v>171</v>
      </c>
      <c r="CD9" s="271"/>
      <c r="CE9" s="72">
        <v>157</v>
      </c>
      <c r="CF9" s="72">
        <v>189</v>
      </c>
      <c r="CG9" s="72">
        <v>124</v>
      </c>
      <c r="CH9" s="72">
        <v>123</v>
      </c>
      <c r="CI9" s="72">
        <v>119</v>
      </c>
      <c r="CJ9" s="73">
        <v>712</v>
      </c>
      <c r="CK9" s="74">
        <v>883</v>
      </c>
      <c r="CL9" s="71">
        <v>2754</v>
      </c>
      <c r="CM9" s="72">
        <v>2384</v>
      </c>
      <c r="CN9" s="73">
        <v>5138</v>
      </c>
      <c r="CO9" s="271"/>
      <c r="CP9" s="72">
        <v>5016</v>
      </c>
      <c r="CQ9" s="72">
        <v>3862</v>
      </c>
      <c r="CR9" s="72">
        <v>2915</v>
      </c>
      <c r="CS9" s="72">
        <v>2573</v>
      </c>
      <c r="CT9" s="72">
        <v>1751</v>
      </c>
      <c r="CU9" s="73">
        <v>16117</v>
      </c>
      <c r="CV9" s="74">
        <v>21255</v>
      </c>
      <c r="CW9" s="127">
        <v>5185</v>
      </c>
      <c r="CX9" s="83">
        <v>5295</v>
      </c>
      <c r="CY9" s="84">
        <v>10480</v>
      </c>
      <c r="CZ9" s="271"/>
      <c r="DA9" s="83">
        <v>8656</v>
      </c>
      <c r="DB9" s="83">
        <v>6414</v>
      </c>
      <c r="DC9" s="83">
        <v>5106</v>
      </c>
      <c r="DD9" s="83">
        <v>5275</v>
      </c>
      <c r="DE9" s="83">
        <v>3582</v>
      </c>
      <c r="DF9" s="85">
        <v>29033</v>
      </c>
      <c r="DG9" s="86">
        <v>39513</v>
      </c>
      <c r="DH9" s="71">
        <v>136</v>
      </c>
      <c r="DI9" s="72">
        <v>121</v>
      </c>
      <c r="DJ9" s="73">
        <v>257</v>
      </c>
      <c r="DK9" s="271"/>
      <c r="DL9" s="72">
        <v>208</v>
      </c>
      <c r="DM9" s="72">
        <v>158</v>
      </c>
      <c r="DN9" s="72">
        <v>123</v>
      </c>
      <c r="DO9" s="72">
        <v>112</v>
      </c>
      <c r="DP9" s="72">
        <v>83</v>
      </c>
      <c r="DQ9" s="73">
        <v>684</v>
      </c>
      <c r="DR9" s="74">
        <v>941</v>
      </c>
      <c r="DS9" s="71">
        <v>409</v>
      </c>
      <c r="DT9" s="72">
        <v>408</v>
      </c>
      <c r="DU9" s="73">
        <v>817</v>
      </c>
      <c r="DV9" s="271"/>
      <c r="DW9" s="72">
        <v>538</v>
      </c>
      <c r="DX9" s="72">
        <v>408</v>
      </c>
      <c r="DY9" s="72">
        <v>264</v>
      </c>
      <c r="DZ9" s="72">
        <v>269</v>
      </c>
      <c r="EA9" s="72">
        <v>223</v>
      </c>
      <c r="EB9" s="73">
        <v>1702</v>
      </c>
      <c r="EC9" s="74">
        <v>2519</v>
      </c>
      <c r="ED9" s="71">
        <v>859</v>
      </c>
      <c r="EE9" s="72">
        <v>818</v>
      </c>
      <c r="EF9" s="73">
        <v>1677</v>
      </c>
      <c r="EG9" s="271"/>
      <c r="EH9" s="72">
        <v>1129</v>
      </c>
      <c r="EI9" s="72">
        <v>725</v>
      </c>
      <c r="EJ9" s="72">
        <v>489</v>
      </c>
      <c r="EK9" s="72">
        <v>495</v>
      </c>
      <c r="EL9" s="72">
        <v>314</v>
      </c>
      <c r="EM9" s="73">
        <v>3152</v>
      </c>
      <c r="EN9" s="74">
        <v>4829</v>
      </c>
      <c r="EO9" s="71">
        <v>1561</v>
      </c>
      <c r="EP9" s="72">
        <v>1394</v>
      </c>
      <c r="EQ9" s="73">
        <v>2955</v>
      </c>
      <c r="ER9" s="271"/>
      <c r="ES9" s="72">
        <v>2147</v>
      </c>
      <c r="ET9" s="72">
        <v>1335</v>
      </c>
      <c r="EU9" s="72">
        <v>931</v>
      </c>
      <c r="EV9" s="72">
        <v>919</v>
      </c>
      <c r="EW9" s="72">
        <v>669</v>
      </c>
      <c r="EX9" s="73">
        <v>6001</v>
      </c>
      <c r="EY9" s="74">
        <v>8956</v>
      </c>
      <c r="EZ9" s="71">
        <v>1469</v>
      </c>
      <c r="FA9" s="72">
        <v>1606</v>
      </c>
      <c r="FB9" s="73">
        <v>3075</v>
      </c>
      <c r="FC9" s="271"/>
      <c r="FD9" s="72">
        <v>2621</v>
      </c>
      <c r="FE9" s="72">
        <v>1819</v>
      </c>
      <c r="FF9" s="72">
        <v>1411</v>
      </c>
      <c r="FG9" s="72">
        <v>1420</v>
      </c>
      <c r="FH9" s="72">
        <v>952</v>
      </c>
      <c r="FI9" s="73">
        <v>8223</v>
      </c>
      <c r="FJ9" s="74">
        <v>11298</v>
      </c>
      <c r="FK9" s="71">
        <v>751</v>
      </c>
      <c r="FL9" s="72">
        <v>948</v>
      </c>
      <c r="FM9" s="73">
        <v>1699</v>
      </c>
      <c r="FN9" s="271"/>
      <c r="FO9" s="72">
        <v>2013</v>
      </c>
      <c r="FP9" s="72">
        <v>1969</v>
      </c>
      <c r="FQ9" s="72">
        <v>1888</v>
      </c>
      <c r="FR9" s="72">
        <v>2060</v>
      </c>
      <c r="FS9" s="72">
        <v>1341</v>
      </c>
      <c r="FT9" s="73">
        <v>9271</v>
      </c>
      <c r="FU9" s="74">
        <v>10970</v>
      </c>
      <c r="FV9" s="71">
        <v>50</v>
      </c>
      <c r="FW9" s="72">
        <v>81</v>
      </c>
      <c r="FX9" s="73">
        <v>131</v>
      </c>
      <c r="FY9" s="271"/>
      <c r="FZ9" s="72">
        <v>130</v>
      </c>
      <c r="GA9" s="72">
        <v>126</v>
      </c>
      <c r="GB9" s="72">
        <v>97</v>
      </c>
      <c r="GC9" s="72">
        <v>85</v>
      </c>
      <c r="GD9" s="72">
        <v>80</v>
      </c>
      <c r="GE9" s="73">
        <v>518</v>
      </c>
      <c r="GF9" s="74">
        <v>649</v>
      </c>
      <c r="GG9" s="71">
        <v>5235</v>
      </c>
      <c r="GH9" s="72">
        <v>5376</v>
      </c>
      <c r="GI9" s="73">
        <v>10611</v>
      </c>
      <c r="GJ9" s="271"/>
      <c r="GK9" s="72">
        <v>8786</v>
      </c>
      <c r="GL9" s="72">
        <v>6540</v>
      </c>
      <c r="GM9" s="72">
        <v>5203</v>
      </c>
      <c r="GN9" s="72">
        <v>5360</v>
      </c>
      <c r="GO9" s="72">
        <v>3662</v>
      </c>
      <c r="GP9" s="73">
        <v>29551</v>
      </c>
      <c r="GQ9" s="74">
        <v>40162</v>
      </c>
      <c r="GR9" s="127">
        <v>7864</v>
      </c>
      <c r="GS9" s="83">
        <v>7583</v>
      </c>
      <c r="GT9" s="84">
        <v>15447</v>
      </c>
      <c r="GU9" s="271"/>
      <c r="GV9" s="83">
        <v>13515</v>
      </c>
      <c r="GW9" s="83">
        <v>10087</v>
      </c>
      <c r="GX9" s="83">
        <v>7897</v>
      </c>
      <c r="GY9" s="83">
        <v>7725</v>
      </c>
      <c r="GZ9" s="83">
        <v>5214</v>
      </c>
      <c r="HA9" s="85">
        <v>44438</v>
      </c>
      <c r="HB9" s="86">
        <v>59885</v>
      </c>
      <c r="HC9" s="71">
        <v>263</v>
      </c>
      <c r="HD9" s="72">
        <v>261</v>
      </c>
      <c r="HE9" s="73">
        <v>524</v>
      </c>
      <c r="HF9" s="271"/>
      <c r="HG9" s="72">
        <v>502</v>
      </c>
      <c r="HH9" s="72">
        <v>412</v>
      </c>
      <c r="HI9" s="72">
        <v>293</v>
      </c>
      <c r="HJ9" s="72">
        <v>268</v>
      </c>
      <c r="HK9" s="72">
        <v>221</v>
      </c>
      <c r="HL9" s="73">
        <v>1696</v>
      </c>
      <c r="HM9" s="74">
        <v>2220</v>
      </c>
      <c r="HN9" s="71">
        <v>742</v>
      </c>
      <c r="HO9" s="72">
        <v>738</v>
      </c>
      <c r="HP9" s="73">
        <v>1480</v>
      </c>
      <c r="HQ9" s="271"/>
      <c r="HR9" s="72">
        <v>1136</v>
      </c>
      <c r="HS9" s="72">
        <v>922</v>
      </c>
      <c r="HT9" s="72">
        <v>641</v>
      </c>
      <c r="HU9" s="72">
        <v>624</v>
      </c>
      <c r="HV9" s="72">
        <v>482</v>
      </c>
      <c r="HW9" s="73">
        <v>3805</v>
      </c>
      <c r="HX9" s="74">
        <v>5285</v>
      </c>
      <c r="HY9" s="71">
        <v>1258</v>
      </c>
      <c r="HZ9" s="72">
        <v>1218</v>
      </c>
      <c r="IA9" s="73">
        <v>2476</v>
      </c>
      <c r="IB9" s="271"/>
      <c r="IC9" s="72">
        <v>1956</v>
      </c>
      <c r="ID9" s="72">
        <v>1368</v>
      </c>
      <c r="IE9" s="72">
        <v>940</v>
      </c>
      <c r="IF9" s="72">
        <v>902</v>
      </c>
      <c r="IG9" s="72">
        <v>598</v>
      </c>
      <c r="IH9" s="73">
        <v>5764</v>
      </c>
      <c r="II9" s="74">
        <v>8240</v>
      </c>
      <c r="IJ9" s="71">
        <v>2227</v>
      </c>
      <c r="IK9" s="72">
        <v>1868</v>
      </c>
      <c r="IL9" s="73">
        <v>4095</v>
      </c>
      <c r="IM9" s="271"/>
      <c r="IN9" s="72">
        <v>3323</v>
      </c>
      <c r="IO9" s="72">
        <v>2150</v>
      </c>
      <c r="IP9" s="72">
        <v>1613</v>
      </c>
      <c r="IQ9" s="72">
        <v>1454</v>
      </c>
      <c r="IR9" s="72">
        <v>1024</v>
      </c>
      <c r="IS9" s="73">
        <v>9564</v>
      </c>
      <c r="IT9" s="74">
        <v>13659</v>
      </c>
      <c r="IU9" s="71">
        <v>2195</v>
      </c>
      <c r="IV9" s="72">
        <v>2213</v>
      </c>
      <c r="IW9" s="73">
        <v>4408</v>
      </c>
      <c r="IX9" s="271"/>
      <c r="IY9" s="72">
        <v>3796</v>
      </c>
      <c r="IZ9" s="72">
        <v>2649</v>
      </c>
      <c r="JA9" s="72">
        <v>2063</v>
      </c>
      <c r="JB9" s="72">
        <v>1974</v>
      </c>
      <c r="JC9" s="72">
        <v>1310</v>
      </c>
      <c r="JD9" s="73">
        <v>11792</v>
      </c>
      <c r="JE9" s="74">
        <v>16200</v>
      </c>
      <c r="JF9" s="71">
        <v>1179</v>
      </c>
      <c r="JG9" s="72">
        <v>1285</v>
      </c>
      <c r="JH9" s="73">
        <v>2464</v>
      </c>
      <c r="JI9" s="271"/>
      <c r="JJ9" s="72">
        <v>2802</v>
      </c>
      <c r="JK9" s="72">
        <v>2586</v>
      </c>
      <c r="JL9" s="72">
        <v>2347</v>
      </c>
      <c r="JM9" s="72">
        <v>2503</v>
      </c>
      <c r="JN9" s="72">
        <v>1579</v>
      </c>
      <c r="JO9" s="73">
        <v>11817</v>
      </c>
      <c r="JP9" s="74">
        <v>14281</v>
      </c>
      <c r="JQ9" s="71">
        <v>125</v>
      </c>
      <c r="JR9" s="72">
        <v>177</v>
      </c>
      <c r="JS9" s="73">
        <v>302</v>
      </c>
      <c r="JT9" s="271"/>
      <c r="JU9" s="72">
        <v>287</v>
      </c>
      <c r="JV9" s="72">
        <v>315</v>
      </c>
      <c r="JW9" s="72">
        <v>221</v>
      </c>
      <c r="JX9" s="72">
        <v>208</v>
      </c>
      <c r="JY9" s="72">
        <v>199</v>
      </c>
      <c r="JZ9" s="73">
        <v>1230</v>
      </c>
      <c r="KA9" s="74">
        <v>1532</v>
      </c>
      <c r="KB9" s="71">
        <v>7989</v>
      </c>
      <c r="KC9" s="72">
        <v>7760</v>
      </c>
      <c r="KD9" s="73">
        <v>15749</v>
      </c>
      <c r="KE9" s="271"/>
      <c r="KF9" s="72">
        <v>13802</v>
      </c>
      <c r="KG9" s="72">
        <v>10402</v>
      </c>
      <c r="KH9" s="72">
        <v>8118</v>
      </c>
      <c r="KI9" s="72">
        <v>7933</v>
      </c>
      <c r="KJ9" s="72">
        <v>5413</v>
      </c>
      <c r="KK9" s="73">
        <v>45668</v>
      </c>
      <c r="KL9" s="74">
        <v>61417</v>
      </c>
    </row>
    <row r="10" spans="1:298" ht="19.5" customHeight="1" x14ac:dyDescent="0.2">
      <c r="A10" s="130" t="s">
        <v>14</v>
      </c>
      <c r="B10" s="353">
        <v>1509</v>
      </c>
      <c r="C10" s="83">
        <v>1868</v>
      </c>
      <c r="D10" s="84">
        <v>3377</v>
      </c>
      <c r="E10" s="271"/>
      <c r="F10" s="83">
        <v>2177</v>
      </c>
      <c r="G10" s="83">
        <v>2334</v>
      </c>
      <c r="H10" s="83">
        <v>1810</v>
      </c>
      <c r="I10" s="83">
        <v>1486</v>
      </c>
      <c r="J10" s="83">
        <v>877</v>
      </c>
      <c r="K10" s="85">
        <v>8684</v>
      </c>
      <c r="L10" s="86">
        <v>12061</v>
      </c>
      <c r="M10" s="71">
        <v>85</v>
      </c>
      <c r="N10" s="72">
        <v>107</v>
      </c>
      <c r="O10" s="73">
        <v>192</v>
      </c>
      <c r="P10" s="271"/>
      <c r="Q10" s="72">
        <v>98</v>
      </c>
      <c r="R10" s="72">
        <v>124</v>
      </c>
      <c r="S10" s="72">
        <v>113</v>
      </c>
      <c r="T10" s="72">
        <v>88</v>
      </c>
      <c r="U10" s="72">
        <v>78</v>
      </c>
      <c r="V10" s="73">
        <v>501</v>
      </c>
      <c r="W10" s="74">
        <v>693</v>
      </c>
      <c r="X10" s="71">
        <v>173</v>
      </c>
      <c r="Y10" s="72">
        <v>256</v>
      </c>
      <c r="Z10" s="73">
        <v>429</v>
      </c>
      <c r="AA10" s="271"/>
      <c r="AB10" s="72">
        <v>223</v>
      </c>
      <c r="AC10" s="72">
        <v>278</v>
      </c>
      <c r="AD10" s="72">
        <v>258</v>
      </c>
      <c r="AE10" s="72">
        <v>208</v>
      </c>
      <c r="AF10" s="72">
        <v>124</v>
      </c>
      <c r="AG10" s="73">
        <v>1091</v>
      </c>
      <c r="AH10" s="74">
        <v>1520</v>
      </c>
      <c r="AI10" s="71">
        <v>256</v>
      </c>
      <c r="AJ10" s="72">
        <v>354</v>
      </c>
      <c r="AK10" s="73">
        <v>610</v>
      </c>
      <c r="AL10" s="271"/>
      <c r="AM10" s="72">
        <v>374</v>
      </c>
      <c r="AN10" s="72">
        <v>400</v>
      </c>
      <c r="AO10" s="72">
        <v>307</v>
      </c>
      <c r="AP10" s="72">
        <v>239</v>
      </c>
      <c r="AQ10" s="72">
        <v>178</v>
      </c>
      <c r="AR10" s="73">
        <v>1498</v>
      </c>
      <c r="AS10" s="74">
        <v>2108</v>
      </c>
      <c r="AT10" s="71">
        <v>399</v>
      </c>
      <c r="AU10" s="72">
        <v>491</v>
      </c>
      <c r="AV10" s="73">
        <v>890</v>
      </c>
      <c r="AW10" s="271"/>
      <c r="AX10" s="72">
        <v>619</v>
      </c>
      <c r="AY10" s="72">
        <v>581</v>
      </c>
      <c r="AZ10" s="72">
        <v>476</v>
      </c>
      <c r="BA10" s="72">
        <v>393</v>
      </c>
      <c r="BB10" s="72">
        <v>211</v>
      </c>
      <c r="BC10" s="73">
        <v>2280</v>
      </c>
      <c r="BD10" s="74">
        <v>3170</v>
      </c>
      <c r="BE10" s="71">
        <v>384</v>
      </c>
      <c r="BF10" s="72">
        <v>402</v>
      </c>
      <c r="BG10" s="73">
        <v>786</v>
      </c>
      <c r="BH10" s="271"/>
      <c r="BI10" s="72">
        <v>532</v>
      </c>
      <c r="BJ10" s="72">
        <v>611</v>
      </c>
      <c r="BK10" s="72">
        <v>401</v>
      </c>
      <c r="BL10" s="72">
        <v>326</v>
      </c>
      <c r="BM10" s="72">
        <v>161</v>
      </c>
      <c r="BN10" s="73">
        <v>2031</v>
      </c>
      <c r="BO10" s="74">
        <v>2817</v>
      </c>
      <c r="BP10" s="71">
        <v>212</v>
      </c>
      <c r="BQ10" s="72">
        <v>258</v>
      </c>
      <c r="BR10" s="73">
        <v>470</v>
      </c>
      <c r="BS10" s="271"/>
      <c r="BT10" s="72">
        <v>331</v>
      </c>
      <c r="BU10" s="72">
        <v>340</v>
      </c>
      <c r="BV10" s="72">
        <v>255</v>
      </c>
      <c r="BW10" s="72">
        <v>232</v>
      </c>
      <c r="BX10" s="72">
        <v>125</v>
      </c>
      <c r="BY10" s="73">
        <v>1283</v>
      </c>
      <c r="BZ10" s="74">
        <v>1753</v>
      </c>
      <c r="CA10" s="71">
        <v>37</v>
      </c>
      <c r="CB10" s="72">
        <v>74</v>
      </c>
      <c r="CC10" s="73">
        <v>111</v>
      </c>
      <c r="CD10" s="271"/>
      <c r="CE10" s="72">
        <v>43</v>
      </c>
      <c r="CF10" s="72">
        <v>104</v>
      </c>
      <c r="CG10" s="72">
        <v>63</v>
      </c>
      <c r="CH10" s="72">
        <v>61</v>
      </c>
      <c r="CI10" s="72">
        <v>49</v>
      </c>
      <c r="CJ10" s="73">
        <v>320</v>
      </c>
      <c r="CK10" s="74">
        <v>431</v>
      </c>
      <c r="CL10" s="71">
        <v>1546</v>
      </c>
      <c r="CM10" s="72">
        <v>1942</v>
      </c>
      <c r="CN10" s="73">
        <v>3488</v>
      </c>
      <c r="CO10" s="271"/>
      <c r="CP10" s="72">
        <v>2220</v>
      </c>
      <c r="CQ10" s="72">
        <v>2438</v>
      </c>
      <c r="CR10" s="72">
        <v>1873</v>
      </c>
      <c r="CS10" s="72">
        <v>1547</v>
      </c>
      <c r="CT10" s="72">
        <v>926</v>
      </c>
      <c r="CU10" s="73">
        <v>9004</v>
      </c>
      <c r="CV10" s="74">
        <v>12492</v>
      </c>
      <c r="CW10" s="127">
        <v>2873</v>
      </c>
      <c r="CX10" s="83">
        <v>3944</v>
      </c>
      <c r="CY10" s="84">
        <v>6817</v>
      </c>
      <c r="CZ10" s="271"/>
      <c r="DA10" s="83">
        <v>3700</v>
      </c>
      <c r="DB10" s="83">
        <v>3716</v>
      </c>
      <c r="DC10" s="83">
        <v>2926</v>
      </c>
      <c r="DD10" s="83">
        <v>3027</v>
      </c>
      <c r="DE10" s="83">
        <v>1800</v>
      </c>
      <c r="DF10" s="85">
        <v>15169</v>
      </c>
      <c r="DG10" s="86">
        <v>21986</v>
      </c>
      <c r="DH10" s="71">
        <v>83</v>
      </c>
      <c r="DI10" s="72">
        <v>115</v>
      </c>
      <c r="DJ10" s="73">
        <v>198</v>
      </c>
      <c r="DK10" s="271"/>
      <c r="DL10" s="72">
        <v>80</v>
      </c>
      <c r="DM10" s="72">
        <v>87</v>
      </c>
      <c r="DN10" s="72">
        <v>68</v>
      </c>
      <c r="DO10" s="72">
        <v>69</v>
      </c>
      <c r="DP10" s="72">
        <v>49</v>
      </c>
      <c r="DQ10" s="73">
        <v>353</v>
      </c>
      <c r="DR10" s="74">
        <v>551</v>
      </c>
      <c r="DS10" s="71">
        <v>288</v>
      </c>
      <c r="DT10" s="72">
        <v>369</v>
      </c>
      <c r="DU10" s="73">
        <v>657</v>
      </c>
      <c r="DV10" s="271"/>
      <c r="DW10" s="72">
        <v>215</v>
      </c>
      <c r="DX10" s="72">
        <v>314</v>
      </c>
      <c r="DY10" s="72">
        <v>183</v>
      </c>
      <c r="DZ10" s="72">
        <v>166</v>
      </c>
      <c r="EA10" s="72">
        <v>140</v>
      </c>
      <c r="EB10" s="73">
        <v>1018</v>
      </c>
      <c r="EC10" s="74">
        <v>1675</v>
      </c>
      <c r="ED10" s="71">
        <v>526</v>
      </c>
      <c r="EE10" s="72">
        <v>664</v>
      </c>
      <c r="EF10" s="73">
        <v>1190</v>
      </c>
      <c r="EG10" s="271"/>
      <c r="EH10" s="72">
        <v>592</v>
      </c>
      <c r="EI10" s="72">
        <v>524</v>
      </c>
      <c r="EJ10" s="72">
        <v>337</v>
      </c>
      <c r="EK10" s="72">
        <v>325</v>
      </c>
      <c r="EL10" s="72">
        <v>237</v>
      </c>
      <c r="EM10" s="73">
        <v>2015</v>
      </c>
      <c r="EN10" s="74">
        <v>3205</v>
      </c>
      <c r="EO10" s="71">
        <v>874</v>
      </c>
      <c r="EP10" s="72">
        <v>1115</v>
      </c>
      <c r="EQ10" s="73">
        <v>1989</v>
      </c>
      <c r="ER10" s="271"/>
      <c r="ES10" s="72">
        <v>943</v>
      </c>
      <c r="ET10" s="72">
        <v>852</v>
      </c>
      <c r="EU10" s="72">
        <v>582</v>
      </c>
      <c r="EV10" s="72">
        <v>537</v>
      </c>
      <c r="EW10" s="72">
        <v>345</v>
      </c>
      <c r="EX10" s="73">
        <v>3259</v>
      </c>
      <c r="EY10" s="74">
        <v>5248</v>
      </c>
      <c r="EZ10" s="71">
        <v>742</v>
      </c>
      <c r="FA10" s="72">
        <v>1080</v>
      </c>
      <c r="FB10" s="73">
        <v>1822</v>
      </c>
      <c r="FC10" s="271"/>
      <c r="FD10" s="72">
        <v>1075</v>
      </c>
      <c r="FE10" s="72">
        <v>951</v>
      </c>
      <c r="FF10" s="72">
        <v>763</v>
      </c>
      <c r="FG10" s="72">
        <v>788</v>
      </c>
      <c r="FH10" s="72">
        <v>447</v>
      </c>
      <c r="FI10" s="73">
        <v>4024</v>
      </c>
      <c r="FJ10" s="74">
        <v>5846</v>
      </c>
      <c r="FK10" s="71">
        <v>360</v>
      </c>
      <c r="FL10" s="72">
        <v>601</v>
      </c>
      <c r="FM10" s="73">
        <v>961</v>
      </c>
      <c r="FN10" s="271"/>
      <c r="FO10" s="72">
        <v>795</v>
      </c>
      <c r="FP10" s="72">
        <v>988</v>
      </c>
      <c r="FQ10" s="72">
        <v>993</v>
      </c>
      <c r="FR10" s="72">
        <v>1142</v>
      </c>
      <c r="FS10" s="72">
        <v>582</v>
      </c>
      <c r="FT10" s="73">
        <v>4500</v>
      </c>
      <c r="FU10" s="74">
        <v>5461</v>
      </c>
      <c r="FV10" s="71">
        <v>22</v>
      </c>
      <c r="FW10" s="72">
        <v>76</v>
      </c>
      <c r="FX10" s="73">
        <v>98</v>
      </c>
      <c r="FY10" s="271"/>
      <c r="FZ10" s="72">
        <v>33</v>
      </c>
      <c r="GA10" s="72">
        <v>69</v>
      </c>
      <c r="GB10" s="72">
        <v>41</v>
      </c>
      <c r="GC10" s="72">
        <v>48</v>
      </c>
      <c r="GD10" s="72">
        <v>48</v>
      </c>
      <c r="GE10" s="73">
        <v>239</v>
      </c>
      <c r="GF10" s="74">
        <v>337</v>
      </c>
      <c r="GG10" s="71">
        <v>2895</v>
      </c>
      <c r="GH10" s="72">
        <v>4020</v>
      </c>
      <c r="GI10" s="73">
        <v>6915</v>
      </c>
      <c r="GJ10" s="271"/>
      <c r="GK10" s="72">
        <v>3733</v>
      </c>
      <c r="GL10" s="72">
        <v>3785</v>
      </c>
      <c r="GM10" s="72">
        <v>2967</v>
      </c>
      <c r="GN10" s="72">
        <v>3075</v>
      </c>
      <c r="GO10" s="72">
        <v>1848</v>
      </c>
      <c r="GP10" s="73">
        <v>15408</v>
      </c>
      <c r="GQ10" s="74">
        <v>22323</v>
      </c>
      <c r="GR10" s="127">
        <v>4382</v>
      </c>
      <c r="GS10" s="83">
        <v>5812</v>
      </c>
      <c r="GT10" s="84">
        <v>10194</v>
      </c>
      <c r="GU10" s="271"/>
      <c r="GV10" s="83">
        <v>5877</v>
      </c>
      <c r="GW10" s="83">
        <v>6050</v>
      </c>
      <c r="GX10" s="83">
        <v>4736</v>
      </c>
      <c r="GY10" s="83">
        <v>4513</v>
      </c>
      <c r="GZ10" s="83">
        <v>2677</v>
      </c>
      <c r="HA10" s="85">
        <v>23853</v>
      </c>
      <c r="HB10" s="86">
        <v>34047</v>
      </c>
      <c r="HC10" s="71">
        <v>168</v>
      </c>
      <c r="HD10" s="72">
        <v>222</v>
      </c>
      <c r="HE10" s="73">
        <v>390</v>
      </c>
      <c r="HF10" s="271"/>
      <c r="HG10" s="72">
        <v>178</v>
      </c>
      <c r="HH10" s="72">
        <v>211</v>
      </c>
      <c r="HI10" s="72">
        <v>181</v>
      </c>
      <c r="HJ10" s="72">
        <v>157</v>
      </c>
      <c r="HK10" s="72">
        <v>127</v>
      </c>
      <c r="HL10" s="73">
        <v>854</v>
      </c>
      <c r="HM10" s="74">
        <v>1244</v>
      </c>
      <c r="HN10" s="71">
        <v>461</v>
      </c>
      <c r="HO10" s="72">
        <v>625</v>
      </c>
      <c r="HP10" s="73">
        <v>1086</v>
      </c>
      <c r="HQ10" s="271"/>
      <c r="HR10" s="72">
        <v>438</v>
      </c>
      <c r="HS10" s="72">
        <v>592</v>
      </c>
      <c r="HT10" s="72">
        <v>441</v>
      </c>
      <c r="HU10" s="72">
        <v>374</v>
      </c>
      <c r="HV10" s="72">
        <v>264</v>
      </c>
      <c r="HW10" s="73">
        <v>2109</v>
      </c>
      <c r="HX10" s="74">
        <v>3195</v>
      </c>
      <c r="HY10" s="71">
        <v>782</v>
      </c>
      <c r="HZ10" s="72">
        <v>1018</v>
      </c>
      <c r="IA10" s="73">
        <v>1800</v>
      </c>
      <c r="IB10" s="271"/>
      <c r="IC10" s="72">
        <v>966</v>
      </c>
      <c r="ID10" s="72">
        <v>924</v>
      </c>
      <c r="IE10" s="72">
        <v>644</v>
      </c>
      <c r="IF10" s="72">
        <v>564</v>
      </c>
      <c r="IG10" s="72">
        <v>415</v>
      </c>
      <c r="IH10" s="73">
        <v>3513</v>
      </c>
      <c r="II10" s="74">
        <v>5313</v>
      </c>
      <c r="IJ10" s="71">
        <v>1273</v>
      </c>
      <c r="IK10" s="72">
        <v>1606</v>
      </c>
      <c r="IL10" s="73">
        <v>2879</v>
      </c>
      <c r="IM10" s="271"/>
      <c r="IN10" s="72">
        <v>1562</v>
      </c>
      <c r="IO10" s="72">
        <v>1433</v>
      </c>
      <c r="IP10" s="72">
        <v>1058</v>
      </c>
      <c r="IQ10" s="72">
        <v>930</v>
      </c>
      <c r="IR10" s="72">
        <v>556</v>
      </c>
      <c r="IS10" s="73">
        <v>5539</v>
      </c>
      <c r="IT10" s="74">
        <v>8418</v>
      </c>
      <c r="IU10" s="71">
        <v>1126</v>
      </c>
      <c r="IV10" s="72">
        <v>1482</v>
      </c>
      <c r="IW10" s="73">
        <v>2608</v>
      </c>
      <c r="IX10" s="271"/>
      <c r="IY10" s="72">
        <v>1607</v>
      </c>
      <c r="IZ10" s="72">
        <v>1562</v>
      </c>
      <c r="JA10" s="72">
        <v>1164</v>
      </c>
      <c r="JB10" s="72">
        <v>1114</v>
      </c>
      <c r="JC10" s="72">
        <v>608</v>
      </c>
      <c r="JD10" s="73">
        <v>6055</v>
      </c>
      <c r="JE10" s="74">
        <v>8663</v>
      </c>
      <c r="JF10" s="71">
        <v>572</v>
      </c>
      <c r="JG10" s="72">
        <v>859</v>
      </c>
      <c r="JH10" s="73">
        <v>1431</v>
      </c>
      <c r="JI10" s="271"/>
      <c r="JJ10" s="72">
        <v>1126</v>
      </c>
      <c r="JK10" s="72">
        <v>1328</v>
      </c>
      <c r="JL10" s="72">
        <v>1248</v>
      </c>
      <c r="JM10" s="72">
        <v>1374</v>
      </c>
      <c r="JN10" s="72">
        <v>707</v>
      </c>
      <c r="JO10" s="73">
        <v>5783</v>
      </c>
      <c r="JP10" s="74">
        <v>7214</v>
      </c>
      <c r="JQ10" s="71">
        <v>59</v>
      </c>
      <c r="JR10" s="72">
        <v>150</v>
      </c>
      <c r="JS10" s="73">
        <v>209</v>
      </c>
      <c r="JT10" s="271"/>
      <c r="JU10" s="72">
        <v>76</v>
      </c>
      <c r="JV10" s="72">
        <v>173</v>
      </c>
      <c r="JW10" s="72">
        <v>104</v>
      </c>
      <c r="JX10" s="72">
        <v>109</v>
      </c>
      <c r="JY10" s="72">
        <v>97</v>
      </c>
      <c r="JZ10" s="73">
        <v>559</v>
      </c>
      <c r="KA10" s="74">
        <v>768</v>
      </c>
      <c r="KB10" s="71">
        <v>4441</v>
      </c>
      <c r="KC10" s="72">
        <v>5962</v>
      </c>
      <c r="KD10" s="73">
        <v>10403</v>
      </c>
      <c r="KE10" s="271"/>
      <c r="KF10" s="72">
        <v>5953</v>
      </c>
      <c r="KG10" s="72">
        <v>6223</v>
      </c>
      <c r="KH10" s="72">
        <v>4840</v>
      </c>
      <c r="KI10" s="72">
        <v>4622</v>
      </c>
      <c r="KJ10" s="72">
        <v>2774</v>
      </c>
      <c r="KK10" s="73">
        <v>24412</v>
      </c>
      <c r="KL10" s="74">
        <v>34815</v>
      </c>
    </row>
    <row r="11" spans="1:298" ht="19.5" customHeight="1" x14ac:dyDescent="0.2">
      <c r="A11" s="130" t="s">
        <v>7</v>
      </c>
      <c r="B11" s="353">
        <v>929</v>
      </c>
      <c r="C11" s="83">
        <v>710</v>
      </c>
      <c r="D11" s="84">
        <v>1639</v>
      </c>
      <c r="E11" s="271"/>
      <c r="F11" s="83">
        <v>2251</v>
      </c>
      <c r="G11" s="83">
        <v>1572</v>
      </c>
      <c r="H11" s="83">
        <v>1000</v>
      </c>
      <c r="I11" s="83">
        <v>822</v>
      </c>
      <c r="J11" s="83">
        <v>469</v>
      </c>
      <c r="K11" s="85">
        <v>6114</v>
      </c>
      <c r="L11" s="86">
        <v>7753</v>
      </c>
      <c r="M11" s="71">
        <v>40</v>
      </c>
      <c r="N11" s="72">
        <v>29</v>
      </c>
      <c r="O11" s="73">
        <v>69</v>
      </c>
      <c r="P11" s="271"/>
      <c r="Q11" s="72">
        <v>85</v>
      </c>
      <c r="R11" s="72">
        <v>79</v>
      </c>
      <c r="S11" s="72">
        <v>52</v>
      </c>
      <c r="T11" s="72">
        <v>49</v>
      </c>
      <c r="U11" s="72">
        <v>35</v>
      </c>
      <c r="V11" s="73">
        <v>300</v>
      </c>
      <c r="W11" s="74">
        <v>369</v>
      </c>
      <c r="X11" s="71">
        <v>108</v>
      </c>
      <c r="Y11" s="72">
        <v>86</v>
      </c>
      <c r="Z11" s="73">
        <v>194</v>
      </c>
      <c r="AA11" s="271"/>
      <c r="AB11" s="72">
        <v>260</v>
      </c>
      <c r="AC11" s="72">
        <v>199</v>
      </c>
      <c r="AD11" s="72">
        <v>129</v>
      </c>
      <c r="AE11" s="72">
        <v>90</v>
      </c>
      <c r="AF11" s="72">
        <v>72</v>
      </c>
      <c r="AG11" s="73">
        <v>750</v>
      </c>
      <c r="AH11" s="74">
        <v>944</v>
      </c>
      <c r="AI11" s="71">
        <v>154</v>
      </c>
      <c r="AJ11" s="72">
        <v>113</v>
      </c>
      <c r="AK11" s="73">
        <v>267</v>
      </c>
      <c r="AL11" s="271"/>
      <c r="AM11" s="72">
        <v>382</v>
      </c>
      <c r="AN11" s="72">
        <v>251</v>
      </c>
      <c r="AO11" s="72">
        <v>163</v>
      </c>
      <c r="AP11" s="72">
        <v>137</v>
      </c>
      <c r="AQ11" s="72">
        <v>85</v>
      </c>
      <c r="AR11" s="73">
        <v>1018</v>
      </c>
      <c r="AS11" s="74">
        <v>1285</v>
      </c>
      <c r="AT11" s="71">
        <v>243</v>
      </c>
      <c r="AU11" s="72">
        <v>182</v>
      </c>
      <c r="AV11" s="73">
        <v>425</v>
      </c>
      <c r="AW11" s="271"/>
      <c r="AX11" s="72">
        <v>555</v>
      </c>
      <c r="AY11" s="72">
        <v>382</v>
      </c>
      <c r="AZ11" s="72">
        <v>230</v>
      </c>
      <c r="BA11" s="72">
        <v>173</v>
      </c>
      <c r="BB11" s="72">
        <v>104</v>
      </c>
      <c r="BC11" s="73">
        <v>1444</v>
      </c>
      <c r="BD11" s="74">
        <v>1869</v>
      </c>
      <c r="BE11" s="71">
        <v>242</v>
      </c>
      <c r="BF11" s="72">
        <v>184</v>
      </c>
      <c r="BG11" s="73">
        <v>426</v>
      </c>
      <c r="BH11" s="271"/>
      <c r="BI11" s="72">
        <v>561</v>
      </c>
      <c r="BJ11" s="72">
        <v>367</v>
      </c>
      <c r="BK11" s="72">
        <v>247</v>
      </c>
      <c r="BL11" s="72">
        <v>207</v>
      </c>
      <c r="BM11" s="72">
        <v>118</v>
      </c>
      <c r="BN11" s="73">
        <v>1500</v>
      </c>
      <c r="BO11" s="74">
        <v>1926</v>
      </c>
      <c r="BP11" s="71">
        <v>142</v>
      </c>
      <c r="BQ11" s="72">
        <v>116</v>
      </c>
      <c r="BR11" s="73">
        <v>258</v>
      </c>
      <c r="BS11" s="271"/>
      <c r="BT11" s="72">
        <v>408</v>
      </c>
      <c r="BU11" s="72">
        <v>294</v>
      </c>
      <c r="BV11" s="72">
        <v>179</v>
      </c>
      <c r="BW11" s="72">
        <v>166</v>
      </c>
      <c r="BX11" s="72">
        <v>55</v>
      </c>
      <c r="BY11" s="73">
        <v>1102</v>
      </c>
      <c r="BZ11" s="74">
        <v>1360</v>
      </c>
      <c r="CA11" s="71">
        <v>13</v>
      </c>
      <c r="CB11" s="72">
        <v>14</v>
      </c>
      <c r="CC11" s="73">
        <v>27</v>
      </c>
      <c r="CD11" s="271"/>
      <c r="CE11" s="72">
        <v>56</v>
      </c>
      <c r="CF11" s="72">
        <v>61</v>
      </c>
      <c r="CG11" s="72">
        <v>35</v>
      </c>
      <c r="CH11" s="72">
        <v>31</v>
      </c>
      <c r="CI11" s="72">
        <v>27</v>
      </c>
      <c r="CJ11" s="73">
        <v>210</v>
      </c>
      <c r="CK11" s="74">
        <v>237</v>
      </c>
      <c r="CL11" s="71">
        <v>942</v>
      </c>
      <c r="CM11" s="72">
        <v>724</v>
      </c>
      <c r="CN11" s="73">
        <v>1666</v>
      </c>
      <c r="CO11" s="271"/>
      <c r="CP11" s="72">
        <v>2307</v>
      </c>
      <c r="CQ11" s="72">
        <v>1633</v>
      </c>
      <c r="CR11" s="72">
        <v>1035</v>
      </c>
      <c r="CS11" s="72">
        <v>853</v>
      </c>
      <c r="CT11" s="72">
        <v>496</v>
      </c>
      <c r="CU11" s="73">
        <v>6324</v>
      </c>
      <c r="CV11" s="74">
        <v>7990</v>
      </c>
      <c r="CW11" s="127">
        <v>1636</v>
      </c>
      <c r="CX11" s="83">
        <v>1839</v>
      </c>
      <c r="CY11" s="84">
        <v>3475</v>
      </c>
      <c r="CZ11" s="271"/>
      <c r="DA11" s="83">
        <v>4239</v>
      </c>
      <c r="DB11" s="83">
        <v>2626</v>
      </c>
      <c r="DC11" s="83">
        <v>1957</v>
      </c>
      <c r="DD11" s="83">
        <v>2053</v>
      </c>
      <c r="DE11" s="83">
        <v>1207</v>
      </c>
      <c r="DF11" s="85">
        <v>12082</v>
      </c>
      <c r="DG11" s="86">
        <v>15557</v>
      </c>
      <c r="DH11" s="71">
        <v>36</v>
      </c>
      <c r="DI11" s="72">
        <v>37</v>
      </c>
      <c r="DJ11" s="73">
        <v>73</v>
      </c>
      <c r="DK11" s="271"/>
      <c r="DL11" s="72">
        <v>100</v>
      </c>
      <c r="DM11" s="72">
        <v>53</v>
      </c>
      <c r="DN11" s="72">
        <v>37</v>
      </c>
      <c r="DO11" s="72">
        <v>38</v>
      </c>
      <c r="DP11" s="72">
        <v>34</v>
      </c>
      <c r="DQ11" s="73">
        <v>262</v>
      </c>
      <c r="DR11" s="74">
        <v>335</v>
      </c>
      <c r="DS11" s="71">
        <v>134</v>
      </c>
      <c r="DT11" s="72">
        <v>122</v>
      </c>
      <c r="DU11" s="73">
        <v>256</v>
      </c>
      <c r="DV11" s="271"/>
      <c r="DW11" s="72">
        <v>277</v>
      </c>
      <c r="DX11" s="72">
        <v>201</v>
      </c>
      <c r="DY11" s="72">
        <v>110</v>
      </c>
      <c r="DZ11" s="72">
        <v>102</v>
      </c>
      <c r="EA11" s="72">
        <v>72</v>
      </c>
      <c r="EB11" s="73">
        <v>762</v>
      </c>
      <c r="EC11" s="74">
        <v>1018</v>
      </c>
      <c r="ED11" s="71">
        <v>248</v>
      </c>
      <c r="EE11" s="72">
        <v>246</v>
      </c>
      <c r="EF11" s="73">
        <v>494</v>
      </c>
      <c r="EG11" s="271"/>
      <c r="EH11" s="72">
        <v>502</v>
      </c>
      <c r="EI11" s="72">
        <v>266</v>
      </c>
      <c r="EJ11" s="72">
        <v>179</v>
      </c>
      <c r="EK11" s="72">
        <v>194</v>
      </c>
      <c r="EL11" s="72">
        <v>142</v>
      </c>
      <c r="EM11" s="73">
        <v>1283</v>
      </c>
      <c r="EN11" s="74">
        <v>1777</v>
      </c>
      <c r="EO11" s="71">
        <v>487</v>
      </c>
      <c r="EP11" s="72">
        <v>510</v>
      </c>
      <c r="EQ11" s="73">
        <v>997</v>
      </c>
      <c r="ER11" s="271"/>
      <c r="ES11" s="72">
        <v>1013</v>
      </c>
      <c r="ET11" s="72">
        <v>518</v>
      </c>
      <c r="EU11" s="72">
        <v>339</v>
      </c>
      <c r="EV11" s="72">
        <v>351</v>
      </c>
      <c r="EW11" s="72">
        <v>201</v>
      </c>
      <c r="EX11" s="73">
        <v>2422</v>
      </c>
      <c r="EY11" s="74">
        <v>3419</v>
      </c>
      <c r="EZ11" s="71">
        <v>474</v>
      </c>
      <c r="FA11" s="72">
        <v>577</v>
      </c>
      <c r="FB11" s="73">
        <v>1051</v>
      </c>
      <c r="FC11" s="271"/>
      <c r="FD11" s="72">
        <v>1284</v>
      </c>
      <c r="FE11" s="72">
        <v>723</v>
      </c>
      <c r="FF11" s="72">
        <v>558</v>
      </c>
      <c r="FG11" s="72">
        <v>553</v>
      </c>
      <c r="FH11" s="72">
        <v>315</v>
      </c>
      <c r="FI11" s="73">
        <v>3433</v>
      </c>
      <c r="FJ11" s="74">
        <v>4484</v>
      </c>
      <c r="FK11" s="71">
        <v>257</v>
      </c>
      <c r="FL11" s="72">
        <v>347</v>
      </c>
      <c r="FM11" s="73">
        <v>604</v>
      </c>
      <c r="FN11" s="271"/>
      <c r="FO11" s="72">
        <v>1063</v>
      </c>
      <c r="FP11" s="72">
        <v>865</v>
      </c>
      <c r="FQ11" s="72">
        <v>734</v>
      </c>
      <c r="FR11" s="72">
        <v>815</v>
      </c>
      <c r="FS11" s="72">
        <v>443</v>
      </c>
      <c r="FT11" s="73">
        <v>3920</v>
      </c>
      <c r="FU11" s="74">
        <v>4524</v>
      </c>
      <c r="FV11" s="71">
        <v>8</v>
      </c>
      <c r="FW11" s="72">
        <v>19</v>
      </c>
      <c r="FX11" s="73">
        <v>27</v>
      </c>
      <c r="FY11" s="271"/>
      <c r="FZ11" s="72">
        <v>56</v>
      </c>
      <c r="GA11" s="72">
        <v>59</v>
      </c>
      <c r="GB11" s="72">
        <v>36</v>
      </c>
      <c r="GC11" s="72">
        <v>17</v>
      </c>
      <c r="GD11" s="72">
        <v>32</v>
      </c>
      <c r="GE11" s="73">
        <v>200</v>
      </c>
      <c r="GF11" s="74">
        <v>227</v>
      </c>
      <c r="GG11" s="71">
        <v>1644</v>
      </c>
      <c r="GH11" s="72">
        <v>1858</v>
      </c>
      <c r="GI11" s="73">
        <v>3502</v>
      </c>
      <c r="GJ11" s="271"/>
      <c r="GK11" s="72">
        <v>4295</v>
      </c>
      <c r="GL11" s="72">
        <v>2685</v>
      </c>
      <c r="GM11" s="72">
        <v>1993</v>
      </c>
      <c r="GN11" s="72">
        <v>2070</v>
      </c>
      <c r="GO11" s="72">
        <v>1239</v>
      </c>
      <c r="GP11" s="73">
        <v>12282</v>
      </c>
      <c r="GQ11" s="74">
        <v>15784</v>
      </c>
      <c r="GR11" s="127">
        <v>2565</v>
      </c>
      <c r="GS11" s="83">
        <v>2549</v>
      </c>
      <c r="GT11" s="84">
        <v>5114</v>
      </c>
      <c r="GU11" s="271"/>
      <c r="GV11" s="83">
        <v>6490</v>
      </c>
      <c r="GW11" s="83">
        <v>4198</v>
      </c>
      <c r="GX11" s="83">
        <v>2957</v>
      </c>
      <c r="GY11" s="83">
        <v>2875</v>
      </c>
      <c r="GZ11" s="83">
        <v>1676</v>
      </c>
      <c r="HA11" s="85">
        <v>18196</v>
      </c>
      <c r="HB11" s="86">
        <v>23310</v>
      </c>
      <c r="HC11" s="71">
        <v>76</v>
      </c>
      <c r="HD11" s="72">
        <v>66</v>
      </c>
      <c r="HE11" s="73">
        <v>142</v>
      </c>
      <c r="HF11" s="271"/>
      <c r="HG11" s="72">
        <v>185</v>
      </c>
      <c r="HH11" s="72">
        <v>132</v>
      </c>
      <c r="HI11" s="72">
        <v>89</v>
      </c>
      <c r="HJ11" s="72">
        <v>87</v>
      </c>
      <c r="HK11" s="72">
        <v>69</v>
      </c>
      <c r="HL11" s="73">
        <v>562</v>
      </c>
      <c r="HM11" s="74">
        <v>704</v>
      </c>
      <c r="HN11" s="71">
        <v>242</v>
      </c>
      <c r="HO11" s="72">
        <v>208</v>
      </c>
      <c r="HP11" s="73">
        <v>450</v>
      </c>
      <c r="HQ11" s="271"/>
      <c r="HR11" s="72">
        <v>537</v>
      </c>
      <c r="HS11" s="72">
        <v>400</v>
      </c>
      <c r="HT11" s="72">
        <v>239</v>
      </c>
      <c r="HU11" s="72">
        <v>192</v>
      </c>
      <c r="HV11" s="72">
        <v>144</v>
      </c>
      <c r="HW11" s="73">
        <v>1512</v>
      </c>
      <c r="HX11" s="74">
        <v>1962</v>
      </c>
      <c r="HY11" s="71">
        <v>402</v>
      </c>
      <c r="HZ11" s="72">
        <v>359</v>
      </c>
      <c r="IA11" s="73">
        <v>761</v>
      </c>
      <c r="IB11" s="271"/>
      <c r="IC11" s="72">
        <v>884</v>
      </c>
      <c r="ID11" s="72">
        <v>517</v>
      </c>
      <c r="IE11" s="72">
        <v>342</v>
      </c>
      <c r="IF11" s="72">
        <v>331</v>
      </c>
      <c r="IG11" s="72">
        <v>227</v>
      </c>
      <c r="IH11" s="73">
        <v>2301</v>
      </c>
      <c r="II11" s="74">
        <v>3062</v>
      </c>
      <c r="IJ11" s="71">
        <v>730</v>
      </c>
      <c r="IK11" s="72">
        <v>692</v>
      </c>
      <c r="IL11" s="73">
        <v>1422</v>
      </c>
      <c r="IM11" s="271"/>
      <c r="IN11" s="72">
        <v>1568</v>
      </c>
      <c r="IO11" s="72">
        <v>900</v>
      </c>
      <c r="IP11" s="72">
        <v>569</v>
      </c>
      <c r="IQ11" s="72">
        <v>524</v>
      </c>
      <c r="IR11" s="72">
        <v>305</v>
      </c>
      <c r="IS11" s="73">
        <v>3866</v>
      </c>
      <c r="IT11" s="74">
        <v>5288</v>
      </c>
      <c r="IU11" s="71">
        <v>716</v>
      </c>
      <c r="IV11" s="72">
        <v>761</v>
      </c>
      <c r="IW11" s="73">
        <v>1477</v>
      </c>
      <c r="IX11" s="271"/>
      <c r="IY11" s="72">
        <v>1845</v>
      </c>
      <c r="IZ11" s="72">
        <v>1090</v>
      </c>
      <c r="JA11" s="72">
        <v>805</v>
      </c>
      <c r="JB11" s="72">
        <v>760</v>
      </c>
      <c r="JC11" s="72">
        <v>433</v>
      </c>
      <c r="JD11" s="73">
        <v>4933</v>
      </c>
      <c r="JE11" s="74">
        <v>6410</v>
      </c>
      <c r="JF11" s="71">
        <v>399</v>
      </c>
      <c r="JG11" s="72">
        <v>463</v>
      </c>
      <c r="JH11" s="73">
        <v>862</v>
      </c>
      <c r="JI11" s="271"/>
      <c r="JJ11" s="72">
        <v>1471</v>
      </c>
      <c r="JK11" s="72">
        <v>1159</v>
      </c>
      <c r="JL11" s="72">
        <v>913</v>
      </c>
      <c r="JM11" s="72">
        <v>981</v>
      </c>
      <c r="JN11" s="72">
        <v>498</v>
      </c>
      <c r="JO11" s="73">
        <v>5022</v>
      </c>
      <c r="JP11" s="74">
        <v>5884</v>
      </c>
      <c r="JQ11" s="71">
        <v>21</v>
      </c>
      <c r="JR11" s="72">
        <v>33</v>
      </c>
      <c r="JS11" s="73">
        <v>54</v>
      </c>
      <c r="JT11" s="271"/>
      <c r="JU11" s="72">
        <v>112</v>
      </c>
      <c r="JV11" s="72">
        <v>120</v>
      </c>
      <c r="JW11" s="72">
        <v>71</v>
      </c>
      <c r="JX11" s="72">
        <v>48</v>
      </c>
      <c r="JY11" s="72">
        <v>59</v>
      </c>
      <c r="JZ11" s="73">
        <v>410</v>
      </c>
      <c r="KA11" s="74">
        <v>464</v>
      </c>
      <c r="KB11" s="71">
        <v>2586</v>
      </c>
      <c r="KC11" s="72">
        <v>2582</v>
      </c>
      <c r="KD11" s="73">
        <v>5168</v>
      </c>
      <c r="KE11" s="271"/>
      <c r="KF11" s="72">
        <v>6602</v>
      </c>
      <c r="KG11" s="72">
        <v>4318</v>
      </c>
      <c r="KH11" s="72">
        <v>3028</v>
      </c>
      <c r="KI11" s="72">
        <v>2923</v>
      </c>
      <c r="KJ11" s="72">
        <v>1735</v>
      </c>
      <c r="KK11" s="73">
        <v>18606</v>
      </c>
      <c r="KL11" s="74">
        <v>23774</v>
      </c>
    </row>
    <row r="12" spans="1:298" ht="19.5" customHeight="1" x14ac:dyDescent="0.2">
      <c r="A12" s="130" t="s">
        <v>8</v>
      </c>
      <c r="B12" s="353">
        <v>535</v>
      </c>
      <c r="C12" s="83">
        <v>339</v>
      </c>
      <c r="D12" s="84">
        <v>874</v>
      </c>
      <c r="E12" s="271"/>
      <c r="F12" s="83">
        <v>947</v>
      </c>
      <c r="G12" s="83">
        <v>860</v>
      </c>
      <c r="H12" s="83">
        <v>634</v>
      </c>
      <c r="I12" s="83">
        <v>459</v>
      </c>
      <c r="J12" s="83">
        <v>248</v>
      </c>
      <c r="K12" s="85">
        <v>3148</v>
      </c>
      <c r="L12" s="86">
        <v>4022</v>
      </c>
      <c r="M12" s="71">
        <v>25</v>
      </c>
      <c r="N12" s="72">
        <v>28</v>
      </c>
      <c r="O12" s="73">
        <v>53</v>
      </c>
      <c r="P12" s="271"/>
      <c r="Q12" s="72">
        <v>45</v>
      </c>
      <c r="R12" s="72">
        <v>47</v>
      </c>
      <c r="S12" s="72">
        <v>39</v>
      </c>
      <c r="T12" s="72">
        <v>21</v>
      </c>
      <c r="U12" s="72">
        <v>17</v>
      </c>
      <c r="V12" s="73">
        <v>169</v>
      </c>
      <c r="W12" s="74">
        <v>222</v>
      </c>
      <c r="X12" s="71">
        <v>59</v>
      </c>
      <c r="Y12" s="72">
        <v>42</v>
      </c>
      <c r="Z12" s="73">
        <v>101</v>
      </c>
      <c r="AA12" s="271"/>
      <c r="AB12" s="72">
        <v>106</v>
      </c>
      <c r="AC12" s="72">
        <v>129</v>
      </c>
      <c r="AD12" s="72">
        <v>97</v>
      </c>
      <c r="AE12" s="72">
        <v>65</v>
      </c>
      <c r="AF12" s="72">
        <v>34</v>
      </c>
      <c r="AG12" s="73">
        <v>431</v>
      </c>
      <c r="AH12" s="74">
        <v>532</v>
      </c>
      <c r="AI12" s="71">
        <v>98</v>
      </c>
      <c r="AJ12" s="72">
        <v>37</v>
      </c>
      <c r="AK12" s="73">
        <v>135</v>
      </c>
      <c r="AL12" s="271"/>
      <c r="AM12" s="72">
        <v>175</v>
      </c>
      <c r="AN12" s="72">
        <v>138</v>
      </c>
      <c r="AO12" s="72">
        <v>105</v>
      </c>
      <c r="AP12" s="72">
        <v>60</v>
      </c>
      <c r="AQ12" s="72">
        <v>58</v>
      </c>
      <c r="AR12" s="73">
        <v>536</v>
      </c>
      <c r="AS12" s="74">
        <v>671</v>
      </c>
      <c r="AT12" s="71">
        <v>143</v>
      </c>
      <c r="AU12" s="72">
        <v>85</v>
      </c>
      <c r="AV12" s="73">
        <v>228</v>
      </c>
      <c r="AW12" s="271"/>
      <c r="AX12" s="72">
        <v>221</v>
      </c>
      <c r="AY12" s="72">
        <v>216</v>
      </c>
      <c r="AZ12" s="72">
        <v>130</v>
      </c>
      <c r="BA12" s="72">
        <v>116</v>
      </c>
      <c r="BB12" s="72">
        <v>50</v>
      </c>
      <c r="BC12" s="73">
        <v>733</v>
      </c>
      <c r="BD12" s="74">
        <v>961</v>
      </c>
      <c r="BE12" s="71">
        <v>133</v>
      </c>
      <c r="BF12" s="72">
        <v>90</v>
      </c>
      <c r="BG12" s="73">
        <v>223</v>
      </c>
      <c r="BH12" s="271"/>
      <c r="BI12" s="72">
        <v>254</v>
      </c>
      <c r="BJ12" s="72">
        <v>182</v>
      </c>
      <c r="BK12" s="72">
        <v>145</v>
      </c>
      <c r="BL12" s="72">
        <v>107</v>
      </c>
      <c r="BM12" s="72">
        <v>45</v>
      </c>
      <c r="BN12" s="73">
        <v>733</v>
      </c>
      <c r="BO12" s="74">
        <v>956</v>
      </c>
      <c r="BP12" s="71">
        <v>77</v>
      </c>
      <c r="BQ12" s="72">
        <v>57</v>
      </c>
      <c r="BR12" s="73">
        <v>134</v>
      </c>
      <c r="BS12" s="271"/>
      <c r="BT12" s="72">
        <v>146</v>
      </c>
      <c r="BU12" s="72">
        <v>148</v>
      </c>
      <c r="BV12" s="72">
        <v>118</v>
      </c>
      <c r="BW12" s="72">
        <v>90</v>
      </c>
      <c r="BX12" s="72">
        <v>44</v>
      </c>
      <c r="BY12" s="73">
        <v>546</v>
      </c>
      <c r="BZ12" s="74">
        <v>680</v>
      </c>
      <c r="CA12" s="71">
        <v>16</v>
      </c>
      <c r="CB12" s="72">
        <v>19</v>
      </c>
      <c r="CC12" s="73">
        <v>35</v>
      </c>
      <c r="CD12" s="271"/>
      <c r="CE12" s="72">
        <v>26</v>
      </c>
      <c r="CF12" s="72">
        <v>38</v>
      </c>
      <c r="CG12" s="72">
        <v>23</v>
      </c>
      <c r="CH12" s="72">
        <v>20</v>
      </c>
      <c r="CI12" s="72">
        <v>14</v>
      </c>
      <c r="CJ12" s="73">
        <v>121</v>
      </c>
      <c r="CK12" s="74">
        <v>156</v>
      </c>
      <c r="CL12" s="71">
        <v>551</v>
      </c>
      <c r="CM12" s="72">
        <v>358</v>
      </c>
      <c r="CN12" s="73">
        <v>909</v>
      </c>
      <c r="CO12" s="271"/>
      <c r="CP12" s="72">
        <v>973</v>
      </c>
      <c r="CQ12" s="72">
        <v>898</v>
      </c>
      <c r="CR12" s="72">
        <v>657</v>
      </c>
      <c r="CS12" s="72">
        <v>479</v>
      </c>
      <c r="CT12" s="72">
        <v>262</v>
      </c>
      <c r="CU12" s="73">
        <v>3269</v>
      </c>
      <c r="CV12" s="74">
        <v>4178</v>
      </c>
      <c r="CW12" s="127">
        <v>978</v>
      </c>
      <c r="CX12" s="83">
        <v>914</v>
      </c>
      <c r="CY12" s="84">
        <v>1892</v>
      </c>
      <c r="CZ12" s="271"/>
      <c r="DA12" s="83">
        <v>1658</v>
      </c>
      <c r="DB12" s="83">
        <v>1559</v>
      </c>
      <c r="DC12" s="83">
        <v>1217</v>
      </c>
      <c r="DD12" s="83">
        <v>997</v>
      </c>
      <c r="DE12" s="83">
        <v>666</v>
      </c>
      <c r="DF12" s="85">
        <v>6097</v>
      </c>
      <c r="DG12" s="86">
        <v>7989</v>
      </c>
      <c r="DH12" s="71">
        <v>30</v>
      </c>
      <c r="DI12" s="72">
        <v>26</v>
      </c>
      <c r="DJ12" s="73">
        <v>56</v>
      </c>
      <c r="DK12" s="271"/>
      <c r="DL12" s="72">
        <v>39</v>
      </c>
      <c r="DM12" s="72">
        <v>35</v>
      </c>
      <c r="DN12" s="72">
        <v>20</v>
      </c>
      <c r="DO12" s="72">
        <v>21</v>
      </c>
      <c r="DP12" s="72">
        <v>18</v>
      </c>
      <c r="DQ12" s="73">
        <v>133</v>
      </c>
      <c r="DR12" s="74">
        <v>189</v>
      </c>
      <c r="DS12" s="71">
        <v>66</v>
      </c>
      <c r="DT12" s="72">
        <v>69</v>
      </c>
      <c r="DU12" s="73">
        <v>135</v>
      </c>
      <c r="DV12" s="271"/>
      <c r="DW12" s="72">
        <v>104</v>
      </c>
      <c r="DX12" s="72">
        <v>106</v>
      </c>
      <c r="DY12" s="72">
        <v>60</v>
      </c>
      <c r="DZ12" s="72">
        <v>48</v>
      </c>
      <c r="EA12" s="72">
        <v>47</v>
      </c>
      <c r="EB12" s="73">
        <v>365</v>
      </c>
      <c r="EC12" s="74">
        <v>500</v>
      </c>
      <c r="ED12" s="71">
        <v>163</v>
      </c>
      <c r="EE12" s="72">
        <v>139</v>
      </c>
      <c r="EF12" s="73">
        <v>302</v>
      </c>
      <c r="EG12" s="271"/>
      <c r="EH12" s="72">
        <v>214</v>
      </c>
      <c r="EI12" s="72">
        <v>187</v>
      </c>
      <c r="EJ12" s="72">
        <v>126</v>
      </c>
      <c r="EK12" s="72">
        <v>97</v>
      </c>
      <c r="EL12" s="72">
        <v>67</v>
      </c>
      <c r="EM12" s="73">
        <v>691</v>
      </c>
      <c r="EN12" s="74">
        <v>993</v>
      </c>
      <c r="EO12" s="71">
        <v>318</v>
      </c>
      <c r="EP12" s="72">
        <v>243</v>
      </c>
      <c r="EQ12" s="73">
        <v>561</v>
      </c>
      <c r="ER12" s="271"/>
      <c r="ES12" s="72">
        <v>410</v>
      </c>
      <c r="ET12" s="72">
        <v>338</v>
      </c>
      <c r="EU12" s="72">
        <v>214</v>
      </c>
      <c r="EV12" s="72">
        <v>175</v>
      </c>
      <c r="EW12" s="72">
        <v>108</v>
      </c>
      <c r="EX12" s="73">
        <v>1245</v>
      </c>
      <c r="EY12" s="74">
        <v>1806</v>
      </c>
      <c r="EZ12" s="71">
        <v>265</v>
      </c>
      <c r="FA12" s="72">
        <v>276</v>
      </c>
      <c r="FB12" s="73">
        <v>541</v>
      </c>
      <c r="FC12" s="271"/>
      <c r="FD12" s="72">
        <v>473</v>
      </c>
      <c r="FE12" s="72">
        <v>423</v>
      </c>
      <c r="FF12" s="72">
        <v>336</v>
      </c>
      <c r="FG12" s="72">
        <v>242</v>
      </c>
      <c r="FH12" s="72">
        <v>184</v>
      </c>
      <c r="FI12" s="73">
        <v>1658</v>
      </c>
      <c r="FJ12" s="74">
        <v>2199</v>
      </c>
      <c r="FK12" s="71">
        <v>136</v>
      </c>
      <c r="FL12" s="72">
        <v>161</v>
      </c>
      <c r="FM12" s="73">
        <v>297</v>
      </c>
      <c r="FN12" s="271"/>
      <c r="FO12" s="72">
        <v>418</v>
      </c>
      <c r="FP12" s="72">
        <v>470</v>
      </c>
      <c r="FQ12" s="72">
        <v>461</v>
      </c>
      <c r="FR12" s="72">
        <v>414</v>
      </c>
      <c r="FS12" s="72">
        <v>242</v>
      </c>
      <c r="FT12" s="73">
        <v>2005</v>
      </c>
      <c r="FU12" s="74">
        <v>2302</v>
      </c>
      <c r="FV12" s="71">
        <v>8</v>
      </c>
      <c r="FW12" s="72">
        <v>23</v>
      </c>
      <c r="FX12" s="73">
        <v>31</v>
      </c>
      <c r="FY12" s="271"/>
      <c r="FZ12" s="72">
        <v>13</v>
      </c>
      <c r="GA12" s="72">
        <v>33</v>
      </c>
      <c r="GB12" s="72">
        <v>19</v>
      </c>
      <c r="GC12" s="72">
        <v>14</v>
      </c>
      <c r="GD12" s="72">
        <v>14</v>
      </c>
      <c r="GE12" s="73">
        <v>93</v>
      </c>
      <c r="GF12" s="74">
        <v>124</v>
      </c>
      <c r="GG12" s="71">
        <v>986</v>
      </c>
      <c r="GH12" s="72">
        <v>937</v>
      </c>
      <c r="GI12" s="73">
        <v>1923</v>
      </c>
      <c r="GJ12" s="271"/>
      <c r="GK12" s="72">
        <v>1671</v>
      </c>
      <c r="GL12" s="72">
        <v>1592</v>
      </c>
      <c r="GM12" s="72">
        <v>1236</v>
      </c>
      <c r="GN12" s="72">
        <v>1011</v>
      </c>
      <c r="GO12" s="72">
        <v>680</v>
      </c>
      <c r="GP12" s="73">
        <v>6190</v>
      </c>
      <c r="GQ12" s="74">
        <v>8113</v>
      </c>
      <c r="GR12" s="127">
        <v>1513</v>
      </c>
      <c r="GS12" s="83">
        <v>1253</v>
      </c>
      <c r="GT12" s="84">
        <v>2766</v>
      </c>
      <c r="GU12" s="271"/>
      <c r="GV12" s="83">
        <v>2605</v>
      </c>
      <c r="GW12" s="83">
        <v>2419</v>
      </c>
      <c r="GX12" s="83">
        <v>1851</v>
      </c>
      <c r="GY12" s="83">
        <v>1456</v>
      </c>
      <c r="GZ12" s="83">
        <v>914</v>
      </c>
      <c r="HA12" s="85">
        <v>9245</v>
      </c>
      <c r="HB12" s="86">
        <v>12011</v>
      </c>
      <c r="HC12" s="71">
        <v>55</v>
      </c>
      <c r="HD12" s="72">
        <v>54</v>
      </c>
      <c r="HE12" s="73">
        <v>109</v>
      </c>
      <c r="HF12" s="271"/>
      <c r="HG12" s="72">
        <v>84</v>
      </c>
      <c r="HH12" s="72">
        <v>82</v>
      </c>
      <c r="HI12" s="72">
        <v>59</v>
      </c>
      <c r="HJ12" s="72">
        <v>42</v>
      </c>
      <c r="HK12" s="72">
        <v>35</v>
      </c>
      <c r="HL12" s="73">
        <v>302</v>
      </c>
      <c r="HM12" s="74">
        <v>411</v>
      </c>
      <c r="HN12" s="71">
        <v>125</v>
      </c>
      <c r="HO12" s="72">
        <v>111</v>
      </c>
      <c r="HP12" s="73">
        <v>236</v>
      </c>
      <c r="HQ12" s="271"/>
      <c r="HR12" s="72">
        <v>210</v>
      </c>
      <c r="HS12" s="72">
        <v>235</v>
      </c>
      <c r="HT12" s="72">
        <v>157</v>
      </c>
      <c r="HU12" s="72">
        <v>113</v>
      </c>
      <c r="HV12" s="72">
        <v>81</v>
      </c>
      <c r="HW12" s="73">
        <v>796</v>
      </c>
      <c r="HX12" s="74">
        <v>1032</v>
      </c>
      <c r="HY12" s="71">
        <v>261</v>
      </c>
      <c r="HZ12" s="72">
        <v>176</v>
      </c>
      <c r="IA12" s="73">
        <v>437</v>
      </c>
      <c r="IB12" s="271"/>
      <c r="IC12" s="72">
        <v>389</v>
      </c>
      <c r="ID12" s="72">
        <v>325</v>
      </c>
      <c r="IE12" s="72">
        <v>231</v>
      </c>
      <c r="IF12" s="72">
        <v>157</v>
      </c>
      <c r="IG12" s="72">
        <v>125</v>
      </c>
      <c r="IH12" s="73">
        <v>1227</v>
      </c>
      <c r="II12" s="74">
        <v>1664</v>
      </c>
      <c r="IJ12" s="71">
        <v>461</v>
      </c>
      <c r="IK12" s="72">
        <v>328</v>
      </c>
      <c r="IL12" s="73">
        <v>789</v>
      </c>
      <c r="IM12" s="271"/>
      <c r="IN12" s="72">
        <v>631</v>
      </c>
      <c r="IO12" s="72">
        <v>554</v>
      </c>
      <c r="IP12" s="72">
        <v>344</v>
      </c>
      <c r="IQ12" s="72">
        <v>291</v>
      </c>
      <c r="IR12" s="72">
        <v>158</v>
      </c>
      <c r="IS12" s="73">
        <v>1978</v>
      </c>
      <c r="IT12" s="74">
        <v>2767</v>
      </c>
      <c r="IU12" s="71">
        <v>398</v>
      </c>
      <c r="IV12" s="72">
        <v>366</v>
      </c>
      <c r="IW12" s="73">
        <v>764</v>
      </c>
      <c r="IX12" s="271"/>
      <c r="IY12" s="72">
        <v>727</v>
      </c>
      <c r="IZ12" s="72">
        <v>605</v>
      </c>
      <c r="JA12" s="72">
        <v>481</v>
      </c>
      <c r="JB12" s="72">
        <v>349</v>
      </c>
      <c r="JC12" s="72">
        <v>229</v>
      </c>
      <c r="JD12" s="73">
        <v>2391</v>
      </c>
      <c r="JE12" s="74">
        <v>3155</v>
      </c>
      <c r="JF12" s="71">
        <v>213</v>
      </c>
      <c r="JG12" s="72">
        <v>218</v>
      </c>
      <c r="JH12" s="73">
        <v>431</v>
      </c>
      <c r="JI12" s="271"/>
      <c r="JJ12" s="72">
        <v>564</v>
      </c>
      <c r="JK12" s="72">
        <v>618</v>
      </c>
      <c r="JL12" s="72">
        <v>579</v>
      </c>
      <c r="JM12" s="72">
        <v>504</v>
      </c>
      <c r="JN12" s="72">
        <v>286</v>
      </c>
      <c r="JO12" s="73">
        <v>2551</v>
      </c>
      <c r="JP12" s="74">
        <v>2982</v>
      </c>
      <c r="JQ12" s="71">
        <v>24</v>
      </c>
      <c r="JR12" s="72">
        <v>42</v>
      </c>
      <c r="JS12" s="73">
        <v>66</v>
      </c>
      <c r="JT12" s="271"/>
      <c r="JU12" s="72">
        <v>39</v>
      </c>
      <c r="JV12" s="72">
        <v>71</v>
      </c>
      <c r="JW12" s="72">
        <v>42</v>
      </c>
      <c r="JX12" s="72">
        <v>34</v>
      </c>
      <c r="JY12" s="72">
        <v>28</v>
      </c>
      <c r="JZ12" s="73">
        <v>214</v>
      </c>
      <c r="KA12" s="74">
        <v>280</v>
      </c>
      <c r="KB12" s="71">
        <v>1537</v>
      </c>
      <c r="KC12" s="72">
        <v>1295</v>
      </c>
      <c r="KD12" s="73">
        <v>2832</v>
      </c>
      <c r="KE12" s="271"/>
      <c r="KF12" s="72">
        <v>2644</v>
      </c>
      <c r="KG12" s="72">
        <v>2490</v>
      </c>
      <c r="KH12" s="72">
        <v>1893</v>
      </c>
      <c r="KI12" s="72">
        <v>1490</v>
      </c>
      <c r="KJ12" s="72">
        <v>942</v>
      </c>
      <c r="KK12" s="73">
        <v>9459</v>
      </c>
      <c r="KL12" s="74">
        <v>12291</v>
      </c>
    </row>
    <row r="13" spans="1:298" ht="19.5" customHeight="1" x14ac:dyDescent="0.2">
      <c r="A13" s="130" t="s">
        <v>9</v>
      </c>
      <c r="B13" s="353">
        <v>622</v>
      </c>
      <c r="C13" s="83">
        <v>420</v>
      </c>
      <c r="D13" s="84">
        <v>1042</v>
      </c>
      <c r="E13" s="271"/>
      <c r="F13" s="83">
        <v>796</v>
      </c>
      <c r="G13" s="83">
        <v>560</v>
      </c>
      <c r="H13" s="83">
        <v>434</v>
      </c>
      <c r="I13" s="83">
        <v>392</v>
      </c>
      <c r="J13" s="83">
        <v>239</v>
      </c>
      <c r="K13" s="85">
        <v>2421</v>
      </c>
      <c r="L13" s="86">
        <v>3463</v>
      </c>
      <c r="M13" s="71">
        <v>22</v>
      </c>
      <c r="N13" s="72">
        <v>9</v>
      </c>
      <c r="O13" s="73">
        <v>31</v>
      </c>
      <c r="P13" s="271"/>
      <c r="Q13" s="72">
        <v>20</v>
      </c>
      <c r="R13" s="72">
        <v>26</v>
      </c>
      <c r="S13" s="72">
        <v>17</v>
      </c>
      <c r="T13" s="72">
        <v>10</v>
      </c>
      <c r="U13" s="72">
        <v>13</v>
      </c>
      <c r="V13" s="73">
        <v>86</v>
      </c>
      <c r="W13" s="74">
        <v>117</v>
      </c>
      <c r="X13" s="71">
        <v>52</v>
      </c>
      <c r="Y13" s="72">
        <v>31</v>
      </c>
      <c r="Z13" s="73">
        <v>83</v>
      </c>
      <c r="AA13" s="271"/>
      <c r="AB13" s="72">
        <v>57</v>
      </c>
      <c r="AC13" s="72">
        <v>43</v>
      </c>
      <c r="AD13" s="72">
        <v>49</v>
      </c>
      <c r="AE13" s="72">
        <v>34</v>
      </c>
      <c r="AF13" s="72">
        <v>20</v>
      </c>
      <c r="AG13" s="73">
        <v>203</v>
      </c>
      <c r="AH13" s="74">
        <v>286</v>
      </c>
      <c r="AI13" s="71">
        <v>68</v>
      </c>
      <c r="AJ13" s="72">
        <v>42</v>
      </c>
      <c r="AK13" s="73">
        <v>110</v>
      </c>
      <c r="AL13" s="271"/>
      <c r="AM13" s="72">
        <v>106</v>
      </c>
      <c r="AN13" s="72">
        <v>64</v>
      </c>
      <c r="AO13" s="72">
        <v>66</v>
      </c>
      <c r="AP13" s="72">
        <v>46</v>
      </c>
      <c r="AQ13" s="72">
        <v>44</v>
      </c>
      <c r="AR13" s="73">
        <v>326</v>
      </c>
      <c r="AS13" s="74">
        <v>436</v>
      </c>
      <c r="AT13" s="71">
        <v>149</v>
      </c>
      <c r="AU13" s="72">
        <v>98</v>
      </c>
      <c r="AV13" s="73">
        <v>247</v>
      </c>
      <c r="AW13" s="271"/>
      <c r="AX13" s="72">
        <v>182</v>
      </c>
      <c r="AY13" s="72">
        <v>117</v>
      </c>
      <c r="AZ13" s="72">
        <v>58</v>
      </c>
      <c r="BA13" s="72">
        <v>70</v>
      </c>
      <c r="BB13" s="72">
        <v>37</v>
      </c>
      <c r="BC13" s="73">
        <v>464</v>
      </c>
      <c r="BD13" s="74">
        <v>711</v>
      </c>
      <c r="BE13" s="71">
        <v>203</v>
      </c>
      <c r="BF13" s="72">
        <v>133</v>
      </c>
      <c r="BG13" s="73">
        <v>336</v>
      </c>
      <c r="BH13" s="271"/>
      <c r="BI13" s="72">
        <v>254</v>
      </c>
      <c r="BJ13" s="72">
        <v>145</v>
      </c>
      <c r="BK13" s="72">
        <v>119</v>
      </c>
      <c r="BL13" s="72">
        <v>137</v>
      </c>
      <c r="BM13" s="72">
        <v>56</v>
      </c>
      <c r="BN13" s="73">
        <v>711</v>
      </c>
      <c r="BO13" s="74">
        <v>1047</v>
      </c>
      <c r="BP13" s="71">
        <v>128</v>
      </c>
      <c r="BQ13" s="72">
        <v>107</v>
      </c>
      <c r="BR13" s="73">
        <v>235</v>
      </c>
      <c r="BS13" s="271"/>
      <c r="BT13" s="72">
        <v>177</v>
      </c>
      <c r="BU13" s="72">
        <v>165</v>
      </c>
      <c r="BV13" s="72">
        <v>125</v>
      </c>
      <c r="BW13" s="72">
        <v>95</v>
      </c>
      <c r="BX13" s="72">
        <v>69</v>
      </c>
      <c r="BY13" s="73">
        <v>631</v>
      </c>
      <c r="BZ13" s="74">
        <v>866</v>
      </c>
      <c r="CA13" s="71">
        <v>6</v>
      </c>
      <c r="CB13" s="72">
        <v>17</v>
      </c>
      <c r="CC13" s="73">
        <v>23</v>
      </c>
      <c r="CD13" s="271"/>
      <c r="CE13" s="72">
        <v>21</v>
      </c>
      <c r="CF13" s="72">
        <v>23</v>
      </c>
      <c r="CG13" s="72">
        <v>10</v>
      </c>
      <c r="CH13" s="72">
        <v>13</v>
      </c>
      <c r="CI13" s="72">
        <v>9</v>
      </c>
      <c r="CJ13" s="73">
        <v>76</v>
      </c>
      <c r="CK13" s="74">
        <v>99</v>
      </c>
      <c r="CL13" s="71">
        <v>628</v>
      </c>
      <c r="CM13" s="72">
        <v>437</v>
      </c>
      <c r="CN13" s="73">
        <v>1065</v>
      </c>
      <c r="CO13" s="271"/>
      <c r="CP13" s="72">
        <v>817</v>
      </c>
      <c r="CQ13" s="72">
        <v>583</v>
      </c>
      <c r="CR13" s="72">
        <v>444</v>
      </c>
      <c r="CS13" s="72">
        <v>405</v>
      </c>
      <c r="CT13" s="72">
        <v>248</v>
      </c>
      <c r="CU13" s="73">
        <v>2497</v>
      </c>
      <c r="CV13" s="74">
        <v>3562</v>
      </c>
      <c r="CW13" s="127">
        <v>1291</v>
      </c>
      <c r="CX13" s="83">
        <v>1034</v>
      </c>
      <c r="CY13" s="84">
        <v>2325</v>
      </c>
      <c r="CZ13" s="271"/>
      <c r="DA13" s="83">
        <v>1587</v>
      </c>
      <c r="DB13" s="83">
        <v>1140</v>
      </c>
      <c r="DC13" s="83">
        <v>953</v>
      </c>
      <c r="DD13" s="83">
        <v>1017</v>
      </c>
      <c r="DE13" s="83">
        <v>734</v>
      </c>
      <c r="DF13" s="85">
        <v>5431</v>
      </c>
      <c r="DG13" s="86">
        <v>7756</v>
      </c>
      <c r="DH13" s="71">
        <v>22</v>
      </c>
      <c r="DI13" s="72">
        <v>14</v>
      </c>
      <c r="DJ13" s="73">
        <v>36</v>
      </c>
      <c r="DK13" s="271"/>
      <c r="DL13" s="72">
        <v>15</v>
      </c>
      <c r="DM13" s="72">
        <v>13</v>
      </c>
      <c r="DN13" s="72">
        <v>11</v>
      </c>
      <c r="DO13" s="72">
        <v>11</v>
      </c>
      <c r="DP13" s="72">
        <v>16</v>
      </c>
      <c r="DQ13" s="73">
        <v>66</v>
      </c>
      <c r="DR13" s="74">
        <v>102</v>
      </c>
      <c r="DS13" s="71">
        <v>88</v>
      </c>
      <c r="DT13" s="72">
        <v>61</v>
      </c>
      <c r="DU13" s="73">
        <v>149</v>
      </c>
      <c r="DV13" s="271"/>
      <c r="DW13" s="72">
        <v>69</v>
      </c>
      <c r="DX13" s="72">
        <v>36</v>
      </c>
      <c r="DY13" s="72">
        <v>27</v>
      </c>
      <c r="DZ13" s="72">
        <v>36</v>
      </c>
      <c r="EA13" s="72">
        <v>32</v>
      </c>
      <c r="EB13" s="73">
        <v>200</v>
      </c>
      <c r="EC13" s="74">
        <v>349</v>
      </c>
      <c r="ED13" s="71">
        <v>190</v>
      </c>
      <c r="EE13" s="72">
        <v>137</v>
      </c>
      <c r="EF13" s="73">
        <v>327</v>
      </c>
      <c r="EG13" s="271"/>
      <c r="EH13" s="72">
        <v>168</v>
      </c>
      <c r="EI13" s="72">
        <v>94</v>
      </c>
      <c r="EJ13" s="72">
        <v>58</v>
      </c>
      <c r="EK13" s="72">
        <v>57</v>
      </c>
      <c r="EL13" s="72">
        <v>63</v>
      </c>
      <c r="EM13" s="73">
        <v>440</v>
      </c>
      <c r="EN13" s="74">
        <v>767</v>
      </c>
      <c r="EO13" s="71">
        <v>357</v>
      </c>
      <c r="EP13" s="72">
        <v>251</v>
      </c>
      <c r="EQ13" s="73">
        <v>608</v>
      </c>
      <c r="ER13" s="271"/>
      <c r="ES13" s="72">
        <v>343</v>
      </c>
      <c r="ET13" s="72">
        <v>204</v>
      </c>
      <c r="EU13" s="72">
        <v>140</v>
      </c>
      <c r="EV13" s="72">
        <v>146</v>
      </c>
      <c r="EW13" s="72">
        <v>117</v>
      </c>
      <c r="EX13" s="73">
        <v>950</v>
      </c>
      <c r="EY13" s="74">
        <v>1558</v>
      </c>
      <c r="EZ13" s="71">
        <v>402</v>
      </c>
      <c r="FA13" s="72">
        <v>342</v>
      </c>
      <c r="FB13" s="73">
        <v>744</v>
      </c>
      <c r="FC13" s="271"/>
      <c r="FD13" s="72">
        <v>494</v>
      </c>
      <c r="FE13" s="72">
        <v>334</v>
      </c>
      <c r="FF13" s="72">
        <v>264</v>
      </c>
      <c r="FG13" s="72">
        <v>258</v>
      </c>
      <c r="FH13" s="72">
        <v>182</v>
      </c>
      <c r="FI13" s="73">
        <v>1532</v>
      </c>
      <c r="FJ13" s="74">
        <v>2276</v>
      </c>
      <c r="FK13" s="71">
        <v>232</v>
      </c>
      <c r="FL13" s="72">
        <v>229</v>
      </c>
      <c r="FM13" s="73">
        <v>461</v>
      </c>
      <c r="FN13" s="271"/>
      <c r="FO13" s="72">
        <v>498</v>
      </c>
      <c r="FP13" s="72">
        <v>459</v>
      </c>
      <c r="FQ13" s="72">
        <v>453</v>
      </c>
      <c r="FR13" s="72">
        <v>509</v>
      </c>
      <c r="FS13" s="72">
        <v>324</v>
      </c>
      <c r="FT13" s="73">
        <v>2243</v>
      </c>
      <c r="FU13" s="74">
        <v>2704</v>
      </c>
      <c r="FV13" s="71">
        <v>3</v>
      </c>
      <c r="FW13" s="72">
        <v>11</v>
      </c>
      <c r="FX13" s="73">
        <v>14</v>
      </c>
      <c r="FY13" s="271"/>
      <c r="FZ13" s="72">
        <v>10</v>
      </c>
      <c r="GA13" s="72">
        <v>17</v>
      </c>
      <c r="GB13" s="72">
        <v>10</v>
      </c>
      <c r="GC13" s="72">
        <v>14</v>
      </c>
      <c r="GD13" s="72">
        <v>10</v>
      </c>
      <c r="GE13" s="73">
        <v>61</v>
      </c>
      <c r="GF13" s="74">
        <v>75</v>
      </c>
      <c r="GG13" s="71">
        <v>1294</v>
      </c>
      <c r="GH13" s="72">
        <v>1045</v>
      </c>
      <c r="GI13" s="73">
        <v>2339</v>
      </c>
      <c r="GJ13" s="271"/>
      <c r="GK13" s="72">
        <v>1597</v>
      </c>
      <c r="GL13" s="72">
        <v>1157</v>
      </c>
      <c r="GM13" s="72">
        <v>963</v>
      </c>
      <c r="GN13" s="72">
        <v>1031</v>
      </c>
      <c r="GO13" s="72">
        <v>744</v>
      </c>
      <c r="GP13" s="73">
        <v>5492</v>
      </c>
      <c r="GQ13" s="74">
        <v>7831</v>
      </c>
      <c r="GR13" s="127">
        <v>1913</v>
      </c>
      <c r="GS13" s="83">
        <v>1454</v>
      </c>
      <c r="GT13" s="84">
        <v>3367</v>
      </c>
      <c r="GU13" s="271"/>
      <c r="GV13" s="83">
        <v>2383</v>
      </c>
      <c r="GW13" s="83">
        <v>1700</v>
      </c>
      <c r="GX13" s="83">
        <v>1387</v>
      </c>
      <c r="GY13" s="83">
        <v>1409</v>
      </c>
      <c r="GZ13" s="83">
        <v>973</v>
      </c>
      <c r="HA13" s="85">
        <v>7852</v>
      </c>
      <c r="HB13" s="86">
        <v>11219</v>
      </c>
      <c r="HC13" s="71">
        <v>44</v>
      </c>
      <c r="HD13" s="72">
        <v>23</v>
      </c>
      <c r="HE13" s="73">
        <v>67</v>
      </c>
      <c r="HF13" s="271"/>
      <c r="HG13" s="72">
        <v>35</v>
      </c>
      <c r="HH13" s="72">
        <v>39</v>
      </c>
      <c r="HI13" s="72">
        <v>28</v>
      </c>
      <c r="HJ13" s="72">
        <v>21</v>
      </c>
      <c r="HK13" s="72">
        <v>29</v>
      </c>
      <c r="HL13" s="73">
        <v>152</v>
      </c>
      <c r="HM13" s="74">
        <v>219</v>
      </c>
      <c r="HN13" s="71">
        <v>140</v>
      </c>
      <c r="HO13" s="72">
        <v>92</v>
      </c>
      <c r="HP13" s="73">
        <v>232</v>
      </c>
      <c r="HQ13" s="271"/>
      <c r="HR13" s="72">
        <v>126</v>
      </c>
      <c r="HS13" s="72">
        <v>79</v>
      </c>
      <c r="HT13" s="72">
        <v>76</v>
      </c>
      <c r="HU13" s="72">
        <v>70</v>
      </c>
      <c r="HV13" s="72">
        <v>52</v>
      </c>
      <c r="HW13" s="73">
        <v>403</v>
      </c>
      <c r="HX13" s="74">
        <v>635</v>
      </c>
      <c r="HY13" s="71">
        <v>258</v>
      </c>
      <c r="HZ13" s="72">
        <v>179</v>
      </c>
      <c r="IA13" s="73">
        <v>437</v>
      </c>
      <c r="IB13" s="271"/>
      <c r="IC13" s="72">
        <v>274</v>
      </c>
      <c r="ID13" s="72">
        <v>158</v>
      </c>
      <c r="IE13" s="72">
        <v>124</v>
      </c>
      <c r="IF13" s="72">
        <v>103</v>
      </c>
      <c r="IG13" s="72">
        <v>107</v>
      </c>
      <c r="IH13" s="73">
        <v>766</v>
      </c>
      <c r="II13" s="74">
        <v>1203</v>
      </c>
      <c r="IJ13" s="71">
        <v>506</v>
      </c>
      <c r="IK13" s="72">
        <v>349</v>
      </c>
      <c r="IL13" s="73">
        <v>855</v>
      </c>
      <c r="IM13" s="271"/>
      <c r="IN13" s="72">
        <v>525</v>
      </c>
      <c r="IO13" s="72">
        <v>321</v>
      </c>
      <c r="IP13" s="72">
        <v>198</v>
      </c>
      <c r="IQ13" s="72">
        <v>216</v>
      </c>
      <c r="IR13" s="72">
        <v>154</v>
      </c>
      <c r="IS13" s="73">
        <v>1414</v>
      </c>
      <c r="IT13" s="74">
        <v>2269</v>
      </c>
      <c r="IU13" s="71">
        <v>605</v>
      </c>
      <c r="IV13" s="72">
        <v>475</v>
      </c>
      <c r="IW13" s="73">
        <v>1080</v>
      </c>
      <c r="IX13" s="271"/>
      <c r="IY13" s="72">
        <v>748</v>
      </c>
      <c r="IZ13" s="72">
        <v>479</v>
      </c>
      <c r="JA13" s="72">
        <v>383</v>
      </c>
      <c r="JB13" s="72">
        <v>395</v>
      </c>
      <c r="JC13" s="72">
        <v>238</v>
      </c>
      <c r="JD13" s="73">
        <v>2243</v>
      </c>
      <c r="JE13" s="74">
        <v>3323</v>
      </c>
      <c r="JF13" s="71">
        <v>360</v>
      </c>
      <c r="JG13" s="72">
        <v>336</v>
      </c>
      <c r="JH13" s="73">
        <v>696</v>
      </c>
      <c r="JI13" s="271"/>
      <c r="JJ13" s="72">
        <v>675</v>
      </c>
      <c r="JK13" s="72">
        <v>624</v>
      </c>
      <c r="JL13" s="72">
        <v>578</v>
      </c>
      <c r="JM13" s="72">
        <v>604</v>
      </c>
      <c r="JN13" s="72">
        <v>393</v>
      </c>
      <c r="JO13" s="73">
        <v>2874</v>
      </c>
      <c r="JP13" s="74">
        <v>3570</v>
      </c>
      <c r="JQ13" s="71">
        <v>9</v>
      </c>
      <c r="JR13" s="72">
        <v>28</v>
      </c>
      <c r="JS13" s="73">
        <v>37</v>
      </c>
      <c r="JT13" s="271"/>
      <c r="JU13" s="72">
        <v>31</v>
      </c>
      <c r="JV13" s="72">
        <v>40</v>
      </c>
      <c r="JW13" s="72">
        <v>20</v>
      </c>
      <c r="JX13" s="72">
        <v>27</v>
      </c>
      <c r="JY13" s="72">
        <v>19</v>
      </c>
      <c r="JZ13" s="73">
        <v>137</v>
      </c>
      <c r="KA13" s="74">
        <v>174</v>
      </c>
      <c r="KB13" s="71">
        <v>1922</v>
      </c>
      <c r="KC13" s="72">
        <v>1482</v>
      </c>
      <c r="KD13" s="73">
        <v>3404</v>
      </c>
      <c r="KE13" s="271"/>
      <c r="KF13" s="72">
        <v>2414</v>
      </c>
      <c r="KG13" s="72">
        <v>1740</v>
      </c>
      <c r="KH13" s="72">
        <v>1407</v>
      </c>
      <c r="KI13" s="72">
        <v>1436</v>
      </c>
      <c r="KJ13" s="72">
        <v>992</v>
      </c>
      <c r="KK13" s="73">
        <v>7989</v>
      </c>
      <c r="KL13" s="74">
        <v>11393</v>
      </c>
    </row>
    <row r="14" spans="1:298" ht="19.5" customHeight="1" x14ac:dyDescent="0.2">
      <c r="A14" s="130" t="s">
        <v>10</v>
      </c>
      <c r="B14" s="353">
        <v>1417</v>
      </c>
      <c r="C14" s="83">
        <v>1047</v>
      </c>
      <c r="D14" s="84">
        <v>2464</v>
      </c>
      <c r="E14" s="271"/>
      <c r="F14" s="83">
        <v>1625</v>
      </c>
      <c r="G14" s="83">
        <v>969</v>
      </c>
      <c r="H14" s="83">
        <v>673</v>
      </c>
      <c r="I14" s="83">
        <v>568</v>
      </c>
      <c r="J14" s="83">
        <v>409</v>
      </c>
      <c r="K14" s="85">
        <v>4244</v>
      </c>
      <c r="L14" s="86">
        <v>6708</v>
      </c>
      <c r="M14" s="71">
        <v>61</v>
      </c>
      <c r="N14" s="72">
        <v>61</v>
      </c>
      <c r="O14" s="73">
        <v>122</v>
      </c>
      <c r="P14" s="271"/>
      <c r="Q14" s="72">
        <v>83</v>
      </c>
      <c r="R14" s="72">
        <v>61</v>
      </c>
      <c r="S14" s="72">
        <v>28</v>
      </c>
      <c r="T14" s="72">
        <v>24</v>
      </c>
      <c r="U14" s="72">
        <v>33</v>
      </c>
      <c r="V14" s="73">
        <v>229</v>
      </c>
      <c r="W14" s="74">
        <v>351</v>
      </c>
      <c r="X14" s="71">
        <v>152</v>
      </c>
      <c r="Y14" s="72">
        <v>128</v>
      </c>
      <c r="Z14" s="73">
        <v>280</v>
      </c>
      <c r="AA14" s="271"/>
      <c r="AB14" s="72">
        <v>175</v>
      </c>
      <c r="AC14" s="72">
        <v>120</v>
      </c>
      <c r="AD14" s="72">
        <v>78</v>
      </c>
      <c r="AE14" s="72">
        <v>71</v>
      </c>
      <c r="AF14" s="72">
        <v>58</v>
      </c>
      <c r="AG14" s="73">
        <v>502</v>
      </c>
      <c r="AH14" s="74">
        <v>782</v>
      </c>
      <c r="AI14" s="71">
        <v>197</v>
      </c>
      <c r="AJ14" s="72">
        <v>173</v>
      </c>
      <c r="AK14" s="73">
        <v>370</v>
      </c>
      <c r="AL14" s="271"/>
      <c r="AM14" s="72">
        <v>247</v>
      </c>
      <c r="AN14" s="72">
        <v>178</v>
      </c>
      <c r="AO14" s="72">
        <v>106</v>
      </c>
      <c r="AP14" s="72">
        <v>87</v>
      </c>
      <c r="AQ14" s="72">
        <v>62</v>
      </c>
      <c r="AR14" s="73">
        <v>680</v>
      </c>
      <c r="AS14" s="74">
        <v>1050</v>
      </c>
      <c r="AT14" s="71">
        <v>361</v>
      </c>
      <c r="AU14" s="72">
        <v>256</v>
      </c>
      <c r="AV14" s="73">
        <v>617</v>
      </c>
      <c r="AW14" s="271"/>
      <c r="AX14" s="72">
        <v>386</v>
      </c>
      <c r="AY14" s="72">
        <v>210</v>
      </c>
      <c r="AZ14" s="72">
        <v>158</v>
      </c>
      <c r="BA14" s="72">
        <v>119</v>
      </c>
      <c r="BB14" s="72">
        <v>86</v>
      </c>
      <c r="BC14" s="73">
        <v>959</v>
      </c>
      <c r="BD14" s="74">
        <v>1576</v>
      </c>
      <c r="BE14" s="71">
        <v>400</v>
      </c>
      <c r="BF14" s="72">
        <v>253</v>
      </c>
      <c r="BG14" s="73">
        <v>653</v>
      </c>
      <c r="BH14" s="271"/>
      <c r="BI14" s="72">
        <v>422</v>
      </c>
      <c r="BJ14" s="72">
        <v>214</v>
      </c>
      <c r="BK14" s="72">
        <v>170</v>
      </c>
      <c r="BL14" s="72">
        <v>144</v>
      </c>
      <c r="BM14" s="72">
        <v>101</v>
      </c>
      <c r="BN14" s="73">
        <v>1051</v>
      </c>
      <c r="BO14" s="74">
        <v>1704</v>
      </c>
      <c r="BP14" s="71">
        <v>246</v>
      </c>
      <c r="BQ14" s="72">
        <v>176</v>
      </c>
      <c r="BR14" s="73">
        <v>422</v>
      </c>
      <c r="BS14" s="271"/>
      <c r="BT14" s="72">
        <v>312</v>
      </c>
      <c r="BU14" s="72">
        <v>186</v>
      </c>
      <c r="BV14" s="72">
        <v>133</v>
      </c>
      <c r="BW14" s="72">
        <v>123</v>
      </c>
      <c r="BX14" s="72">
        <v>69</v>
      </c>
      <c r="BY14" s="73">
        <v>823</v>
      </c>
      <c r="BZ14" s="74">
        <v>1245</v>
      </c>
      <c r="CA14" s="71">
        <v>36</v>
      </c>
      <c r="CB14" s="72">
        <v>35</v>
      </c>
      <c r="CC14" s="73">
        <v>71</v>
      </c>
      <c r="CD14" s="271"/>
      <c r="CE14" s="72">
        <v>55</v>
      </c>
      <c r="CF14" s="72">
        <v>49</v>
      </c>
      <c r="CG14" s="72">
        <v>37</v>
      </c>
      <c r="CH14" s="72">
        <v>21</v>
      </c>
      <c r="CI14" s="72">
        <v>30</v>
      </c>
      <c r="CJ14" s="73">
        <v>192</v>
      </c>
      <c r="CK14" s="74">
        <v>263</v>
      </c>
      <c r="CL14" s="71">
        <v>1453</v>
      </c>
      <c r="CM14" s="72">
        <v>1082</v>
      </c>
      <c r="CN14" s="73">
        <v>2535</v>
      </c>
      <c r="CO14" s="271"/>
      <c r="CP14" s="72">
        <v>1680</v>
      </c>
      <c r="CQ14" s="72">
        <v>1018</v>
      </c>
      <c r="CR14" s="72">
        <v>710</v>
      </c>
      <c r="CS14" s="72">
        <v>589</v>
      </c>
      <c r="CT14" s="72">
        <v>439</v>
      </c>
      <c r="CU14" s="73">
        <v>4436</v>
      </c>
      <c r="CV14" s="74">
        <v>6971</v>
      </c>
      <c r="CW14" s="127">
        <v>2944</v>
      </c>
      <c r="CX14" s="83">
        <v>2157</v>
      </c>
      <c r="CY14" s="84">
        <v>5101</v>
      </c>
      <c r="CZ14" s="271"/>
      <c r="DA14" s="83">
        <v>3038</v>
      </c>
      <c r="DB14" s="83">
        <v>1716</v>
      </c>
      <c r="DC14" s="83">
        <v>1386</v>
      </c>
      <c r="DD14" s="83">
        <v>1366</v>
      </c>
      <c r="DE14" s="83">
        <v>1176</v>
      </c>
      <c r="DF14" s="85">
        <v>8682</v>
      </c>
      <c r="DG14" s="86">
        <v>13783</v>
      </c>
      <c r="DH14" s="71">
        <v>61</v>
      </c>
      <c r="DI14" s="72">
        <v>61</v>
      </c>
      <c r="DJ14" s="73">
        <v>122</v>
      </c>
      <c r="DK14" s="271"/>
      <c r="DL14" s="72">
        <v>68</v>
      </c>
      <c r="DM14" s="72">
        <v>35</v>
      </c>
      <c r="DN14" s="72">
        <v>19</v>
      </c>
      <c r="DO14" s="72">
        <v>16</v>
      </c>
      <c r="DP14" s="72">
        <v>23</v>
      </c>
      <c r="DQ14" s="73">
        <v>161</v>
      </c>
      <c r="DR14" s="74">
        <v>283</v>
      </c>
      <c r="DS14" s="71">
        <v>240</v>
      </c>
      <c r="DT14" s="72">
        <v>163</v>
      </c>
      <c r="DU14" s="73">
        <v>403</v>
      </c>
      <c r="DV14" s="271"/>
      <c r="DW14" s="72">
        <v>202</v>
      </c>
      <c r="DX14" s="72">
        <v>97</v>
      </c>
      <c r="DY14" s="72">
        <v>60</v>
      </c>
      <c r="DZ14" s="72">
        <v>55</v>
      </c>
      <c r="EA14" s="72">
        <v>66</v>
      </c>
      <c r="EB14" s="73">
        <v>480</v>
      </c>
      <c r="EC14" s="74">
        <v>883</v>
      </c>
      <c r="ED14" s="71">
        <v>457</v>
      </c>
      <c r="EE14" s="72">
        <v>307</v>
      </c>
      <c r="EF14" s="73">
        <v>764</v>
      </c>
      <c r="EG14" s="271"/>
      <c r="EH14" s="72">
        <v>367</v>
      </c>
      <c r="EI14" s="72">
        <v>166</v>
      </c>
      <c r="EJ14" s="72">
        <v>113</v>
      </c>
      <c r="EK14" s="72">
        <v>126</v>
      </c>
      <c r="EL14" s="72">
        <v>101</v>
      </c>
      <c r="EM14" s="73">
        <v>873</v>
      </c>
      <c r="EN14" s="74">
        <v>1637</v>
      </c>
      <c r="EO14" s="71">
        <v>823</v>
      </c>
      <c r="EP14" s="72">
        <v>518</v>
      </c>
      <c r="EQ14" s="73">
        <v>1341</v>
      </c>
      <c r="ER14" s="271"/>
      <c r="ES14" s="72">
        <v>648</v>
      </c>
      <c r="ET14" s="72">
        <v>336</v>
      </c>
      <c r="EU14" s="72">
        <v>234</v>
      </c>
      <c r="EV14" s="72">
        <v>213</v>
      </c>
      <c r="EW14" s="72">
        <v>216</v>
      </c>
      <c r="EX14" s="73">
        <v>1647</v>
      </c>
      <c r="EY14" s="74">
        <v>2988</v>
      </c>
      <c r="EZ14" s="71">
        <v>904</v>
      </c>
      <c r="FA14" s="72">
        <v>608</v>
      </c>
      <c r="FB14" s="73">
        <v>1512</v>
      </c>
      <c r="FC14" s="271"/>
      <c r="FD14" s="72">
        <v>910</v>
      </c>
      <c r="FE14" s="72">
        <v>479</v>
      </c>
      <c r="FF14" s="72">
        <v>388</v>
      </c>
      <c r="FG14" s="72">
        <v>336</v>
      </c>
      <c r="FH14" s="72">
        <v>311</v>
      </c>
      <c r="FI14" s="73">
        <v>2424</v>
      </c>
      <c r="FJ14" s="74">
        <v>3936</v>
      </c>
      <c r="FK14" s="71">
        <v>459</v>
      </c>
      <c r="FL14" s="72">
        <v>500</v>
      </c>
      <c r="FM14" s="73">
        <v>959</v>
      </c>
      <c r="FN14" s="271"/>
      <c r="FO14" s="72">
        <v>843</v>
      </c>
      <c r="FP14" s="72">
        <v>603</v>
      </c>
      <c r="FQ14" s="72">
        <v>572</v>
      </c>
      <c r="FR14" s="72">
        <v>620</v>
      </c>
      <c r="FS14" s="72">
        <v>459</v>
      </c>
      <c r="FT14" s="73">
        <v>3097</v>
      </c>
      <c r="FU14" s="74">
        <v>4056</v>
      </c>
      <c r="FV14" s="71">
        <v>26</v>
      </c>
      <c r="FW14" s="72">
        <v>43</v>
      </c>
      <c r="FX14" s="73">
        <v>69</v>
      </c>
      <c r="FY14" s="271"/>
      <c r="FZ14" s="72">
        <v>55</v>
      </c>
      <c r="GA14" s="72">
        <v>30</v>
      </c>
      <c r="GB14" s="72">
        <v>25</v>
      </c>
      <c r="GC14" s="72">
        <v>17</v>
      </c>
      <c r="GD14" s="72">
        <v>35</v>
      </c>
      <c r="GE14" s="73">
        <v>162</v>
      </c>
      <c r="GF14" s="74">
        <v>231</v>
      </c>
      <c r="GG14" s="71">
        <v>2970</v>
      </c>
      <c r="GH14" s="72">
        <v>2200</v>
      </c>
      <c r="GI14" s="73">
        <v>5170</v>
      </c>
      <c r="GJ14" s="271"/>
      <c r="GK14" s="72">
        <v>3093</v>
      </c>
      <c r="GL14" s="72">
        <v>1746</v>
      </c>
      <c r="GM14" s="72">
        <v>1411</v>
      </c>
      <c r="GN14" s="72">
        <v>1383</v>
      </c>
      <c r="GO14" s="72">
        <v>1211</v>
      </c>
      <c r="GP14" s="73">
        <v>8844</v>
      </c>
      <c r="GQ14" s="74">
        <v>14014</v>
      </c>
      <c r="GR14" s="127">
        <v>4361</v>
      </c>
      <c r="GS14" s="83">
        <v>3204</v>
      </c>
      <c r="GT14" s="84">
        <v>7565</v>
      </c>
      <c r="GU14" s="271"/>
      <c r="GV14" s="83">
        <v>4663</v>
      </c>
      <c r="GW14" s="83">
        <v>2685</v>
      </c>
      <c r="GX14" s="83">
        <v>2059</v>
      </c>
      <c r="GY14" s="83">
        <v>1934</v>
      </c>
      <c r="GZ14" s="83">
        <v>1585</v>
      </c>
      <c r="HA14" s="85">
        <v>12926</v>
      </c>
      <c r="HB14" s="86">
        <v>20491</v>
      </c>
      <c r="HC14" s="71">
        <v>122</v>
      </c>
      <c r="HD14" s="72">
        <v>122</v>
      </c>
      <c r="HE14" s="73">
        <v>244</v>
      </c>
      <c r="HF14" s="271"/>
      <c r="HG14" s="72">
        <v>151</v>
      </c>
      <c r="HH14" s="72">
        <v>96</v>
      </c>
      <c r="HI14" s="72">
        <v>47</v>
      </c>
      <c r="HJ14" s="72">
        <v>40</v>
      </c>
      <c r="HK14" s="72">
        <v>56</v>
      </c>
      <c r="HL14" s="73">
        <v>390</v>
      </c>
      <c r="HM14" s="74">
        <v>634</v>
      </c>
      <c r="HN14" s="71">
        <v>392</v>
      </c>
      <c r="HO14" s="72">
        <v>291</v>
      </c>
      <c r="HP14" s="73">
        <v>683</v>
      </c>
      <c r="HQ14" s="271"/>
      <c r="HR14" s="72">
        <v>377</v>
      </c>
      <c r="HS14" s="72">
        <v>217</v>
      </c>
      <c r="HT14" s="72">
        <v>138</v>
      </c>
      <c r="HU14" s="72">
        <v>126</v>
      </c>
      <c r="HV14" s="72">
        <v>124</v>
      </c>
      <c r="HW14" s="73">
        <v>982</v>
      </c>
      <c r="HX14" s="74">
        <v>1665</v>
      </c>
      <c r="HY14" s="71">
        <v>654</v>
      </c>
      <c r="HZ14" s="72">
        <v>480</v>
      </c>
      <c r="IA14" s="73">
        <v>1134</v>
      </c>
      <c r="IB14" s="271"/>
      <c r="IC14" s="72">
        <v>614</v>
      </c>
      <c r="ID14" s="72">
        <v>344</v>
      </c>
      <c r="IE14" s="72">
        <v>219</v>
      </c>
      <c r="IF14" s="72">
        <v>213</v>
      </c>
      <c r="IG14" s="72">
        <v>163</v>
      </c>
      <c r="IH14" s="73">
        <v>1553</v>
      </c>
      <c r="II14" s="74">
        <v>2687</v>
      </c>
      <c r="IJ14" s="71">
        <v>1184</v>
      </c>
      <c r="IK14" s="72">
        <v>774</v>
      </c>
      <c r="IL14" s="73">
        <v>1958</v>
      </c>
      <c r="IM14" s="271"/>
      <c r="IN14" s="72">
        <v>1034</v>
      </c>
      <c r="IO14" s="72">
        <v>546</v>
      </c>
      <c r="IP14" s="72">
        <v>392</v>
      </c>
      <c r="IQ14" s="72">
        <v>332</v>
      </c>
      <c r="IR14" s="72">
        <v>302</v>
      </c>
      <c r="IS14" s="73">
        <v>2606</v>
      </c>
      <c r="IT14" s="74">
        <v>4564</v>
      </c>
      <c r="IU14" s="71">
        <v>1304</v>
      </c>
      <c r="IV14" s="72">
        <v>861</v>
      </c>
      <c r="IW14" s="73">
        <v>2165</v>
      </c>
      <c r="IX14" s="271"/>
      <c r="IY14" s="72">
        <v>1332</v>
      </c>
      <c r="IZ14" s="72">
        <v>693</v>
      </c>
      <c r="JA14" s="72">
        <v>558</v>
      </c>
      <c r="JB14" s="72">
        <v>480</v>
      </c>
      <c r="JC14" s="72">
        <v>412</v>
      </c>
      <c r="JD14" s="73">
        <v>3475</v>
      </c>
      <c r="JE14" s="74">
        <v>5640</v>
      </c>
      <c r="JF14" s="71">
        <v>705</v>
      </c>
      <c r="JG14" s="72">
        <v>676</v>
      </c>
      <c r="JH14" s="73">
        <v>1381</v>
      </c>
      <c r="JI14" s="271"/>
      <c r="JJ14" s="72">
        <v>1155</v>
      </c>
      <c r="JK14" s="72">
        <v>789</v>
      </c>
      <c r="JL14" s="72">
        <v>705</v>
      </c>
      <c r="JM14" s="72">
        <v>743</v>
      </c>
      <c r="JN14" s="72">
        <v>528</v>
      </c>
      <c r="JO14" s="73">
        <v>3920</v>
      </c>
      <c r="JP14" s="74">
        <v>5301</v>
      </c>
      <c r="JQ14" s="71">
        <v>62</v>
      </c>
      <c r="JR14" s="72">
        <v>78</v>
      </c>
      <c r="JS14" s="73">
        <v>140</v>
      </c>
      <c r="JT14" s="271"/>
      <c r="JU14" s="72">
        <v>110</v>
      </c>
      <c r="JV14" s="72">
        <v>79</v>
      </c>
      <c r="JW14" s="72">
        <v>62</v>
      </c>
      <c r="JX14" s="72">
        <v>38</v>
      </c>
      <c r="JY14" s="72">
        <v>65</v>
      </c>
      <c r="JZ14" s="73">
        <v>354</v>
      </c>
      <c r="KA14" s="74">
        <v>494</v>
      </c>
      <c r="KB14" s="71">
        <v>4423</v>
      </c>
      <c r="KC14" s="72">
        <v>3282</v>
      </c>
      <c r="KD14" s="73">
        <v>7705</v>
      </c>
      <c r="KE14" s="271"/>
      <c r="KF14" s="72">
        <v>4773</v>
      </c>
      <c r="KG14" s="72">
        <v>2764</v>
      </c>
      <c r="KH14" s="72">
        <v>2121</v>
      </c>
      <c r="KI14" s="72">
        <v>1972</v>
      </c>
      <c r="KJ14" s="72">
        <v>1650</v>
      </c>
      <c r="KK14" s="73">
        <v>13280</v>
      </c>
      <c r="KL14" s="74">
        <v>20985</v>
      </c>
    </row>
    <row r="15" spans="1:298" ht="19.5" customHeight="1" x14ac:dyDescent="0.2">
      <c r="A15" s="130" t="s">
        <v>11</v>
      </c>
      <c r="B15" s="353">
        <v>435</v>
      </c>
      <c r="C15" s="83">
        <v>342</v>
      </c>
      <c r="D15" s="84">
        <v>777</v>
      </c>
      <c r="E15" s="271"/>
      <c r="F15" s="83">
        <v>896</v>
      </c>
      <c r="G15" s="83">
        <v>514</v>
      </c>
      <c r="H15" s="83">
        <v>438</v>
      </c>
      <c r="I15" s="83">
        <v>378</v>
      </c>
      <c r="J15" s="83">
        <v>210</v>
      </c>
      <c r="K15" s="85">
        <v>2436</v>
      </c>
      <c r="L15" s="86">
        <v>3213</v>
      </c>
      <c r="M15" s="71">
        <v>21</v>
      </c>
      <c r="N15" s="72">
        <v>9</v>
      </c>
      <c r="O15" s="73">
        <v>30</v>
      </c>
      <c r="P15" s="271"/>
      <c r="Q15" s="72">
        <v>57</v>
      </c>
      <c r="R15" s="72">
        <v>20</v>
      </c>
      <c r="S15" s="72">
        <v>22</v>
      </c>
      <c r="T15" s="72">
        <v>20</v>
      </c>
      <c r="U15" s="72">
        <v>12</v>
      </c>
      <c r="V15" s="73">
        <v>131</v>
      </c>
      <c r="W15" s="74">
        <v>161</v>
      </c>
      <c r="X15" s="71">
        <v>49</v>
      </c>
      <c r="Y15" s="72">
        <v>56</v>
      </c>
      <c r="Z15" s="73">
        <v>105</v>
      </c>
      <c r="AA15" s="271"/>
      <c r="AB15" s="72">
        <v>115</v>
      </c>
      <c r="AC15" s="72">
        <v>63</v>
      </c>
      <c r="AD15" s="72">
        <v>48</v>
      </c>
      <c r="AE15" s="72">
        <v>40</v>
      </c>
      <c r="AF15" s="72">
        <v>31</v>
      </c>
      <c r="AG15" s="73">
        <v>297</v>
      </c>
      <c r="AH15" s="74">
        <v>402</v>
      </c>
      <c r="AI15" s="71">
        <v>66</v>
      </c>
      <c r="AJ15" s="72">
        <v>69</v>
      </c>
      <c r="AK15" s="73">
        <v>135</v>
      </c>
      <c r="AL15" s="271"/>
      <c r="AM15" s="72">
        <v>145</v>
      </c>
      <c r="AN15" s="72">
        <v>90</v>
      </c>
      <c r="AO15" s="72">
        <v>80</v>
      </c>
      <c r="AP15" s="72">
        <v>68</v>
      </c>
      <c r="AQ15" s="72">
        <v>45</v>
      </c>
      <c r="AR15" s="73">
        <v>428</v>
      </c>
      <c r="AS15" s="74">
        <v>563</v>
      </c>
      <c r="AT15" s="71">
        <v>101</v>
      </c>
      <c r="AU15" s="72">
        <v>64</v>
      </c>
      <c r="AV15" s="73">
        <v>165</v>
      </c>
      <c r="AW15" s="271"/>
      <c r="AX15" s="72">
        <v>210</v>
      </c>
      <c r="AY15" s="72">
        <v>120</v>
      </c>
      <c r="AZ15" s="72">
        <v>95</v>
      </c>
      <c r="BA15" s="72">
        <v>84</v>
      </c>
      <c r="BB15" s="72">
        <v>43</v>
      </c>
      <c r="BC15" s="73">
        <v>552</v>
      </c>
      <c r="BD15" s="74">
        <v>717</v>
      </c>
      <c r="BE15" s="71">
        <v>124</v>
      </c>
      <c r="BF15" s="72">
        <v>91</v>
      </c>
      <c r="BG15" s="73">
        <v>215</v>
      </c>
      <c r="BH15" s="271"/>
      <c r="BI15" s="72">
        <v>208</v>
      </c>
      <c r="BJ15" s="72">
        <v>126</v>
      </c>
      <c r="BK15" s="72">
        <v>100</v>
      </c>
      <c r="BL15" s="72">
        <v>86</v>
      </c>
      <c r="BM15" s="72">
        <v>40</v>
      </c>
      <c r="BN15" s="73">
        <v>560</v>
      </c>
      <c r="BO15" s="74">
        <v>775</v>
      </c>
      <c r="BP15" s="71">
        <v>74</v>
      </c>
      <c r="BQ15" s="72">
        <v>53</v>
      </c>
      <c r="BR15" s="73">
        <v>127</v>
      </c>
      <c r="BS15" s="271"/>
      <c r="BT15" s="72">
        <v>161</v>
      </c>
      <c r="BU15" s="72">
        <v>95</v>
      </c>
      <c r="BV15" s="72">
        <v>93</v>
      </c>
      <c r="BW15" s="72">
        <v>80</v>
      </c>
      <c r="BX15" s="72">
        <v>39</v>
      </c>
      <c r="BY15" s="73">
        <v>468</v>
      </c>
      <c r="BZ15" s="74">
        <v>595</v>
      </c>
      <c r="CA15" s="71">
        <v>5</v>
      </c>
      <c r="CB15" s="72">
        <v>7</v>
      </c>
      <c r="CC15" s="73">
        <v>12</v>
      </c>
      <c r="CD15" s="271"/>
      <c r="CE15" s="72">
        <v>25</v>
      </c>
      <c r="CF15" s="72">
        <v>18</v>
      </c>
      <c r="CG15" s="72">
        <v>14</v>
      </c>
      <c r="CH15" s="72">
        <v>7</v>
      </c>
      <c r="CI15" s="72">
        <v>10</v>
      </c>
      <c r="CJ15" s="73">
        <v>74</v>
      </c>
      <c r="CK15" s="74">
        <v>86</v>
      </c>
      <c r="CL15" s="71">
        <v>440</v>
      </c>
      <c r="CM15" s="72">
        <v>349</v>
      </c>
      <c r="CN15" s="73">
        <v>789</v>
      </c>
      <c r="CO15" s="271"/>
      <c r="CP15" s="72">
        <v>921</v>
      </c>
      <c r="CQ15" s="72">
        <v>532</v>
      </c>
      <c r="CR15" s="72">
        <v>452</v>
      </c>
      <c r="CS15" s="72">
        <v>385</v>
      </c>
      <c r="CT15" s="72">
        <v>220</v>
      </c>
      <c r="CU15" s="73">
        <v>2510</v>
      </c>
      <c r="CV15" s="74">
        <v>3299</v>
      </c>
      <c r="CW15" s="127">
        <v>975</v>
      </c>
      <c r="CX15" s="83">
        <v>768</v>
      </c>
      <c r="CY15" s="84">
        <v>1743</v>
      </c>
      <c r="CZ15" s="271"/>
      <c r="DA15" s="83">
        <v>1805</v>
      </c>
      <c r="DB15" s="83">
        <v>1013</v>
      </c>
      <c r="DC15" s="83">
        <v>866</v>
      </c>
      <c r="DD15" s="83">
        <v>886</v>
      </c>
      <c r="DE15" s="83">
        <v>510</v>
      </c>
      <c r="DF15" s="85">
        <v>5080</v>
      </c>
      <c r="DG15" s="86">
        <v>6823</v>
      </c>
      <c r="DH15" s="71">
        <v>35</v>
      </c>
      <c r="DI15" s="72">
        <v>25</v>
      </c>
      <c r="DJ15" s="73">
        <v>60</v>
      </c>
      <c r="DK15" s="271"/>
      <c r="DL15" s="72">
        <v>40</v>
      </c>
      <c r="DM15" s="72">
        <v>22</v>
      </c>
      <c r="DN15" s="72">
        <v>18</v>
      </c>
      <c r="DO15" s="72">
        <v>9</v>
      </c>
      <c r="DP15" s="72">
        <v>12</v>
      </c>
      <c r="DQ15" s="73">
        <v>101</v>
      </c>
      <c r="DR15" s="74">
        <v>161</v>
      </c>
      <c r="DS15" s="71">
        <v>79</v>
      </c>
      <c r="DT15" s="72">
        <v>58</v>
      </c>
      <c r="DU15" s="73">
        <v>137</v>
      </c>
      <c r="DV15" s="271"/>
      <c r="DW15" s="72">
        <v>103</v>
      </c>
      <c r="DX15" s="72">
        <v>60</v>
      </c>
      <c r="DY15" s="72">
        <v>59</v>
      </c>
      <c r="DZ15" s="72">
        <v>40</v>
      </c>
      <c r="EA15" s="72">
        <v>28</v>
      </c>
      <c r="EB15" s="73">
        <v>290</v>
      </c>
      <c r="EC15" s="74">
        <v>427</v>
      </c>
      <c r="ED15" s="71">
        <v>124</v>
      </c>
      <c r="EE15" s="72">
        <v>107</v>
      </c>
      <c r="EF15" s="73">
        <v>231</v>
      </c>
      <c r="EG15" s="271"/>
      <c r="EH15" s="72">
        <v>208</v>
      </c>
      <c r="EI15" s="72">
        <v>115</v>
      </c>
      <c r="EJ15" s="72">
        <v>89</v>
      </c>
      <c r="EK15" s="72">
        <v>80</v>
      </c>
      <c r="EL15" s="72">
        <v>39</v>
      </c>
      <c r="EM15" s="73">
        <v>531</v>
      </c>
      <c r="EN15" s="74">
        <v>762</v>
      </c>
      <c r="EO15" s="71">
        <v>310</v>
      </c>
      <c r="EP15" s="72">
        <v>208</v>
      </c>
      <c r="EQ15" s="73">
        <v>518</v>
      </c>
      <c r="ER15" s="271"/>
      <c r="ES15" s="72">
        <v>404</v>
      </c>
      <c r="ET15" s="72">
        <v>192</v>
      </c>
      <c r="EU15" s="72">
        <v>142</v>
      </c>
      <c r="EV15" s="72">
        <v>131</v>
      </c>
      <c r="EW15" s="72">
        <v>86</v>
      </c>
      <c r="EX15" s="73">
        <v>955</v>
      </c>
      <c r="EY15" s="74">
        <v>1473</v>
      </c>
      <c r="EZ15" s="71">
        <v>280</v>
      </c>
      <c r="FA15" s="72">
        <v>213</v>
      </c>
      <c r="FB15" s="73">
        <v>493</v>
      </c>
      <c r="FC15" s="271"/>
      <c r="FD15" s="72">
        <v>564</v>
      </c>
      <c r="FE15" s="72">
        <v>281</v>
      </c>
      <c r="FF15" s="72">
        <v>252</v>
      </c>
      <c r="FG15" s="72">
        <v>241</v>
      </c>
      <c r="FH15" s="72">
        <v>152</v>
      </c>
      <c r="FI15" s="73">
        <v>1490</v>
      </c>
      <c r="FJ15" s="74">
        <v>1983</v>
      </c>
      <c r="FK15" s="71">
        <v>147</v>
      </c>
      <c r="FL15" s="72">
        <v>157</v>
      </c>
      <c r="FM15" s="73">
        <v>304</v>
      </c>
      <c r="FN15" s="271"/>
      <c r="FO15" s="72">
        <v>486</v>
      </c>
      <c r="FP15" s="72">
        <v>343</v>
      </c>
      <c r="FQ15" s="72">
        <v>306</v>
      </c>
      <c r="FR15" s="72">
        <v>385</v>
      </c>
      <c r="FS15" s="72">
        <v>193</v>
      </c>
      <c r="FT15" s="73">
        <v>1713</v>
      </c>
      <c r="FU15" s="74">
        <v>2017</v>
      </c>
      <c r="FV15" s="71">
        <v>10</v>
      </c>
      <c r="FW15" s="72">
        <v>11</v>
      </c>
      <c r="FX15" s="73">
        <v>21</v>
      </c>
      <c r="FY15" s="271"/>
      <c r="FZ15" s="72">
        <v>27</v>
      </c>
      <c r="GA15" s="72">
        <v>15</v>
      </c>
      <c r="GB15" s="72">
        <v>8</v>
      </c>
      <c r="GC15" s="72">
        <v>13</v>
      </c>
      <c r="GD15" s="72">
        <v>9</v>
      </c>
      <c r="GE15" s="73">
        <v>72</v>
      </c>
      <c r="GF15" s="74">
        <v>93</v>
      </c>
      <c r="GG15" s="71">
        <v>985</v>
      </c>
      <c r="GH15" s="72">
        <v>779</v>
      </c>
      <c r="GI15" s="73">
        <v>1764</v>
      </c>
      <c r="GJ15" s="271"/>
      <c r="GK15" s="72">
        <v>1832</v>
      </c>
      <c r="GL15" s="72">
        <v>1028</v>
      </c>
      <c r="GM15" s="72">
        <v>874</v>
      </c>
      <c r="GN15" s="72">
        <v>899</v>
      </c>
      <c r="GO15" s="72">
        <v>519</v>
      </c>
      <c r="GP15" s="73">
        <v>5152</v>
      </c>
      <c r="GQ15" s="74">
        <v>6916</v>
      </c>
      <c r="GR15" s="127">
        <v>1410</v>
      </c>
      <c r="GS15" s="83">
        <v>1110</v>
      </c>
      <c r="GT15" s="84">
        <v>2520</v>
      </c>
      <c r="GU15" s="271"/>
      <c r="GV15" s="83">
        <v>2701</v>
      </c>
      <c r="GW15" s="83">
        <v>1527</v>
      </c>
      <c r="GX15" s="83">
        <v>1304</v>
      </c>
      <c r="GY15" s="83">
        <v>1264</v>
      </c>
      <c r="GZ15" s="83">
        <v>720</v>
      </c>
      <c r="HA15" s="85">
        <v>7516</v>
      </c>
      <c r="HB15" s="86">
        <v>10036</v>
      </c>
      <c r="HC15" s="71">
        <v>56</v>
      </c>
      <c r="HD15" s="72">
        <v>34</v>
      </c>
      <c r="HE15" s="73">
        <v>90</v>
      </c>
      <c r="HF15" s="271"/>
      <c r="HG15" s="72">
        <v>97</v>
      </c>
      <c r="HH15" s="72">
        <v>42</v>
      </c>
      <c r="HI15" s="72">
        <v>40</v>
      </c>
      <c r="HJ15" s="72">
        <v>29</v>
      </c>
      <c r="HK15" s="72">
        <v>24</v>
      </c>
      <c r="HL15" s="73">
        <v>232</v>
      </c>
      <c r="HM15" s="74">
        <v>322</v>
      </c>
      <c r="HN15" s="71">
        <v>128</v>
      </c>
      <c r="HO15" s="72">
        <v>114</v>
      </c>
      <c r="HP15" s="73">
        <v>242</v>
      </c>
      <c r="HQ15" s="271"/>
      <c r="HR15" s="72">
        <v>218</v>
      </c>
      <c r="HS15" s="72">
        <v>123</v>
      </c>
      <c r="HT15" s="72">
        <v>107</v>
      </c>
      <c r="HU15" s="72">
        <v>80</v>
      </c>
      <c r="HV15" s="72">
        <v>59</v>
      </c>
      <c r="HW15" s="73">
        <v>587</v>
      </c>
      <c r="HX15" s="74">
        <v>829</v>
      </c>
      <c r="HY15" s="71">
        <v>190</v>
      </c>
      <c r="HZ15" s="72">
        <v>176</v>
      </c>
      <c r="IA15" s="73">
        <v>366</v>
      </c>
      <c r="IB15" s="271"/>
      <c r="IC15" s="72">
        <v>353</v>
      </c>
      <c r="ID15" s="72">
        <v>205</v>
      </c>
      <c r="IE15" s="72">
        <v>169</v>
      </c>
      <c r="IF15" s="72">
        <v>148</v>
      </c>
      <c r="IG15" s="72">
        <v>84</v>
      </c>
      <c r="IH15" s="73">
        <v>959</v>
      </c>
      <c r="II15" s="74">
        <v>1325</v>
      </c>
      <c r="IJ15" s="71">
        <v>411</v>
      </c>
      <c r="IK15" s="72">
        <v>272</v>
      </c>
      <c r="IL15" s="73">
        <v>683</v>
      </c>
      <c r="IM15" s="271"/>
      <c r="IN15" s="72">
        <v>614</v>
      </c>
      <c r="IO15" s="72">
        <v>312</v>
      </c>
      <c r="IP15" s="72">
        <v>237</v>
      </c>
      <c r="IQ15" s="72">
        <v>215</v>
      </c>
      <c r="IR15" s="72">
        <v>129</v>
      </c>
      <c r="IS15" s="73">
        <v>1507</v>
      </c>
      <c r="IT15" s="74">
        <v>2190</v>
      </c>
      <c r="IU15" s="71">
        <v>404</v>
      </c>
      <c r="IV15" s="72">
        <v>304</v>
      </c>
      <c r="IW15" s="73">
        <v>708</v>
      </c>
      <c r="IX15" s="271"/>
      <c r="IY15" s="72">
        <v>772</v>
      </c>
      <c r="IZ15" s="72">
        <v>407</v>
      </c>
      <c r="JA15" s="72">
        <v>352</v>
      </c>
      <c r="JB15" s="72">
        <v>327</v>
      </c>
      <c r="JC15" s="72">
        <v>192</v>
      </c>
      <c r="JD15" s="73">
        <v>2050</v>
      </c>
      <c r="JE15" s="74">
        <v>2758</v>
      </c>
      <c r="JF15" s="71">
        <v>221</v>
      </c>
      <c r="JG15" s="72">
        <v>210</v>
      </c>
      <c r="JH15" s="73">
        <v>431</v>
      </c>
      <c r="JI15" s="271"/>
      <c r="JJ15" s="72">
        <v>647</v>
      </c>
      <c r="JK15" s="72">
        <v>438</v>
      </c>
      <c r="JL15" s="72">
        <v>399</v>
      </c>
      <c r="JM15" s="72">
        <v>465</v>
      </c>
      <c r="JN15" s="72">
        <v>232</v>
      </c>
      <c r="JO15" s="73">
        <v>2181</v>
      </c>
      <c r="JP15" s="74">
        <v>2612</v>
      </c>
      <c r="JQ15" s="71">
        <v>15</v>
      </c>
      <c r="JR15" s="72">
        <v>18</v>
      </c>
      <c r="JS15" s="73">
        <v>33</v>
      </c>
      <c r="JT15" s="271"/>
      <c r="JU15" s="72">
        <v>52</v>
      </c>
      <c r="JV15" s="72">
        <v>33</v>
      </c>
      <c r="JW15" s="72">
        <v>22</v>
      </c>
      <c r="JX15" s="72">
        <v>20</v>
      </c>
      <c r="JY15" s="72">
        <v>19</v>
      </c>
      <c r="JZ15" s="73">
        <v>146</v>
      </c>
      <c r="KA15" s="74">
        <v>179</v>
      </c>
      <c r="KB15" s="71">
        <v>1425</v>
      </c>
      <c r="KC15" s="72">
        <v>1128</v>
      </c>
      <c r="KD15" s="73">
        <v>2553</v>
      </c>
      <c r="KE15" s="271"/>
      <c r="KF15" s="72">
        <v>2753</v>
      </c>
      <c r="KG15" s="72">
        <v>1560</v>
      </c>
      <c r="KH15" s="72">
        <v>1326</v>
      </c>
      <c r="KI15" s="72">
        <v>1284</v>
      </c>
      <c r="KJ15" s="72">
        <v>739</v>
      </c>
      <c r="KK15" s="73">
        <v>7662</v>
      </c>
      <c r="KL15" s="74">
        <v>10215</v>
      </c>
    </row>
    <row r="16" spans="1:298" ht="19.5" customHeight="1" x14ac:dyDescent="0.2">
      <c r="A16" s="130" t="s">
        <v>12</v>
      </c>
      <c r="B16" s="353">
        <v>682</v>
      </c>
      <c r="C16" s="83">
        <v>560</v>
      </c>
      <c r="D16" s="84">
        <v>1242</v>
      </c>
      <c r="E16" s="271"/>
      <c r="F16" s="83">
        <v>686</v>
      </c>
      <c r="G16" s="83">
        <v>561</v>
      </c>
      <c r="H16" s="83">
        <v>448</v>
      </c>
      <c r="I16" s="83">
        <v>394</v>
      </c>
      <c r="J16" s="83">
        <v>241</v>
      </c>
      <c r="K16" s="85">
        <v>2330</v>
      </c>
      <c r="L16" s="86">
        <v>3572</v>
      </c>
      <c r="M16" s="87">
        <v>22</v>
      </c>
      <c r="N16" s="72">
        <v>30</v>
      </c>
      <c r="O16" s="73">
        <v>52</v>
      </c>
      <c r="P16" s="271"/>
      <c r="Q16" s="72">
        <v>21</v>
      </c>
      <c r="R16" s="72">
        <v>24</v>
      </c>
      <c r="S16" s="72">
        <v>24</v>
      </c>
      <c r="T16" s="72">
        <v>10</v>
      </c>
      <c r="U16" s="72">
        <v>18</v>
      </c>
      <c r="V16" s="73">
        <v>97</v>
      </c>
      <c r="W16" s="74">
        <v>149</v>
      </c>
      <c r="X16" s="71">
        <v>76</v>
      </c>
      <c r="Y16" s="72">
        <v>69</v>
      </c>
      <c r="Z16" s="73">
        <v>145</v>
      </c>
      <c r="AA16" s="271"/>
      <c r="AB16" s="72">
        <v>59</v>
      </c>
      <c r="AC16" s="72">
        <v>44</v>
      </c>
      <c r="AD16" s="72">
        <v>47</v>
      </c>
      <c r="AE16" s="72">
        <v>44</v>
      </c>
      <c r="AF16" s="72">
        <v>25</v>
      </c>
      <c r="AG16" s="73">
        <v>219</v>
      </c>
      <c r="AH16" s="74">
        <v>364</v>
      </c>
      <c r="AI16" s="87">
        <v>89</v>
      </c>
      <c r="AJ16" s="72">
        <v>86</v>
      </c>
      <c r="AK16" s="73">
        <v>175</v>
      </c>
      <c r="AL16" s="271"/>
      <c r="AM16" s="72">
        <v>88</v>
      </c>
      <c r="AN16" s="72">
        <v>91</v>
      </c>
      <c r="AO16" s="72">
        <v>64</v>
      </c>
      <c r="AP16" s="72">
        <v>66</v>
      </c>
      <c r="AQ16" s="72">
        <v>44</v>
      </c>
      <c r="AR16" s="73">
        <v>353</v>
      </c>
      <c r="AS16" s="74">
        <v>528</v>
      </c>
      <c r="AT16" s="71">
        <v>172</v>
      </c>
      <c r="AU16" s="72">
        <v>140</v>
      </c>
      <c r="AV16" s="73">
        <v>312</v>
      </c>
      <c r="AW16" s="271"/>
      <c r="AX16" s="72">
        <v>170</v>
      </c>
      <c r="AY16" s="72">
        <v>147</v>
      </c>
      <c r="AZ16" s="72">
        <v>101</v>
      </c>
      <c r="BA16" s="72">
        <v>87</v>
      </c>
      <c r="BB16" s="72">
        <v>59</v>
      </c>
      <c r="BC16" s="73">
        <v>564</v>
      </c>
      <c r="BD16" s="74">
        <v>876</v>
      </c>
      <c r="BE16" s="87">
        <v>194</v>
      </c>
      <c r="BF16" s="72">
        <v>138</v>
      </c>
      <c r="BG16" s="73">
        <v>332</v>
      </c>
      <c r="BH16" s="271"/>
      <c r="BI16" s="72">
        <v>216</v>
      </c>
      <c r="BJ16" s="72">
        <v>142</v>
      </c>
      <c r="BK16" s="72">
        <v>118</v>
      </c>
      <c r="BL16" s="72">
        <v>102</v>
      </c>
      <c r="BM16" s="72">
        <v>49</v>
      </c>
      <c r="BN16" s="73">
        <v>627</v>
      </c>
      <c r="BO16" s="74">
        <v>959</v>
      </c>
      <c r="BP16" s="71">
        <v>129</v>
      </c>
      <c r="BQ16" s="72">
        <v>97</v>
      </c>
      <c r="BR16" s="73">
        <v>226</v>
      </c>
      <c r="BS16" s="271"/>
      <c r="BT16" s="72">
        <v>132</v>
      </c>
      <c r="BU16" s="72">
        <v>113</v>
      </c>
      <c r="BV16" s="72">
        <v>94</v>
      </c>
      <c r="BW16" s="72">
        <v>85</v>
      </c>
      <c r="BX16" s="72">
        <v>46</v>
      </c>
      <c r="BY16" s="73">
        <v>470</v>
      </c>
      <c r="BZ16" s="74">
        <v>696</v>
      </c>
      <c r="CA16" s="71">
        <v>13</v>
      </c>
      <c r="CB16" s="72">
        <v>29</v>
      </c>
      <c r="CC16" s="73">
        <v>42</v>
      </c>
      <c r="CD16" s="271"/>
      <c r="CE16" s="72">
        <v>10</v>
      </c>
      <c r="CF16" s="72">
        <v>26</v>
      </c>
      <c r="CG16" s="72">
        <v>12</v>
      </c>
      <c r="CH16" s="72">
        <v>13</v>
      </c>
      <c r="CI16" s="72">
        <v>16</v>
      </c>
      <c r="CJ16" s="73">
        <v>77</v>
      </c>
      <c r="CK16" s="74">
        <v>119</v>
      </c>
      <c r="CL16" s="71">
        <v>695</v>
      </c>
      <c r="CM16" s="72">
        <v>589</v>
      </c>
      <c r="CN16" s="73">
        <v>1284</v>
      </c>
      <c r="CO16" s="271"/>
      <c r="CP16" s="72">
        <v>696</v>
      </c>
      <c r="CQ16" s="72">
        <v>587</v>
      </c>
      <c r="CR16" s="72">
        <v>460</v>
      </c>
      <c r="CS16" s="72">
        <v>407</v>
      </c>
      <c r="CT16" s="72">
        <v>257</v>
      </c>
      <c r="CU16" s="73">
        <v>2407</v>
      </c>
      <c r="CV16" s="74">
        <v>3691</v>
      </c>
      <c r="CW16" s="127">
        <v>1317</v>
      </c>
      <c r="CX16" s="83">
        <v>1245</v>
      </c>
      <c r="CY16" s="84">
        <v>2562</v>
      </c>
      <c r="CZ16" s="271"/>
      <c r="DA16" s="83">
        <v>1373</v>
      </c>
      <c r="DB16" s="83">
        <v>1054</v>
      </c>
      <c r="DC16" s="83">
        <v>915</v>
      </c>
      <c r="DD16" s="83">
        <v>996</v>
      </c>
      <c r="DE16" s="83">
        <v>630</v>
      </c>
      <c r="DF16" s="85">
        <v>4968</v>
      </c>
      <c r="DG16" s="86">
        <v>7530</v>
      </c>
      <c r="DH16" s="87">
        <v>25</v>
      </c>
      <c r="DI16" s="72">
        <v>38</v>
      </c>
      <c r="DJ16" s="73">
        <v>63</v>
      </c>
      <c r="DK16" s="271"/>
      <c r="DL16" s="72">
        <v>12</v>
      </c>
      <c r="DM16" s="72">
        <v>19</v>
      </c>
      <c r="DN16" s="72">
        <v>18</v>
      </c>
      <c r="DO16" s="72">
        <v>18</v>
      </c>
      <c r="DP16" s="72">
        <v>10</v>
      </c>
      <c r="DQ16" s="73">
        <v>77</v>
      </c>
      <c r="DR16" s="74">
        <v>140</v>
      </c>
      <c r="DS16" s="71">
        <v>75</v>
      </c>
      <c r="DT16" s="72">
        <v>111</v>
      </c>
      <c r="DU16" s="73">
        <v>186</v>
      </c>
      <c r="DV16" s="271"/>
      <c r="DW16" s="72">
        <v>74</v>
      </c>
      <c r="DX16" s="72">
        <v>62</v>
      </c>
      <c r="DY16" s="72">
        <v>42</v>
      </c>
      <c r="DZ16" s="72">
        <v>45</v>
      </c>
      <c r="EA16" s="72">
        <v>52</v>
      </c>
      <c r="EB16" s="73">
        <v>275</v>
      </c>
      <c r="EC16" s="74">
        <v>461</v>
      </c>
      <c r="ED16" s="87">
        <v>196</v>
      </c>
      <c r="EE16" s="72">
        <v>186</v>
      </c>
      <c r="EF16" s="73">
        <v>382</v>
      </c>
      <c r="EG16" s="271"/>
      <c r="EH16" s="72">
        <v>139</v>
      </c>
      <c r="EI16" s="72">
        <v>110</v>
      </c>
      <c r="EJ16" s="72">
        <v>82</v>
      </c>
      <c r="EK16" s="72">
        <v>76</v>
      </c>
      <c r="EL16" s="72">
        <v>68</v>
      </c>
      <c r="EM16" s="73">
        <v>475</v>
      </c>
      <c r="EN16" s="74">
        <v>857</v>
      </c>
      <c r="EO16" s="71">
        <v>372</v>
      </c>
      <c r="EP16" s="72">
        <v>312</v>
      </c>
      <c r="EQ16" s="73">
        <v>684</v>
      </c>
      <c r="ER16" s="271"/>
      <c r="ES16" s="72">
        <v>331</v>
      </c>
      <c r="ET16" s="72">
        <v>195</v>
      </c>
      <c r="EU16" s="72">
        <v>160</v>
      </c>
      <c r="EV16" s="72">
        <v>165</v>
      </c>
      <c r="EW16" s="72">
        <v>106</v>
      </c>
      <c r="EX16" s="73">
        <v>957</v>
      </c>
      <c r="EY16" s="74">
        <v>1641</v>
      </c>
      <c r="EZ16" s="87">
        <v>401</v>
      </c>
      <c r="FA16" s="72">
        <v>362</v>
      </c>
      <c r="FB16" s="73">
        <v>763</v>
      </c>
      <c r="FC16" s="271"/>
      <c r="FD16" s="72">
        <v>417</v>
      </c>
      <c r="FE16" s="72">
        <v>338</v>
      </c>
      <c r="FF16" s="72">
        <v>256</v>
      </c>
      <c r="FG16" s="72">
        <v>271</v>
      </c>
      <c r="FH16" s="72">
        <v>145</v>
      </c>
      <c r="FI16" s="73">
        <v>1427</v>
      </c>
      <c r="FJ16" s="74">
        <v>2190</v>
      </c>
      <c r="FK16" s="71">
        <v>248</v>
      </c>
      <c r="FL16" s="72">
        <v>236</v>
      </c>
      <c r="FM16" s="73">
        <v>484</v>
      </c>
      <c r="FN16" s="271"/>
      <c r="FO16" s="72">
        <v>400</v>
      </c>
      <c r="FP16" s="72">
        <v>330</v>
      </c>
      <c r="FQ16" s="72">
        <v>357</v>
      </c>
      <c r="FR16" s="72">
        <v>421</v>
      </c>
      <c r="FS16" s="72">
        <v>249</v>
      </c>
      <c r="FT16" s="73">
        <v>1757</v>
      </c>
      <c r="FU16" s="74">
        <v>2241</v>
      </c>
      <c r="FV16" s="71">
        <v>15</v>
      </c>
      <c r="FW16" s="72">
        <v>22</v>
      </c>
      <c r="FX16" s="73">
        <v>37</v>
      </c>
      <c r="FY16" s="271"/>
      <c r="FZ16" s="72">
        <v>15</v>
      </c>
      <c r="GA16" s="72">
        <v>14</v>
      </c>
      <c r="GB16" s="72">
        <v>11</v>
      </c>
      <c r="GC16" s="72">
        <v>16</v>
      </c>
      <c r="GD16" s="72">
        <v>10</v>
      </c>
      <c r="GE16" s="73">
        <v>66</v>
      </c>
      <c r="GF16" s="74">
        <v>103</v>
      </c>
      <c r="GG16" s="71">
        <v>1332</v>
      </c>
      <c r="GH16" s="72">
        <v>1267</v>
      </c>
      <c r="GI16" s="73">
        <v>2599</v>
      </c>
      <c r="GJ16" s="271"/>
      <c r="GK16" s="72">
        <v>1388</v>
      </c>
      <c r="GL16" s="72">
        <v>1068</v>
      </c>
      <c r="GM16" s="72">
        <v>926</v>
      </c>
      <c r="GN16" s="72">
        <v>1012</v>
      </c>
      <c r="GO16" s="72">
        <v>640</v>
      </c>
      <c r="GP16" s="73">
        <v>5034</v>
      </c>
      <c r="GQ16" s="74">
        <v>7633</v>
      </c>
      <c r="GR16" s="127">
        <v>1999</v>
      </c>
      <c r="GS16" s="83">
        <v>1805</v>
      </c>
      <c r="GT16" s="84">
        <v>3804</v>
      </c>
      <c r="GU16" s="271"/>
      <c r="GV16" s="83">
        <v>2059</v>
      </c>
      <c r="GW16" s="83">
        <v>1615</v>
      </c>
      <c r="GX16" s="83">
        <v>1363</v>
      </c>
      <c r="GY16" s="83">
        <v>1390</v>
      </c>
      <c r="GZ16" s="83">
        <v>871</v>
      </c>
      <c r="HA16" s="85">
        <v>7298</v>
      </c>
      <c r="HB16" s="86">
        <v>11102</v>
      </c>
      <c r="HC16" s="87">
        <v>47</v>
      </c>
      <c r="HD16" s="72">
        <v>68</v>
      </c>
      <c r="HE16" s="73">
        <v>115</v>
      </c>
      <c r="HF16" s="271"/>
      <c r="HG16" s="72">
        <v>33</v>
      </c>
      <c r="HH16" s="72">
        <v>43</v>
      </c>
      <c r="HI16" s="72">
        <v>42</v>
      </c>
      <c r="HJ16" s="72">
        <v>28</v>
      </c>
      <c r="HK16" s="72">
        <v>28</v>
      </c>
      <c r="HL16" s="73">
        <v>174</v>
      </c>
      <c r="HM16" s="74">
        <v>289</v>
      </c>
      <c r="HN16" s="71">
        <v>151</v>
      </c>
      <c r="HO16" s="72">
        <v>180</v>
      </c>
      <c r="HP16" s="73">
        <v>331</v>
      </c>
      <c r="HQ16" s="271"/>
      <c r="HR16" s="72">
        <v>133</v>
      </c>
      <c r="HS16" s="72">
        <v>106</v>
      </c>
      <c r="HT16" s="72">
        <v>89</v>
      </c>
      <c r="HU16" s="72">
        <v>89</v>
      </c>
      <c r="HV16" s="72">
        <v>77</v>
      </c>
      <c r="HW16" s="73">
        <v>494</v>
      </c>
      <c r="HX16" s="74">
        <v>825</v>
      </c>
      <c r="HY16" s="87">
        <v>285</v>
      </c>
      <c r="HZ16" s="72">
        <v>272</v>
      </c>
      <c r="IA16" s="73">
        <v>557</v>
      </c>
      <c r="IB16" s="271"/>
      <c r="IC16" s="72">
        <v>227</v>
      </c>
      <c r="ID16" s="72">
        <v>201</v>
      </c>
      <c r="IE16" s="72">
        <v>146</v>
      </c>
      <c r="IF16" s="72">
        <v>142</v>
      </c>
      <c r="IG16" s="72">
        <v>112</v>
      </c>
      <c r="IH16" s="73">
        <v>828</v>
      </c>
      <c r="II16" s="74">
        <v>1385</v>
      </c>
      <c r="IJ16" s="71">
        <v>544</v>
      </c>
      <c r="IK16" s="72">
        <v>452</v>
      </c>
      <c r="IL16" s="73">
        <v>996</v>
      </c>
      <c r="IM16" s="271"/>
      <c r="IN16" s="72">
        <v>501</v>
      </c>
      <c r="IO16" s="72">
        <v>342</v>
      </c>
      <c r="IP16" s="72">
        <v>261</v>
      </c>
      <c r="IQ16" s="72">
        <v>252</v>
      </c>
      <c r="IR16" s="72">
        <v>165</v>
      </c>
      <c r="IS16" s="73">
        <v>1521</v>
      </c>
      <c r="IT16" s="74">
        <v>2517</v>
      </c>
      <c r="IU16" s="87">
        <v>595</v>
      </c>
      <c r="IV16" s="72">
        <v>500</v>
      </c>
      <c r="IW16" s="73">
        <v>1095</v>
      </c>
      <c r="IX16" s="271"/>
      <c r="IY16" s="72">
        <v>633</v>
      </c>
      <c r="IZ16" s="72">
        <v>480</v>
      </c>
      <c r="JA16" s="72">
        <v>374</v>
      </c>
      <c r="JB16" s="72">
        <v>373</v>
      </c>
      <c r="JC16" s="72">
        <v>194</v>
      </c>
      <c r="JD16" s="73">
        <v>2054</v>
      </c>
      <c r="JE16" s="74">
        <v>3149</v>
      </c>
      <c r="JF16" s="71">
        <v>377</v>
      </c>
      <c r="JG16" s="72">
        <v>333</v>
      </c>
      <c r="JH16" s="73">
        <v>710</v>
      </c>
      <c r="JI16" s="271"/>
      <c r="JJ16" s="72">
        <v>532</v>
      </c>
      <c r="JK16" s="72">
        <v>443</v>
      </c>
      <c r="JL16" s="72">
        <v>451</v>
      </c>
      <c r="JM16" s="72">
        <v>506</v>
      </c>
      <c r="JN16" s="72">
        <v>295</v>
      </c>
      <c r="JO16" s="73">
        <v>2227</v>
      </c>
      <c r="JP16" s="74">
        <v>2937</v>
      </c>
      <c r="JQ16" s="71">
        <v>28</v>
      </c>
      <c r="JR16" s="72">
        <v>51</v>
      </c>
      <c r="JS16" s="73">
        <v>79</v>
      </c>
      <c r="JT16" s="271"/>
      <c r="JU16" s="72">
        <v>25</v>
      </c>
      <c r="JV16" s="72">
        <v>40</v>
      </c>
      <c r="JW16" s="72">
        <v>23</v>
      </c>
      <c r="JX16" s="72">
        <v>29</v>
      </c>
      <c r="JY16" s="72">
        <v>26</v>
      </c>
      <c r="JZ16" s="73">
        <v>143</v>
      </c>
      <c r="KA16" s="74">
        <v>222</v>
      </c>
      <c r="KB16" s="71">
        <v>2027</v>
      </c>
      <c r="KC16" s="72">
        <v>1856</v>
      </c>
      <c r="KD16" s="73">
        <v>3883</v>
      </c>
      <c r="KE16" s="271"/>
      <c r="KF16" s="72">
        <v>2084</v>
      </c>
      <c r="KG16" s="72">
        <v>1655</v>
      </c>
      <c r="KH16" s="72">
        <v>1386</v>
      </c>
      <c r="KI16" s="72">
        <v>1419</v>
      </c>
      <c r="KJ16" s="72">
        <v>897</v>
      </c>
      <c r="KK16" s="73">
        <v>7441</v>
      </c>
      <c r="KL16" s="74">
        <v>11324</v>
      </c>
    </row>
    <row r="17" spans="1:298" ht="19.5" customHeight="1" x14ac:dyDescent="0.2">
      <c r="A17" s="130" t="s">
        <v>13</v>
      </c>
      <c r="B17" s="353">
        <v>133</v>
      </c>
      <c r="C17" s="83">
        <v>181</v>
      </c>
      <c r="D17" s="84">
        <v>314</v>
      </c>
      <c r="E17" s="271"/>
      <c r="F17" s="83">
        <v>283</v>
      </c>
      <c r="G17" s="83">
        <v>265</v>
      </c>
      <c r="H17" s="83">
        <v>190</v>
      </c>
      <c r="I17" s="83">
        <v>149</v>
      </c>
      <c r="J17" s="83">
        <v>96</v>
      </c>
      <c r="K17" s="85">
        <v>983</v>
      </c>
      <c r="L17" s="86">
        <v>1297</v>
      </c>
      <c r="M17" s="71">
        <v>4</v>
      </c>
      <c r="N17" s="72">
        <v>1</v>
      </c>
      <c r="O17" s="73">
        <v>5</v>
      </c>
      <c r="P17" s="271"/>
      <c r="Q17" s="72">
        <v>13</v>
      </c>
      <c r="R17" s="72">
        <v>10</v>
      </c>
      <c r="S17" s="72">
        <v>4</v>
      </c>
      <c r="T17" s="72">
        <v>4</v>
      </c>
      <c r="U17" s="72">
        <v>3</v>
      </c>
      <c r="V17" s="73">
        <v>34</v>
      </c>
      <c r="W17" s="74">
        <v>39</v>
      </c>
      <c r="X17" s="71">
        <v>9</v>
      </c>
      <c r="Y17" s="72">
        <v>13</v>
      </c>
      <c r="Z17" s="73">
        <v>22</v>
      </c>
      <c r="AA17" s="271"/>
      <c r="AB17" s="72">
        <v>26</v>
      </c>
      <c r="AC17" s="72">
        <v>25</v>
      </c>
      <c r="AD17" s="72">
        <v>14</v>
      </c>
      <c r="AE17" s="72">
        <v>14</v>
      </c>
      <c r="AF17" s="72">
        <v>17</v>
      </c>
      <c r="AG17" s="73">
        <v>96</v>
      </c>
      <c r="AH17" s="74">
        <v>118</v>
      </c>
      <c r="AI17" s="71">
        <v>19</v>
      </c>
      <c r="AJ17" s="72">
        <v>12</v>
      </c>
      <c r="AK17" s="73">
        <v>31</v>
      </c>
      <c r="AL17" s="271"/>
      <c r="AM17" s="72">
        <v>32</v>
      </c>
      <c r="AN17" s="72">
        <v>28</v>
      </c>
      <c r="AO17" s="72">
        <v>32</v>
      </c>
      <c r="AP17" s="72">
        <v>21</v>
      </c>
      <c r="AQ17" s="72">
        <v>14</v>
      </c>
      <c r="AR17" s="73">
        <v>127</v>
      </c>
      <c r="AS17" s="74">
        <v>158</v>
      </c>
      <c r="AT17" s="71">
        <v>27</v>
      </c>
      <c r="AU17" s="72">
        <v>59</v>
      </c>
      <c r="AV17" s="73">
        <v>86</v>
      </c>
      <c r="AW17" s="271"/>
      <c r="AX17" s="72">
        <v>66</v>
      </c>
      <c r="AY17" s="72">
        <v>49</v>
      </c>
      <c r="AZ17" s="72">
        <v>42</v>
      </c>
      <c r="BA17" s="72">
        <v>30</v>
      </c>
      <c r="BB17" s="72">
        <v>21</v>
      </c>
      <c r="BC17" s="73">
        <v>208</v>
      </c>
      <c r="BD17" s="74">
        <v>294</v>
      </c>
      <c r="BE17" s="71">
        <v>47</v>
      </c>
      <c r="BF17" s="72">
        <v>60</v>
      </c>
      <c r="BG17" s="73">
        <v>107</v>
      </c>
      <c r="BH17" s="271"/>
      <c r="BI17" s="72">
        <v>77</v>
      </c>
      <c r="BJ17" s="72">
        <v>89</v>
      </c>
      <c r="BK17" s="72">
        <v>47</v>
      </c>
      <c r="BL17" s="72">
        <v>42</v>
      </c>
      <c r="BM17" s="72">
        <v>24</v>
      </c>
      <c r="BN17" s="73">
        <v>279</v>
      </c>
      <c r="BO17" s="74">
        <v>386</v>
      </c>
      <c r="BP17" s="71">
        <v>27</v>
      </c>
      <c r="BQ17" s="72">
        <v>36</v>
      </c>
      <c r="BR17" s="73">
        <v>63</v>
      </c>
      <c r="BS17" s="271"/>
      <c r="BT17" s="72">
        <v>69</v>
      </c>
      <c r="BU17" s="72">
        <v>64</v>
      </c>
      <c r="BV17" s="72">
        <v>51</v>
      </c>
      <c r="BW17" s="72">
        <v>38</v>
      </c>
      <c r="BX17" s="72">
        <v>17</v>
      </c>
      <c r="BY17" s="73">
        <v>239</v>
      </c>
      <c r="BZ17" s="74">
        <v>302</v>
      </c>
      <c r="CA17" s="71">
        <v>5</v>
      </c>
      <c r="CB17" s="72">
        <v>3</v>
      </c>
      <c r="CC17" s="73">
        <v>8</v>
      </c>
      <c r="CD17" s="271"/>
      <c r="CE17" s="72">
        <v>7</v>
      </c>
      <c r="CF17" s="72">
        <v>10</v>
      </c>
      <c r="CG17" s="72">
        <v>6</v>
      </c>
      <c r="CH17" s="72">
        <v>3</v>
      </c>
      <c r="CI17" s="72">
        <v>8</v>
      </c>
      <c r="CJ17" s="73">
        <v>34</v>
      </c>
      <c r="CK17" s="74">
        <v>42</v>
      </c>
      <c r="CL17" s="71">
        <v>138</v>
      </c>
      <c r="CM17" s="72">
        <v>184</v>
      </c>
      <c r="CN17" s="73">
        <v>322</v>
      </c>
      <c r="CO17" s="271"/>
      <c r="CP17" s="72">
        <v>290</v>
      </c>
      <c r="CQ17" s="72">
        <v>275</v>
      </c>
      <c r="CR17" s="72">
        <v>196</v>
      </c>
      <c r="CS17" s="72">
        <v>152</v>
      </c>
      <c r="CT17" s="72">
        <v>104</v>
      </c>
      <c r="CU17" s="73">
        <v>1017</v>
      </c>
      <c r="CV17" s="74">
        <v>1339</v>
      </c>
      <c r="CW17" s="127">
        <v>328</v>
      </c>
      <c r="CX17" s="83">
        <v>423</v>
      </c>
      <c r="CY17" s="84">
        <v>751</v>
      </c>
      <c r="CZ17" s="271"/>
      <c r="DA17" s="83">
        <v>574</v>
      </c>
      <c r="DB17" s="83">
        <v>486</v>
      </c>
      <c r="DC17" s="83">
        <v>348</v>
      </c>
      <c r="DD17" s="83">
        <v>363</v>
      </c>
      <c r="DE17" s="83">
        <v>301</v>
      </c>
      <c r="DF17" s="85">
        <v>2072</v>
      </c>
      <c r="DG17" s="86">
        <v>2823</v>
      </c>
      <c r="DH17" s="71">
        <v>4</v>
      </c>
      <c r="DI17" s="72">
        <v>7</v>
      </c>
      <c r="DJ17" s="73">
        <v>11</v>
      </c>
      <c r="DK17" s="271"/>
      <c r="DL17" s="72">
        <v>7</v>
      </c>
      <c r="DM17" s="72">
        <v>18</v>
      </c>
      <c r="DN17" s="72">
        <v>1</v>
      </c>
      <c r="DO17" s="72">
        <v>6</v>
      </c>
      <c r="DP17" s="72">
        <v>3</v>
      </c>
      <c r="DQ17" s="73">
        <v>35</v>
      </c>
      <c r="DR17" s="74">
        <v>46</v>
      </c>
      <c r="DS17" s="71">
        <v>13</v>
      </c>
      <c r="DT17" s="72">
        <v>33</v>
      </c>
      <c r="DU17" s="73">
        <v>46</v>
      </c>
      <c r="DV17" s="271"/>
      <c r="DW17" s="72">
        <v>34</v>
      </c>
      <c r="DX17" s="72">
        <v>17</v>
      </c>
      <c r="DY17" s="72">
        <v>17</v>
      </c>
      <c r="DZ17" s="72">
        <v>11</v>
      </c>
      <c r="EA17" s="72">
        <v>21</v>
      </c>
      <c r="EB17" s="73">
        <v>100</v>
      </c>
      <c r="EC17" s="74">
        <v>146</v>
      </c>
      <c r="ED17" s="71">
        <v>43</v>
      </c>
      <c r="EE17" s="72">
        <v>48</v>
      </c>
      <c r="EF17" s="73">
        <v>91</v>
      </c>
      <c r="EG17" s="271"/>
      <c r="EH17" s="72">
        <v>64</v>
      </c>
      <c r="EI17" s="72">
        <v>47</v>
      </c>
      <c r="EJ17" s="72">
        <v>29</v>
      </c>
      <c r="EK17" s="72">
        <v>18</v>
      </c>
      <c r="EL17" s="72">
        <v>30</v>
      </c>
      <c r="EM17" s="73">
        <v>188</v>
      </c>
      <c r="EN17" s="74">
        <v>279</v>
      </c>
      <c r="EO17" s="71">
        <v>90</v>
      </c>
      <c r="EP17" s="72">
        <v>111</v>
      </c>
      <c r="EQ17" s="73">
        <v>201</v>
      </c>
      <c r="ER17" s="271"/>
      <c r="ES17" s="72">
        <v>123</v>
      </c>
      <c r="ET17" s="72">
        <v>93</v>
      </c>
      <c r="EU17" s="72">
        <v>65</v>
      </c>
      <c r="EV17" s="72">
        <v>53</v>
      </c>
      <c r="EW17" s="72">
        <v>45</v>
      </c>
      <c r="EX17" s="73">
        <v>379</v>
      </c>
      <c r="EY17" s="74">
        <v>580</v>
      </c>
      <c r="EZ17" s="71">
        <v>111</v>
      </c>
      <c r="FA17" s="72">
        <v>128</v>
      </c>
      <c r="FB17" s="73">
        <v>239</v>
      </c>
      <c r="FC17" s="271"/>
      <c r="FD17" s="72">
        <v>199</v>
      </c>
      <c r="FE17" s="72">
        <v>137</v>
      </c>
      <c r="FF17" s="72">
        <v>96</v>
      </c>
      <c r="FG17" s="72">
        <v>95</v>
      </c>
      <c r="FH17" s="72">
        <v>71</v>
      </c>
      <c r="FI17" s="73">
        <v>598</v>
      </c>
      <c r="FJ17" s="74">
        <v>837</v>
      </c>
      <c r="FK17" s="71">
        <v>67</v>
      </c>
      <c r="FL17" s="72">
        <v>96</v>
      </c>
      <c r="FM17" s="73">
        <v>163</v>
      </c>
      <c r="FN17" s="271"/>
      <c r="FO17" s="72">
        <v>147</v>
      </c>
      <c r="FP17" s="72">
        <v>174</v>
      </c>
      <c r="FQ17" s="72">
        <v>140</v>
      </c>
      <c r="FR17" s="72">
        <v>180</v>
      </c>
      <c r="FS17" s="72">
        <v>131</v>
      </c>
      <c r="FT17" s="73">
        <v>772</v>
      </c>
      <c r="FU17" s="74">
        <v>935</v>
      </c>
      <c r="FV17" s="71">
        <v>2</v>
      </c>
      <c r="FW17" s="72">
        <v>0</v>
      </c>
      <c r="FX17" s="73">
        <v>2</v>
      </c>
      <c r="FY17" s="271"/>
      <c r="FZ17" s="72">
        <v>6</v>
      </c>
      <c r="GA17" s="72">
        <v>6</v>
      </c>
      <c r="GB17" s="72">
        <v>5</v>
      </c>
      <c r="GC17" s="72">
        <v>4</v>
      </c>
      <c r="GD17" s="72">
        <v>3</v>
      </c>
      <c r="GE17" s="73">
        <v>24</v>
      </c>
      <c r="GF17" s="74">
        <v>26</v>
      </c>
      <c r="GG17" s="71">
        <v>330</v>
      </c>
      <c r="GH17" s="72">
        <v>423</v>
      </c>
      <c r="GI17" s="73">
        <v>753</v>
      </c>
      <c r="GJ17" s="271"/>
      <c r="GK17" s="72">
        <v>580</v>
      </c>
      <c r="GL17" s="72">
        <v>492</v>
      </c>
      <c r="GM17" s="72">
        <v>353</v>
      </c>
      <c r="GN17" s="72">
        <v>367</v>
      </c>
      <c r="GO17" s="72">
        <v>304</v>
      </c>
      <c r="GP17" s="73">
        <v>2096</v>
      </c>
      <c r="GQ17" s="74">
        <v>2849</v>
      </c>
      <c r="GR17" s="127">
        <v>461</v>
      </c>
      <c r="GS17" s="83">
        <v>604</v>
      </c>
      <c r="GT17" s="84">
        <v>1065</v>
      </c>
      <c r="GU17" s="271"/>
      <c r="GV17" s="83">
        <v>857</v>
      </c>
      <c r="GW17" s="83">
        <v>751</v>
      </c>
      <c r="GX17" s="83">
        <v>538</v>
      </c>
      <c r="GY17" s="83">
        <v>512</v>
      </c>
      <c r="GZ17" s="83">
        <v>397</v>
      </c>
      <c r="HA17" s="85">
        <v>3055</v>
      </c>
      <c r="HB17" s="86">
        <v>4120</v>
      </c>
      <c r="HC17" s="71">
        <v>8</v>
      </c>
      <c r="HD17" s="72">
        <v>8</v>
      </c>
      <c r="HE17" s="73">
        <v>16</v>
      </c>
      <c r="HF17" s="271"/>
      <c r="HG17" s="72">
        <v>20</v>
      </c>
      <c r="HH17" s="72">
        <v>28</v>
      </c>
      <c r="HI17" s="72">
        <v>5</v>
      </c>
      <c r="HJ17" s="72">
        <v>10</v>
      </c>
      <c r="HK17" s="72">
        <v>6</v>
      </c>
      <c r="HL17" s="73">
        <v>69</v>
      </c>
      <c r="HM17" s="74">
        <v>85</v>
      </c>
      <c r="HN17" s="71">
        <v>22</v>
      </c>
      <c r="HO17" s="72">
        <v>46</v>
      </c>
      <c r="HP17" s="73">
        <v>68</v>
      </c>
      <c r="HQ17" s="271"/>
      <c r="HR17" s="72">
        <v>60</v>
      </c>
      <c r="HS17" s="72">
        <v>42</v>
      </c>
      <c r="HT17" s="72">
        <v>31</v>
      </c>
      <c r="HU17" s="72">
        <v>25</v>
      </c>
      <c r="HV17" s="72">
        <v>38</v>
      </c>
      <c r="HW17" s="73">
        <v>196</v>
      </c>
      <c r="HX17" s="74">
        <v>264</v>
      </c>
      <c r="HY17" s="71">
        <v>62</v>
      </c>
      <c r="HZ17" s="72">
        <v>60</v>
      </c>
      <c r="IA17" s="73">
        <v>122</v>
      </c>
      <c r="IB17" s="271"/>
      <c r="IC17" s="72">
        <v>96</v>
      </c>
      <c r="ID17" s="72">
        <v>75</v>
      </c>
      <c r="IE17" s="72">
        <v>61</v>
      </c>
      <c r="IF17" s="72">
        <v>39</v>
      </c>
      <c r="IG17" s="72">
        <v>44</v>
      </c>
      <c r="IH17" s="73">
        <v>315</v>
      </c>
      <c r="II17" s="74">
        <v>437</v>
      </c>
      <c r="IJ17" s="71">
        <v>117</v>
      </c>
      <c r="IK17" s="72">
        <v>170</v>
      </c>
      <c r="IL17" s="73">
        <v>287</v>
      </c>
      <c r="IM17" s="271"/>
      <c r="IN17" s="72">
        <v>189</v>
      </c>
      <c r="IO17" s="72">
        <v>142</v>
      </c>
      <c r="IP17" s="72">
        <v>107</v>
      </c>
      <c r="IQ17" s="72">
        <v>83</v>
      </c>
      <c r="IR17" s="72">
        <v>66</v>
      </c>
      <c r="IS17" s="73">
        <v>587</v>
      </c>
      <c r="IT17" s="74">
        <v>874</v>
      </c>
      <c r="IU17" s="71">
        <v>158</v>
      </c>
      <c r="IV17" s="72">
        <v>188</v>
      </c>
      <c r="IW17" s="73">
        <v>346</v>
      </c>
      <c r="IX17" s="271"/>
      <c r="IY17" s="72">
        <v>276</v>
      </c>
      <c r="IZ17" s="72">
        <v>226</v>
      </c>
      <c r="JA17" s="72">
        <v>143</v>
      </c>
      <c r="JB17" s="72">
        <v>137</v>
      </c>
      <c r="JC17" s="72">
        <v>95</v>
      </c>
      <c r="JD17" s="73">
        <v>877</v>
      </c>
      <c r="JE17" s="74">
        <v>1223</v>
      </c>
      <c r="JF17" s="71">
        <v>94</v>
      </c>
      <c r="JG17" s="72">
        <v>132</v>
      </c>
      <c r="JH17" s="73">
        <v>226</v>
      </c>
      <c r="JI17" s="271"/>
      <c r="JJ17" s="72">
        <v>216</v>
      </c>
      <c r="JK17" s="72">
        <v>238</v>
      </c>
      <c r="JL17" s="72">
        <v>191</v>
      </c>
      <c r="JM17" s="72">
        <v>218</v>
      </c>
      <c r="JN17" s="72">
        <v>148</v>
      </c>
      <c r="JO17" s="73">
        <v>1011</v>
      </c>
      <c r="JP17" s="74">
        <v>1237</v>
      </c>
      <c r="JQ17" s="71">
        <v>7</v>
      </c>
      <c r="JR17" s="72">
        <v>3</v>
      </c>
      <c r="JS17" s="73">
        <v>10</v>
      </c>
      <c r="JT17" s="271"/>
      <c r="JU17" s="72">
        <v>13</v>
      </c>
      <c r="JV17" s="72">
        <v>16</v>
      </c>
      <c r="JW17" s="72">
        <v>11</v>
      </c>
      <c r="JX17" s="72">
        <v>7</v>
      </c>
      <c r="JY17" s="72">
        <v>11</v>
      </c>
      <c r="JZ17" s="73">
        <v>58</v>
      </c>
      <c r="KA17" s="74">
        <v>68</v>
      </c>
      <c r="KB17" s="71">
        <v>468</v>
      </c>
      <c r="KC17" s="72">
        <v>607</v>
      </c>
      <c r="KD17" s="73">
        <v>1075</v>
      </c>
      <c r="KE17" s="271"/>
      <c r="KF17" s="72">
        <v>870</v>
      </c>
      <c r="KG17" s="72">
        <v>767</v>
      </c>
      <c r="KH17" s="72">
        <v>549</v>
      </c>
      <c r="KI17" s="72">
        <v>519</v>
      </c>
      <c r="KJ17" s="72">
        <v>408</v>
      </c>
      <c r="KK17" s="73">
        <v>3113</v>
      </c>
      <c r="KL17" s="74">
        <v>4188</v>
      </c>
    </row>
    <row r="18" spans="1:298" ht="19.5" customHeight="1" x14ac:dyDescent="0.2">
      <c r="A18" s="130" t="s">
        <v>15</v>
      </c>
      <c r="B18" s="353">
        <v>104</v>
      </c>
      <c r="C18" s="83">
        <v>133</v>
      </c>
      <c r="D18" s="84">
        <v>237</v>
      </c>
      <c r="E18" s="271"/>
      <c r="F18" s="83">
        <v>236</v>
      </c>
      <c r="G18" s="83">
        <v>221</v>
      </c>
      <c r="H18" s="83">
        <v>151</v>
      </c>
      <c r="I18" s="83">
        <v>109</v>
      </c>
      <c r="J18" s="83">
        <v>58</v>
      </c>
      <c r="K18" s="85">
        <v>775</v>
      </c>
      <c r="L18" s="86">
        <v>1012</v>
      </c>
      <c r="M18" s="71">
        <v>7</v>
      </c>
      <c r="N18" s="72">
        <v>8</v>
      </c>
      <c r="O18" s="73">
        <v>15</v>
      </c>
      <c r="P18" s="271"/>
      <c r="Q18" s="72">
        <v>10</v>
      </c>
      <c r="R18" s="72">
        <v>12</v>
      </c>
      <c r="S18" s="72">
        <v>11</v>
      </c>
      <c r="T18" s="72">
        <v>9</v>
      </c>
      <c r="U18" s="72">
        <v>6</v>
      </c>
      <c r="V18" s="73">
        <v>48</v>
      </c>
      <c r="W18" s="74">
        <v>63</v>
      </c>
      <c r="X18" s="71">
        <v>14</v>
      </c>
      <c r="Y18" s="72">
        <v>9</v>
      </c>
      <c r="Z18" s="73">
        <v>23</v>
      </c>
      <c r="AA18" s="271"/>
      <c r="AB18" s="72">
        <v>32</v>
      </c>
      <c r="AC18" s="72">
        <v>24</v>
      </c>
      <c r="AD18" s="72">
        <v>16</v>
      </c>
      <c r="AE18" s="72">
        <v>16</v>
      </c>
      <c r="AF18" s="72">
        <v>12</v>
      </c>
      <c r="AG18" s="73">
        <v>100</v>
      </c>
      <c r="AH18" s="74">
        <v>123</v>
      </c>
      <c r="AI18" s="71">
        <v>16</v>
      </c>
      <c r="AJ18" s="72">
        <v>24</v>
      </c>
      <c r="AK18" s="73">
        <v>40</v>
      </c>
      <c r="AL18" s="271"/>
      <c r="AM18" s="72">
        <v>35</v>
      </c>
      <c r="AN18" s="72">
        <v>41</v>
      </c>
      <c r="AO18" s="72">
        <v>19</v>
      </c>
      <c r="AP18" s="72">
        <v>18</v>
      </c>
      <c r="AQ18" s="72">
        <v>17</v>
      </c>
      <c r="AR18" s="73">
        <v>130</v>
      </c>
      <c r="AS18" s="74">
        <v>170</v>
      </c>
      <c r="AT18" s="71">
        <v>29</v>
      </c>
      <c r="AU18" s="72">
        <v>36</v>
      </c>
      <c r="AV18" s="73">
        <v>65</v>
      </c>
      <c r="AW18" s="271"/>
      <c r="AX18" s="72">
        <v>59</v>
      </c>
      <c r="AY18" s="72">
        <v>50</v>
      </c>
      <c r="AZ18" s="72">
        <v>46</v>
      </c>
      <c r="BA18" s="72">
        <v>15</v>
      </c>
      <c r="BB18" s="72">
        <v>13</v>
      </c>
      <c r="BC18" s="73">
        <v>183</v>
      </c>
      <c r="BD18" s="74">
        <v>248</v>
      </c>
      <c r="BE18" s="71">
        <v>22</v>
      </c>
      <c r="BF18" s="72">
        <v>34</v>
      </c>
      <c r="BG18" s="73">
        <v>56</v>
      </c>
      <c r="BH18" s="271"/>
      <c r="BI18" s="72">
        <v>65</v>
      </c>
      <c r="BJ18" s="72">
        <v>64</v>
      </c>
      <c r="BK18" s="72">
        <v>32</v>
      </c>
      <c r="BL18" s="72">
        <v>24</v>
      </c>
      <c r="BM18" s="72">
        <v>8</v>
      </c>
      <c r="BN18" s="73">
        <v>193</v>
      </c>
      <c r="BO18" s="74">
        <v>249</v>
      </c>
      <c r="BP18" s="71">
        <v>16</v>
      </c>
      <c r="BQ18" s="72">
        <v>22</v>
      </c>
      <c r="BR18" s="73">
        <v>38</v>
      </c>
      <c r="BS18" s="271"/>
      <c r="BT18" s="72">
        <v>35</v>
      </c>
      <c r="BU18" s="72">
        <v>30</v>
      </c>
      <c r="BV18" s="72">
        <v>27</v>
      </c>
      <c r="BW18" s="72">
        <v>27</v>
      </c>
      <c r="BX18" s="72">
        <v>2</v>
      </c>
      <c r="BY18" s="73">
        <v>121</v>
      </c>
      <c r="BZ18" s="74">
        <v>159</v>
      </c>
      <c r="CA18" s="71">
        <v>1</v>
      </c>
      <c r="CB18" s="72">
        <v>5</v>
      </c>
      <c r="CC18" s="73">
        <v>6</v>
      </c>
      <c r="CD18" s="271"/>
      <c r="CE18" s="72">
        <v>5</v>
      </c>
      <c r="CF18" s="72">
        <v>7</v>
      </c>
      <c r="CG18" s="72">
        <v>5</v>
      </c>
      <c r="CH18" s="72">
        <v>4</v>
      </c>
      <c r="CI18" s="72">
        <v>5</v>
      </c>
      <c r="CJ18" s="73">
        <v>26</v>
      </c>
      <c r="CK18" s="74">
        <v>32</v>
      </c>
      <c r="CL18" s="71">
        <v>105</v>
      </c>
      <c r="CM18" s="72">
        <v>138</v>
      </c>
      <c r="CN18" s="73">
        <v>243</v>
      </c>
      <c r="CO18" s="271"/>
      <c r="CP18" s="72">
        <v>241</v>
      </c>
      <c r="CQ18" s="72">
        <v>228</v>
      </c>
      <c r="CR18" s="72">
        <v>156</v>
      </c>
      <c r="CS18" s="72">
        <v>113</v>
      </c>
      <c r="CT18" s="72">
        <v>63</v>
      </c>
      <c r="CU18" s="73">
        <v>801</v>
      </c>
      <c r="CV18" s="74">
        <v>1044</v>
      </c>
      <c r="CW18" s="127">
        <v>248</v>
      </c>
      <c r="CX18" s="83">
        <v>339</v>
      </c>
      <c r="CY18" s="84">
        <v>587</v>
      </c>
      <c r="CZ18" s="271"/>
      <c r="DA18" s="83">
        <v>414</v>
      </c>
      <c r="DB18" s="83">
        <v>461</v>
      </c>
      <c r="DC18" s="83">
        <v>304</v>
      </c>
      <c r="DD18" s="83">
        <v>297</v>
      </c>
      <c r="DE18" s="83">
        <v>169</v>
      </c>
      <c r="DF18" s="85">
        <v>1645</v>
      </c>
      <c r="DG18" s="86">
        <v>2232</v>
      </c>
      <c r="DH18" s="71">
        <v>12</v>
      </c>
      <c r="DI18" s="72">
        <v>5</v>
      </c>
      <c r="DJ18" s="73">
        <v>17</v>
      </c>
      <c r="DK18" s="271"/>
      <c r="DL18" s="72">
        <v>11</v>
      </c>
      <c r="DM18" s="72">
        <v>8</v>
      </c>
      <c r="DN18" s="72">
        <v>10</v>
      </c>
      <c r="DO18" s="72">
        <v>6</v>
      </c>
      <c r="DP18" s="72">
        <v>6</v>
      </c>
      <c r="DQ18" s="73">
        <v>41</v>
      </c>
      <c r="DR18" s="74">
        <v>58</v>
      </c>
      <c r="DS18" s="71">
        <v>15</v>
      </c>
      <c r="DT18" s="72">
        <v>27</v>
      </c>
      <c r="DU18" s="73">
        <v>42</v>
      </c>
      <c r="DV18" s="271"/>
      <c r="DW18" s="72">
        <v>33</v>
      </c>
      <c r="DX18" s="72">
        <v>35</v>
      </c>
      <c r="DY18" s="72">
        <v>15</v>
      </c>
      <c r="DZ18" s="72">
        <v>10</v>
      </c>
      <c r="EA18" s="72">
        <v>11</v>
      </c>
      <c r="EB18" s="73">
        <v>104</v>
      </c>
      <c r="EC18" s="74">
        <v>146</v>
      </c>
      <c r="ED18" s="71">
        <v>47</v>
      </c>
      <c r="EE18" s="72">
        <v>58</v>
      </c>
      <c r="EF18" s="73">
        <v>105</v>
      </c>
      <c r="EG18" s="271"/>
      <c r="EH18" s="72">
        <v>58</v>
      </c>
      <c r="EI18" s="72">
        <v>41</v>
      </c>
      <c r="EJ18" s="72">
        <v>31</v>
      </c>
      <c r="EK18" s="72">
        <v>20</v>
      </c>
      <c r="EL18" s="72">
        <v>21</v>
      </c>
      <c r="EM18" s="73">
        <v>171</v>
      </c>
      <c r="EN18" s="74">
        <v>276</v>
      </c>
      <c r="EO18" s="71">
        <v>79</v>
      </c>
      <c r="EP18" s="72">
        <v>90</v>
      </c>
      <c r="EQ18" s="73">
        <v>169</v>
      </c>
      <c r="ER18" s="271"/>
      <c r="ES18" s="72">
        <v>106</v>
      </c>
      <c r="ET18" s="72">
        <v>95</v>
      </c>
      <c r="EU18" s="72">
        <v>43</v>
      </c>
      <c r="EV18" s="72">
        <v>45</v>
      </c>
      <c r="EW18" s="72">
        <v>40</v>
      </c>
      <c r="EX18" s="73">
        <v>329</v>
      </c>
      <c r="EY18" s="74">
        <v>498</v>
      </c>
      <c r="EZ18" s="71">
        <v>56</v>
      </c>
      <c r="FA18" s="72">
        <v>108</v>
      </c>
      <c r="FB18" s="73">
        <v>164</v>
      </c>
      <c r="FC18" s="271"/>
      <c r="FD18" s="72">
        <v>106</v>
      </c>
      <c r="FE18" s="72">
        <v>127</v>
      </c>
      <c r="FF18" s="72">
        <v>86</v>
      </c>
      <c r="FG18" s="72">
        <v>87</v>
      </c>
      <c r="FH18" s="72">
        <v>29</v>
      </c>
      <c r="FI18" s="73">
        <v>435</v>
      </c>
      <c r="FJ18" s="74">
        <v>599</v>
      </c>
      <c r="FK18" s="71">
        <v>39</v>
      </c>
      <c r="FL18" s="72">
        <v>51</v>
      </c>
      <c r="FM18" s="73">
        <v>90</v>
      </c>
      <c r="FN18" s="271"/>
      <c r="FO18" s="72">
        <v>100</v>
      </c>
      <c r="FP18" s="72">
        <v>155</v>
      </c>
      <c r="FQ18" s="72">
        <v>119</v>
      </c>
      <c r="FR18" s="72">
        <v>129</v>
      </c>
      <c r="FS18" s="72">
        <v>62</v>
      </c>
      <c r="FT18" s="73">
        <v>565</v>
      </c>
      <c r="FU18" s="74">
        <v>655</v>
      </c>
      <c r="FV18" s="71">
        <v>1</v>
      </c>
      <c r="FW18" s="72">
        <v>6</v>
      </c>
      <c r="FX18" s="73">
        <v>7</v>
      </c>
      <c r="FY18" s="271"/>
      <c r="FZ18" s="72">
        <v>5</v>
      </c>
      <c r="GA18" s="72">
        <v>11</v>
      </c>
      <c r="GB18" s="72">
        <v>1</v>
      </c>
      <c r="GC18" s="72">
        <v>1</v>
      </c>
      <c r="GD18" s="72">
        <v>6</v>
      </c>
      <c r="GE18" s="73">
        <v>24</v>
      </c>
      <c r="GF18" s="74">
        <v>31</v>
      </c>
      <c r="GG18" s="71">
        <v>249</v>
      </c>
      <c r="GH18" s="72">
        <v>345</v>
      </c>
      <c r="GI18" s="73">
        <v>594</v>
      </c>
      <c r="GJ18" s="271"/>
      <c r="GK18" s="72">
        <v>419</v>
      </c>
      <c r="GL18" s="72">
        <v>472</v>
      </c>
      <c r="GM18" s="72">
        <v>305</v>
      </c>
      <c r="GN18" s="72">
        <v>298</v>
      </c>
      <c r="GO18" s="72">
        <v>175</v>
      </c>
      <c r="GP18" s="73">
        <v>1669</v>
      </c>
      <c r="GQ18" s="74">
        <v>2263</v>
      </c>
      <c r="GR18" s="127">
        <v>352</v>
      </c>
      <c r="GS18" s="83">
        <v>472</v>
      </c>
      <c r="GT18" s="84">
        <v>824</v>
      </c>
      <c r="GU18" s="271"/>
      <c r="GV18" s="83">
        <v>650</v>
      </c>
      <c r="GW18" s="83">
        <v>682</v>
      </c>
      <c r="GX18" s="83">
        <v>455</v>
      </c>
      <c r="GY18" s="83">
        <v>406</v>
      </c>
      <c r="GZ18" s="83">
        <v>227</v>
      </c>
      <c r="HA18" s="85">
        <v>2420</v>
      </c>
      <c r="HB18" s="86">
        <v>3244</v>
      </c>
      <c r="HC18" s="71">
        <v>19</v>
      </c>
      <c r="HD18" s="72">
        <v>13</v>
      </c>
      <c r="HE18" s="73">
        <v>32</v>
      </c>
      <c r="HF18" s="271"/>
      <c r="HG18" s="72">
        <v>21</v>
      </c>
      <c r="HH18" s="72">
        <v>20</v>
      </c>
      <c r="HI18" s="72">
        <v>21</v>
      </c>
      <c r="HJ18" s="72">
        <v>15</v>
      </c>
      <c r="HK18" s="72">
        <v>12</v>
      </c>
      <c r="HL18" s="73">
        <v>89</v>
      </c>
      <c r="HM18" s="74">
        <v>121</v>
      </c>
      <c r="HN18" s="71">
        <v>29</v>
      </c>
      <c r="HO18" s="72">
        <v>36</v>
      </c>
      <c r="HP18" s="73">
        <v>65</v>
      </c>
      <c r="HQ18" s="271"/>
      <c r="HR18" s="72">
        <v>65</v>
      </c>
      <c r="HS18" s="72">
        <v>59</v>
      </c>
      <c r="HT18" s="72">
        <v>31</v>
      </c>
      <c r="HU18" s="72">
        <v>26</v>
      </c>
      <c r="HV18" s="72">
        <v>23</v>
      </c>
      <c r="HW18" s="73">
        <v>204</v>
      </c>
      <c r="HX18" s="74">
        <v>269</v>
      </c>
      <c r="HY18" s="71">
        <v>63</v>
      </c>
      <c r="HZ18" s="72">
        <v>82</v>
      </c>
      <c r="IA18" s="73">
        <v>145</v>
      </c>
      <c r="IB18" s="271"/>
      <c r="IC18" s="72">
        <v>93</v>
      </c>
      <c r="ID18" s="72">
        <v>82</v>
      </c>
      <c r="IE18" s="72">
        <v>50</v>
      </c>
      <c r="IF18" s="72">
        <v>38</v>
      </c>
      <c r="IG18" s="72">
        <v>38</v>
      </c>
      <c r="IH18" s="73">
        <v>301</v>
      </c>
      <c r="II18" s="74">
        <v>446</v>
      </c>
      <c r="IJ18" s="71">
        <v>108</v>
      </c>
      <c r="IK18" s="72">
        <v>126</v>
      </c>
      <c r="IL18" s="73">
        <v>234</v>
      </c>
      <c r="IM18" s="271"/>
      <c r="IN18" s="72">
        <v>165</v>
      </c>
      <c r="IO18" s="72">
        <v>145</v>
      </c>
      <c r="IP18" s="72">
        <v>89</v>
      </c>
      <c r="IQ18" s="72">
        <v>60</v>
      </c>
      <c r="IR18" s="72">
        <v>53</v>
      </c>
      <c r="IS18" s="73">
        <v>512</v>
      </c>
      <c r="IT18" s="74">
        <v>746</v>
      </c>
      <c r="IU18" s="71">
        <v>78</v>
      </c>
      <c r="IV18" s="72">
        <v>142</v>
      </c>
      <c r="IW18" s="73">
        <v>220</v>
      </c>
      <c r="IX18" s="271"/>
      <c r="IY18" s="72">
        <v>171</v>
      </c>
      <c r="IZ18" s="72">
        <v>191</v>
      </c>
      <c r="JA18" s="72">
        <v>118</v>
      </c>
      <c r="JB18" s="72">
        <v>111</v>
      </c>
      <c r="JC18" s="72">
        <v>37</v>
      </c>
      <c r="JD18" s="73">
        <v>628</v>
      </c>
      <c r="JE18" s="74">
        <v>848</v>
      </c>
      <c r="JF18" s="71">
        <v>55</v>
      </c>
      <c r="JG18" s="72">
        <v>73</v>
      </c>
      <c r="JH18" s="73">
        <v>128</v>
      </c>
      <c r="JI18" s="271"/>
      <c r="JJ18" s="72">
        <v>135</v>
      </c>
      <c r="JK18" s="72">
        <v>185</v>
      </c>
      <c r="JL18" s="72">
        <v>146</v>
      </c>
      <c r="JM18" s="72">
        <v>156</v>
      </c>
      <c r="JN18" s="72">
        <v>64</v>
      </c>
      <c r="JO18" s="73">
        <v>686</v>
      </c>
      <c r="JP18" s="74">
        <v>814</v>
      </c>
      <c r="JQ18" s="71">
        <v>2</v>
      </c>
      <c r="JR18" s="72">
        <v>11</v>
      </c>
      <c r="JS18" s="73">
        <v>13</v>
      </c>
      <c r="JT18" s="271"/>
      <c r="JU18" s="72">
        <v>10</v>
      </c>
      <c r="JV18" s="72">
        <v>18</v>
      </c>
      <c r="JW18" s="72">
        <v>6</v>
      </c>
      <c r="JX18" s="72">
        <v>5</v>
      </c>
      <c r="JY18" s="72">
        <v>11</v>
      </c>
      <c r="JZ18" s="73">
        <v>50</v>
      </c>
      <c r="KA18" s="74">
        <v>63</v>
      </c>
      <c r="KB18" s="71">
        <v>354</v>
      </c>
      <c r="KC18" s="72">
        <v>483</v>
      </c>
      <c r="KD18" s="73">
        <v>837</v>
      </c>
      <c r="KE18" s="271"/>
      <c r="KF18" s="72">
        <v>660</v>
      </c>
      <c r="KG18" s="72">
        <v>700</v>
      </c>
      <c r="KH18" s="72">
        <v>461</v>
      </c>
      <c r="KI18" s="72">
        <v>411</v>
      </c>
      <c r="KJ18" s="72">
        <v>238</v>
      </c>
      <c r="KK18" s="73">
        <v>2470</v>
      </c>
      <c r="KL18" s="74">
        <v>3307</v>
      </c>
    </row>
    <row r="19" spans="1:298" ht="19.5" customHeight="1" x14ac:dyDescent="0.2">
      <c r="A19" s="130" t="s">
        <v>16</v>
      </c>
      <c r="B19" s="353">
        <v>205</v>
      </c>
      <c r="C19" s="83">
        <v>241</v>
      </c>
      <c r="D19" s="84">
        <v>446</v>
      </c>
      <c r="E19" s="271"/>
      <c r="F19" s="83">
        <v>474</v>
      </c>
      <c r="G19" s="83">
        <v>598</v>
      </c>
      <c r="H19" s="83">
        <v>412</v>
      </c>
      <c r="I19" s="83">
        <v>333</v>
      </c>
      <c r="J19" s="83">
        <v>187</v>
      </c>
      <c r="K19" s="85">
        <v>2004</v>
      </c>
      <c r="L19" s="86">
        <v>2450</v>
      </c>
      <c r="M19" s="71">
        <v>11</v>
      </c>
      <c r="N19" s="72">
        <v>11</v>
      </c>
      <c r="O19" s="73">
        <v>22</v>
      </c>
      <c r="P19" s="271"/>
      <c r="Q19" s="72">
        <v>21</v>
      </c>
      <c r="R19" s="72">
        <v>34</v>
      </c>
      <c r="S19" s="72">
        <v>25</v>
      </c>
      <c r="T19" s="72">
        <v>27</v>
      </c>
      <c r="U19" s="72">
        <v>17</v>
      </c>
      <c r="V19" s="73">
        <v>124</v>
      </c>
      <c r="W19" s="74">
        <v>146</v>
      </c>
      <c r="X19" s="71">
        <v>31</v>
      </c>
      <c r="Y19" s="72">
        <v>36</v>
      </c>
      <c r="Z19" s="73">
        <v>67</v>
      </c>
      <c r="AA19" s="271"/>
      <c r="AB19" s="72">
        <v>64</v>
      </c>
      <c r="AC19" s="72">
        <v>83</v>
      </c>
      <c r="AD19" s="72">
        <v>70</v>
      </c>
      <c r="AE19" s="72">
        <v>49</v>
      </c>
      <c r="AF19" s="72">
        <v>34</v>
      </c>
      <c r="AG19" s="73">
        <v>300</v>
      </c>
      <c r="AH19" s="74">
        <v>367</v>
      </c>
      <c r="AI19" s="71">
        <v>46</v>
      </c>
      <c r="AJ19" s="72">
        <v>45</v>
      </c>
      <c r="AK19" s="73">
        <v>91</v>
      </c>
      <c r="AL19" s="271"/>
      <c r="AM19" s="72">
        <v>95</v>
      </c>
      <c r="AN19" s="72">
        <v>95</v>
      </c>
      <c r="AO19" s="72">
        <v>66</v>
      </c>
      <c r="AP19" s="72">
        <v>49</v>
      </c>
      <c r="AQ19" s="72">
        <v>27</v>
      </c>
      <c r="AR19" s="73">
        <v>332</v>
      </c>
      <c r="AS19" s="74">
        <v>423</v>
      </c>
      <c r="AT19" s="71">
        <v>45</v>
      </c>
      <c r="AU19" s="72">
        <v>62</v>
      </c>
      <c r="AV19" s="73">
        <v>107</v>
      </c>
      <c r="AW19" s="271"/>
      <c r="AX19" s="72">
        <v>107</v>
      </c>
      <c r="AY19" s="72">
        <v>150</v>
      </c>
      <c r="AZ19" s="72">
        <v>99</v>
      </c>
      <c r="BA19" s="72">
        <v>77</v>
      </c>
      <c r="BB19" s="72">
        <v>48</v>
      </c>
      <c r="BC19" s="73">
        <v>481</v>
      </c>
      <c r="BD19" s="74">
        <v>588</v>
      </c>
      <c r="BE19" s="71">
        <v>43</v>
      </c>
      <c r="BF19" s="72">
        <v>57</v>
      </c>
      <c r="BG19" s="73">
        <v>100</v>
      </c>
      <c r="BH19" s="271"/>
      <c r="BI19" s="72">
        <v>115</v>
      </c>
      <c r="BJ19" s="72">
        <v>144</v>
      </c>
      <c r="BK19" s="72">
        <v>93</v>
      </c>
      <c r="BL19" s="72">
        <v>67</v>
      </c>
      <c r="BM19" s="72">
        <v>31</v>
      </c>
      <c r="BN19" s="73">
        <v>450</v>
      </c>
      <c r="BO19" s="74">
        <v>550</v>
      </c>
      <c r="BP19" s="71">
        <v>29</v>
      </c>
      <c r="BQ19" s="72">
        <v>30</v>
      </c>
      <c r="BR19" s="73">
        <v>59</v>
      </c>
      <c r="BS19" s="271"/>
      <c r="BT19" s="72">
        <v>72</v>
      </c>
      <c r="BU19" s="72">
        <v>92</v>
      </c>
      <c r="BV19" s="72">
        <v>59</v>
      </c>
      <c r="BW19" s="72">
        <v>64</v>
      </c>
      <c r="BX19" s="72">
        <v>30</v>
      </c>
      <c r="BY19" s="73">
        <v>317</v>
      </c>
      <c r="BZ19" s="74">
        <v>376</v>
      </c>
      <c r="CA19" s="71">
        <v>14</v>
      </c>
      <c r="CB19" s="72">
        <v>10</v>
      </c>
      <c r="CC19" s="73">
        <v>24</v>
      </c>
      <c r="CD19" s="271"/>
      <c r="CE19" s="72">
        <v>14</v>
      </c>
      <c r="CF19" s="72">
        <v>27</v>
      </c>
      <c r="CG19" s="72">
        <v>18</v>
      </c>
      <c r="CH19" s="72">
        <v>8</v>
      </c>
      <c r="CI19" s="72">
        <v>15</v>
      </c>
      <c r="CJ19" s="73">
        <v>82</v>
      </c>
      <c r="CK19" s="74">
        <v>106</v>
      </c>
      <c r="CL19" s="71">
        <v>219</v>
      </c>
      <c r="CM19" s="72">
        <v>251</v>
      </c>
      <c r="CN19" s="73">
        <v>470</v>
      </c>
      <c r="CO19" s="271"/>
      <c r="CP19" s="72">
        <v>488</v>
      </c>
      <c r="CQ19" s="72">
        <v>625</v>
      </c>
      <c r="CR19" s="72">
        <v>430</v>
      </c>
      <c r="CS19" s="72">
        <v>341</v>
      </c>
      <c r="CT19" s="72">
        <v>202</v>
      </c>
      <c r="CU19" s="73">
        <v>2086</v>
      </c>
      <c r="CV19" s="74">
        <v>2556</v>
      </c>
      <c r="CW19" s="127">
        <v>383</v>
      </c>
      <c r="CX19" s="83">
        <v>538</v>
      </c>
      <c r="CY19" s="84">
        <v>921</v>
      </c>
      <c r="CZ19" s="271"/>
      <c r="DA19" s="83">
        <v>880</v>
      </c>
      <c r="DB19" s="83">
        <v>989</v>
      </c>
      <c r="DC19" s="83">
        <v>782</v>
      </c>
      <c r="DD19" s="83">
        <v>710</v>
      </c>
      <c r="DE19" s="83">
        <v>512</v>
      </c>
      <c r="DF19" s="85">
        <v>3873</v>
      </c>
      <c r="DG19" s="86">
        <v>4794</v>
      </c>
      <c r="DH19" s="71">
        <v>13</v>
      </c>
      <c r="DI19" s="72">
        <v>21</v>
      </c>
      <c r="DJ19" s="73">
        <v>34</v>
      </c>
      <c r="DK19" s="271"/>
      <c r="DL19" s="72">
        <v>22</v>
      </c>
      <c r="DM19" s="72">
        <v>37</v>
      </c>
      <c r="DN19" s="72">
        <v>20</v>
      </c>
      <c r="DO19" s="72">
        <v>15</v>
      </c>
      <c r="DP19" s="72">
        <v>16</v>
      </c>
      <c r="DQ19" s="73">
        <v>110</v>
      </c>
      <c r="DR19" s="74">
        <v>144</v>
      </c>
      <c r="DS19" s="71">
        <v>48</v>
      </c>
      <c r="DT19" s="72">
        <v>58</v>
      </c>
      <c r="DU19" s="73">
        <v>106</v>
      </c>
      <c r="DV19" s="271"/>
      <c r="DW19" s="72">
        <v>68</v>
      </c>
      <c r="DX19" s="72">
        <v>77</v>
      </c>
      <c r="DY19" s="72">
        <v>52</v>
      </c>
      <c r="DZ19" s="72">
        <v>42</v>
      </c>
      <c r="EA19" s="72">
        <v>42</v>
      </c>
      <c r="EB19" s="73">
        <v>281</v>
      </c>
      <c r="EC19" s="74">
        <v>387</v>
      </c>
      <c r="ED19" s="71">
        <v>70</v>
      </c>
      <c r="EE19" s="72">
        <v>94</v>
      </c>
      <c r="EF19" s="73">
        <v>164</v>
      </c>
      <c r="EG19" s="271"/>
      <c r="EH19" s="72">
        <v>118</v>
      </c>
      <c r="EI19" s="72">
        <v>135</v>
      </c>
      <c r="EJ19" s="72">
        <v>77</v>
      </c>
      <c r="EK19" s="72">
        <v>58</v>
      </c>
      <c r="EL19" s="72">
        <v>59</v>
      </c>
      <c r="EM19" s="73">
        <v>447</v>
      </c>
      <c r="EN19" s="74">
        <v>611</v>
      </c>
      <c r="EO19" s="71">
        <v>101</v>
      </c>
      <c r="EP19" s="72">
        <v>136</v>
      </c>
      <c r="EQ19" s="73">
        <v>237</v>
      </c>
      <c r="ER19" s="271"/>
      <c r="ES19" s="72">
        <v>209</v>
      </c>
      <c r="ET19" s="72">
        <v>191</v>
      </c>
      <c r="EU19" s="72">
        <v>150</v>
      </c>
      <c r="EV19" s="72">
        <v>135</v>
      </c>
      <c r="EW19" s="72">
        <v>77</v>
      </c>
      <c r="EX19" s="73">
        <v>762</v>
      </c>
      <c r="EY19" s="74">
        <v>999</v>
      </c>
      <c r="EZ19" s="71">
        <v>97</v>
      </c>
      <c r="FA19" s="72">
        <v>134</v>
      </c>
      <c r="FB19" s="73">
        <v>231</v>
      </c>
      <c r="FC19" s="271"/>
      <c r="FD19" s="72">
        <v>262</v>
      </c>
      <c r="FE19" s="72">
        <v>272</v>
      </c>
      <c r="FF19" s="72">
        <v>187</v>
      </c>
      <c r="FG19" s="72">
        <v>161</v>
      </c>
      <c r="FH19" s="72">
        <v>120</v>
      </c>
      <c r="FI19" s="73">
        <v>1002</v>
      </c>
      <c r="FJ19" s="74">
        <v>1233</v>
      </c>
      <c r="FK19" s="71">
        <v>54</v>
      </c>
      <c r="FL19" s="72">
        <v>95</v>
      </c>
      <c r="FM19" s="73">
        <v>149</v>
      </c>
      <c r="FN19" s="271"/>
      <c r="FO19" s="72">
        <v>201</v>
      </c>
      <c r="FP19" s="72">
        <v>277</v>
      </c>
      <c r="FQ19" s="72">
        <v>296</v>
      </c>
      <c r="FR19" s="72">
        <v>299</v>
      </c>
      <c r="FS19" s="72">
        <v>198</v>
      </c>
      <c r="FT19" s="73">
        <v>1271</v>
      </c>
      <c r="FU19" s="74">
        <v>1420</v>
      </c>
      <c r="FV19" s="71">
        <v>6</v>
      </c>
      <c r="FW19" s="72">
        <v>15</v>
      </c>
      <c r="FX19" s="73">
        <v>21</v>
      </c>
      <c r="FY19" s="271"/>
      <c r="FZ19" s="72">
        <v>6</v>
      </c>
      <c r="GA19" s="72">
        <v>16</v>
      </c>
      <c r="GB19" s="72">
        <v>10</v>
      </c>
      <c r="GC19" s="72">
        <v>16</v>
      </c>
      <c r="GD19" s="72">
        <v>12</v>
      </c>
      <c r="GE19" s="73">
        <v>60</v>
      </c>
      <c r="GF19" s="74">
        <v>81</v>
      </c>
      <c r="GG19" s="71">
        <v>389</v>
      </c>
      <c r="GH19" s="72">
        <v>553</v>
      </c>
      <c r="GI19" s="73">
        <v>942</v>
      </c>
      <c r="GJ19" s="271"/>
      <c r="GK19" s="72">
        <v>886</v>
      </c>
      <c r="GL19" s="72">
        <v>1005</v>
      </c>
      <c r="GM19" s="72">
        <v>792</v>
      </c>
      <c r="GN19" s="72">
        <v>726</v>
      </c>
      <c r="GO19" s="72">
        <v>524</v>
      </c>
      <c r="GP19" s="73">
        <v>3933</v>
      </c>
      <c r="GQ19" s="74">
        <v>4875</v>
      </c>
      <c r="GR19" s="127">
        <v>588</v>
      </c>
      <c r="GS19" s="83">
        <v>779</v>
      </c>
      <c r="GT19" s="84">
        <v>1367</v>
      </c>
      <c r="GU19" s="271"/>
      <c r="GV19" s="83">
        <v>1354</v>
      </c>
      <c r="GW19" s="83">
        <v>1587</v>
      </c>
      <c r="GX19" s="83">
        <v>1194</v>
      </c>
      <c r="GY19" s="83">
        <v>1043</v>
      </c>
      <c r="GZ19" s="83">
        <v>699</v>
      </c>
      <c r="HA19" s="85">
        <v>5877</v>
      </c>
      <c r="HB19" s="86">
        <v>7244</v>
      </c>
      <c r="HC19" s="71">
        <v>24</v>
      </c>
      <c r="HD19" s="72">
        <v>32</v>
      </c>
      <c r="HE19" s="73">
        <v>56</v>
      </c>
      <c r="HF19" s="271"/>
      <c r="HG19" s="72">
        <v>43</v>
      </c>
      <c r="HH19" s="72">
        <v>71</v>
      </c>
      <c r="HI19" s="72">
        <v>45</v>
      </c>
      <c r="HJ19" s="72">
        <v>42</v>
      </c>
      <c r="HK19" s="72">
        <v>33</v>
      </c>
      <c r="HL19" s="73">
        <v>234</v>
      </c>
      <c r="HM19" s="74">
        <v>290</v>
      </c>
      <c r="HN19" s="71">
        <v>79</v>
      </c>
      <c r="HO19" s="72">
        <v>94</v>
      </c>
      <c r="HP19" s="73">
        <v>173</v>
      </c>
      <c r="HQ19" s="271"/>
      <c r="HR19" s="72">
        <v>132</v>
      </c>
      <c r="HS19" s="72">
        <v>160</v>
      </c>
      <c r="HT19" s="72">
        <v>122</v>
      </c>
      <c r="HU19" s="72">
        <v>91</v>
      </c>
      <c r="HV19" s="72">
        <v>76</v>
      </c>
      <c r="HW19" s="73">
        <v>581</v>
      </c>
      <c r="HX19" s="74">
        <v>754</v>
      </c>
      <c r="HY19" s="71">
        <v>116</v>
      </c>
      <c r="HZ19" s="72">
        <v>139</v>
      </c>
      <c r="IA19" s="73">
        <v>255</v>
      </c>
      <c r="IB19" s="271"/>
      <c r="IC19" s="72">
        <v>213</v>
      </c>
      <c r="ID19" s="72">
        <v>230</v>
      </c>
      <c r="IE19" s="72">
        <v>143</v>
      </c>
      <c r="IF19" s="72">
        <v>107</v>
      </c>
      <c r="IG19" s="72">
        <v>86</v>
      </c>
      <c r="IH19" s="73">
        <v>779</v>
      </c>
      <c r="II19" s="74">
        <v>1034</v>
      </c>
      <c r="IJ19" s="71">
        <v>146</v>
      </c>
      <c r="IK19" s="72">
        <v>198</v>
      </c>
      <c r="IL19" s="73">
        <v>344</v>
      </c>
      <c r="IM19" s="271"/>
      <c r="IN19" s="72">
        <v>316</v>
      </c>
      <c r="IO19" s="72">
        <v>341</v>
      </c>
      <c r="IP19" s="72">
        <v>249</v>
      </c>
      <c r="IQ19" s="72">
        <v>212</v>
      </c>
      <c r="IR19" s="72">
        <v>125</v>
      </c>
      <c r="IS19" s="73">
        <v>1243</v>
      </c>
      <c r="IT19" s="74">
        <v>1587</v>
      </c>
      <c r="IU19" s="71">
        <v>140</v>
      </c>
      <c r="IV19" s="72">
        <v>191</v>
      </c>
      <c r="IW19" s="73">
        <v>331</v>
      </c>
      <c r="IX19" s="271"/>
      <c r="IY19" s="72">
        <v>377</v>
      </c>
      <c r="IZ19" s="72">
        <v>416</v>
      </c>
      <c r="JA19" s="72">
        <v>280</v>
      </c>
      <c r="JB19" s="72">
        <v>228</v>
      </c>
      <c r="JC19" s="72">
        <v>151</v>
      </c>
      <c r="JD19" s="73">
        <v>1452</v>
      </c>
      <c r="JE19" s="74">
        <v>1783</v>
      </c>
      <c r="JF19" s="71">
        <v>83</v>
      </c>
      <c r="JG19" s="72">
        <v>125</v>
      </c>
      <c r="JH19" s="73">
        <v>208</v>
      </c>
      <c r="JI19" s="271"/>
      <c r="JJ19" s="72">
        <v>273</v>
      </c>
      <c r="JK19" s="72">
        <v>369</v>
      </c>
      <c r="JL19" s="72">
        <v>355</v>
      </c>
      <c r="JM19" s="72">
        <v>363</v>
      </c>
      <c r="JN19" s="72">
        <v>228</v>
      </c>
      <c r="JO19" s="73">
        <v>1588</v>
      </c>
      <c r="JP19" s="74">
        <v>1796</v>
      </c>
      <c r="JQ19" s="71">
        <v>20</v>
      </c>
      <c r="JR19" s="72">
        <v>25</v>
      </c>
      <c r="JS19" s="73">
        <v>45</v>
      </c>
      <c r="JT19" s="271"/>
      <c r="JU19" s="72">
        <v>20</v>
      </c>
      <c r="JV19" s="72">
        <v>43</v>
      </c>
      <c r="JW19" s="72">
        <v>28</v>
      </c>
      <c r="JX19" s="72">
        <v>24</v>
      </c>
      <c r="JY19" s="72">
        <v>27</v>
      </c>
      <c r="JZ19" s="73">
        <v>142</v>
      </c>
      <c r="KA19" s="74">
        <v>187</v>
      </c>
      <c r="KB19" s="71">
        <v>608</v>
      </c>
      <c r="KC19" s="72">
        <v>804</v>
      </c>
      <c r="KD19" s="73">
        <v>1412</v>
      </c>
      <c r="KE19" s="271"/>
      <c r="KF19" s="72">
        <v>1374</v>
      </c>
      <c r="KG19" s="72">
        <v>1630</v>
      </c>
      <c r="KH19" s="72">
        <v>1222</v>
      </c>
      <c r="KI19" s="72">
        <v>1067</v>
      </c>
      <c r="KJ19" s="72">
        <v>726</v>
      </c>
      <c r="KK19" s="73">
        <v>6019</v>
      </c>
      <c r="KL19" s="74">
        <v>7431</v>
      </c>
    </row>
    <row r="20" spans="1:298" ht="19.5" customHeight="1" x14ac:dyDescent="0.2">
      <c r="A20" s="130" t="s">
        <v>17</v>
      </c>
      <c r="B20" s="353">
        <v>288</v>
      </c>
      <c r="C20" s="83">
        <v>347</v>
      </c>
      <c r="D20" s="84">
        <v>635</v>
      </c>
      <c r="E20" s="271"/>
      <c r="F20" s="83">
        <v>545</v>
      </c>
      <c r="G20" s="83">
        <v>694</v>
      </c>
      <c r="H20" s="83">
        <v>517</v>
      </c>
      <c r="I20" s="83">
        <v>400</v>
      </c>
      <c r="J20" s="83">
        <v>226</v>
      </c>
      <c r="K20" s="85">
        <v>2382</v>
      </c>
      <c r="L20" s="86">
        <v>3017</v>
      </c>
      <c r="M20" s="71">
        <v>13</v>
      </c>
      <c r="N20" s="72">
        <v>25</v>
      </c>
      <c r="O20" s="73">
        <v>38</v>
      </c>
      <c r="P20" s="271"/>
      <c r="Q20" s="72">
        <v>32</v>
      </c>
      <c r="R20" s="72">
        <v>37</v>
      </c>
      <c r="S20" s="72">
        <v>36</v>
      </c>
      <c r="T20" s="72">
        <v>27</v>
      </c>
      <c r="U20" s="72">
        <v>21</v>
      </c>
      <c r="V20" s="73">
        <v>153</v>
      </c>
      <c r="W20" s="74">
        <v>191</v>
      </c>
      <c r="X20" s="71">
        <v>36</v>
      </c>
      <c r="Y20" s="72">
        <v>55</v>
      </c>
      <c r="Z20" s="73">
        <v>91</v>
      </c>
      <c r="AA20" s="271"/>
      <c r="AB20" s="72">
        <v>49</v>
      </c>
      <c r="AC20" s="72">
        <v>111</v>
      </c>
      <c r="AD20" s="72">
        <v>63</v>
      </c>
      <c r="AE20" s="72">
        <v>54</v>
      </c>
      <c r="AF20" s="72">
        <v>43</v>
      </c>
      <c r="AG20" s="73">
        <v>320</v>
      </c>
      <c r="AH20" s="74">
        <v>411</v>
      </c>
      <c r="AI20" s="71">
        <v>54</v>
      </c>
      <c r="AJ20" s="72">
        <v>60</v>
      </c>
      <c r="AK20" s="73">
        <v>114</v>
      </c>
      <c r="AL20" s="271"/>
      <c r="AM20" s="72">
        <v>102</v>
      </c>
      <c r="AN20" s="72">
        <v>119</v>
      </c>
      <c r="AO20" s="72">
        <v>96</v>
      </c>
      <c r="AP20" s="72">
        <v>81</v>
      </c>
      <c r="AQ20" s="72">
        <v>38</v>
      </c>
      <c r="AR20" s="73">
        <v>436</v>
      </c>
      <c r="AS20" s="74">
        <v>550</v>
      </c>
      <c r="AT20" s="71">
        <v>73</v>
      </c>
      <c r="AU20" s="72">
        <v>84</v>
      </c>
      <c r="AV20" s="73">
        <v>157</v>
      </c>
      <c r="AW20" s="271"/>
      <c r="AX20" s="72">
        <v>149</v>
      </c>
      <c r="AY20" s="72">
        <v>167</v>
      </c>
      <c r="AZ20" s="72">
        <v>132</v>
      </c>
      <c r="BA20" s="72">
        <v>97</v>
      </c>
      <c r="BB20" s="72">
        <v>57</v>
      </c>
      <c r="BC20" s="73">
        <v>602</v>
      </c>
      <c r="BD20" s="74">
        <v>759</v>
      </c>
      <c r="BE20" s="71">
        <v>74</v>
      </c>
      <c r="BF20" s="72">
        <v>76</v>
      </c>
      <c r="BG20" s="73">
        <v>150</v>
      </c>
      <c r="BH20" s="271"/>
      <c r="BI20" s="72">
        <v>130</v>
      </c>
      <c r="BJ20" s="72">
        <v>155</v>
      </c>
      <c r="BK20" s="72">
        <v>115</v>
      </c>
      <c r="BL20" s="72">
        <v>87</v>
      </c>
      <c r="BM20" s="72">
        <v>49</v>
      </c>
      <c r="BN20" s="73">
        <v>536</v>
      </c>
      <c r="BO20" s="74">
        <v>686</v>
      </c>
      <c r="BP20" s="71">
        <v>38</v>
      </c>
      <c r="BQ20" s="72">
        <v>47</v>
      </c>
      <c r="BR20" s="73">
        <v>85</v>
      </c>
      <c r="BS20" s="271"/>
      <c r="BT20" s="72">
        <v>83</v>
      </c>
      <c r="BU20" s="72">
        <v>105</v>
      </c>
      <c r="BV20" s="72">
        <v>75</v>
      </c>
      <c r="BW20" s="72">
        <v>54</v>
      </c>
      <c r="BX20" s="72">
        <v>18</v>
      </c>
      <c r="BY20" s="73">
        <v>335</v>
      </c>
      <c r="BZ20" s="74">
        <v>420</v>
      </c>
      <c r="CA20" s="71">
        <v>13</v>
      </c>
      <c r="CB20" s="72">
        <v>22</v>
      </c>
      <c r="CC20" s="73">
        <v>35</v>
      </c>
      <c r="CD20" s="271"/>
      <c r="CE20" s="72">
        <v>19</v>
      </c>
      <c r="CF20" s="72">
        <v>38</v>
      </c>
      <c r="CG20" s="72">
        <v>32</v>
      </c>
      <c r="CH20" s="72">
        <v>19</v>
      </c>
      <c r="CI20" s="72">
        <v>15</v>
      </c>
      <c r="CJ20" s="73">
        <v>123</v>
      </c>
      <c r="CK20" s="74">
        <v>158</v>
      </c>
      <c r="CL20" s="71">
        <v>301</v>
      </c>
      <c r="CM20" s="72">
        <v>369</v>
      </c>
      <c r="CN20" s="73">
        <v>670</v>
      </c>
      <c r="CO20" s="271"/>
      <c r="CP20" s="72">
        <v>564</v>
      </c>
      <c r="CQ20" s="72">
        <v>732</v>
      </c>
      <c r="CR20" s="72">
        <v>549</v>
      </c>
      <c r="CS20" s="72">
        <v>419</v>
      </c>
      <c r="CT20" s="72">
        <v>241</v>
      </c>
      <c r="CU20" s="73">
        <v>2505</v>
      </c>
      <c r="CV20" s="74">
        <v>3175</v>
      </c>
      <c r="CW20" s="127">
        <v>603</v>
      </c>
      <c r="CX20" s="83">
        <v>813</v>
      </c>
      <c r="CY20" s="84">
        <v>1416</v>
      </c>
      <c r="CZ20" s="271"/>
      <c r="DA20" s="83">
        <v>917</v>
      </c>
      <c r="DB20" s="83">
        <v>1161</v>
      </c>
      <c r="DC20" s="83">
        <v>830</v>
      </c>
      <c r="DD20" s="83">
        <v>779</v>
      </c>
      <c r="DE20" s="83">
        <v>544</v>
      </c>
      <c r="DF20" s="85">
        <v>4231</v>
      </c>
      <c r="DG20" s="86">
        <v>5647</v>
      </c>
      <c r="DH20" s="71">
        <v>14</v>
      </c>
      <c r="DI20" s="72">
        <v>25</v>
      </c>
      <c r="DJ20" s="73">
        <v>39</v>
      </c>
      <c r="DK20" s="271"/>
      <c r="DL20" s="72">
        <v>23</v>
      </c>
      <c r="DM20" s="72">
        <v>38</v>
      </c>
      <c r="DN20" s="72">
        <v>30</v>
      </c>
      <c r="DO20" s="72">
        <v>19</v>
      </c>
      <c r="DP20" s="72">
        <v>20</v>
      </c>
      <c r="DQ20" s="73">
        <v>130</v>
      </c>
      <c r="DR20" s="74">
        <v>169</v>
      </c>
      <c r="DS20" s="71">
        <v>64</v>
      </c>
      <c r="DT20" s="72">
        <v>75</v>
      </c>
      <c r="DU20" s="73">
        <v>139</v>
      </c>
      <c r="DV20" s="271"/>
      <c r="DW20" s="72">
        <v>64</v>
      </c>
      <c r="DX20" s="72">
        <v>75</v>
      </c>
      <c r="DY20" s="72">
        <v>56</v>
      </c>
      <c r="DZ20" s="72">
        <v>40</v>
      </c>
      <c r="EA20" s="72">
        <v>44</v>
      </c>
      <c r="EB20" s="73">
        <v>279</v>
      </c>
      <c r="EC20" s="74">
        <v>418</v>
      </c>
      <c r="ED20" s="71">
        <v>97</v>
      </c>
      <c r="EE20" s="72">
        <v>144</v>
      </c>
      <c r="EF20" s="73">
        <v>241</v>
      </c>
      <c r="EG20" s="271"/>
      <c r="EH20" s="72">
        <v>133</v>
      </c>
      <c r="EI20" s="72">
        <v>161</v>
      </c>
      <c r="EJ20" s="72">
        <v>114</v>
      </c>
      <c r="EK20" s="72">
        <v>110</v>
      </c>
      <c r="EL20" s="72">
        <v>59</v>
      </c>
      <c r="EM20" s="73">
        <v>577</v>
      </c>
      <c r="EN20" s="74">
        <v>818</v>
      </c>
      <c r="EO20" s="71">
        <v>179</v>
      </c>
      <c r="EP20" s="72">
        <v>215</v>
      </c>
      <c r="EQ20" s="73">
        <v>394</v>
      </c>
      <c r="ER20" s="271"/>
      <c r="ES20" s="72">
        <v>233</v>
      </c>
      <c r="ET20" s="72">
        <v>275</v>
      </c>
      <c r="EU20" s="72">
        <v>169</v>
      </c>
      <c r="EV20" s="72">
        <v>149</v>
      </c>
      <c r="EW20" s="72">
        <v>90</v>
      </c>
      <c r="EX20" s="73">
        <v>916</v>
      </c>
      <c r="EY20" s="74">
        <v>1310</v>
      </c>
      <c r="EZ20" s="71">
        <v>164</v>
      </c>
      <c r="FA20" s="72">
        <v>227</v>
      </c>
      <c r="FB20" s="73">
        <v>391</v>
      </c>
      <c r="FC20" s="271"/>
      <c r="FD20" s="72">
        <v>288</v>
      </c>
      <c r="FE20" s="72">
        <v>293</v>
      </c>
      <c r="FF20" s="72">
        <v>222</v>
      </c>
      <c r="FG20" s="72">
        <v>181</v>
      </c>
      <c r="FH20" s="72">
        <v>161</v>
      </c>
      <c r="FI20" s="73">
        <v>1145</v>
      </c>
      <c r="FJ20" s="74">
        <v>1536</v>
      </c>
      <c r="FK20" s="71">
        <v>85</v>
      </c>
      <c r="FL20" s="72">
        <v>127</v>
      </c>
      <c r="FM20" s="73">
        <v>212</v>
      </c>
      <c r="FN20" s="271"/>
      <c r="FO20" s="72">
        <v>176</v>
      </c>
      <c r="FP20" s="72">
        <v>319</v>
      </c>
      <c r="FQ20" s="72">
        <v>239</v>
      </c>
      <c r="FR20" s="72">
        <v>280</v>
      </c>
      <c r="FS20" s="72">
        <v>170</v>
      </c>
      <c r="FT20" s="73">
        <v>1184</v>
      </c>
      <c r="FU20" s="74">
        <v>1396</v>
      </c>
      <c r="FV20" s="71">
        <v>4</v>
      </c>
      <c r="FW20" s="72">
        <v>27</v>
      </c>
      <c r="FX20" s="73">
        <v>31</v>
      </c>
      <c r="FY20" s="271"/>
      <c r="FZ20" s="72">
        <v>4</v>
      </c>
      <c r="GA20" s="72">
        <v>29</v>
      </c>
      <c r="GB20" s="72">
        <v>15</v>
      </c>
      <c r="GC20" s="72">
        <v>19</v>
      </c>
      <c r="GD20" s="72">
        <v>11</v>
      </c>
      <c r="GE20" s="73">
        <v>78</v>
      </c>
      <c r="GF20" s="74">
        <v>109</v>
      </c>
      <c r="GG20" s="71">
        <v>607</v>
      </c>
      <c r="GH20" s="72">
        <v>840</v>
      </c>
      <c r="GI20" s="73">
        <v>1447</v>
      </c>
      <c r="GJ20" s="271"/>
      <c r="GK20" s="72">
        <v>921</v>
      </c>
      <c r="GL20" s="72">
        <v>1190</v>
      </c>
      <c r="GM20" s="72">
        <v>845</v>
      </c>
      <c r="GN20" s="72">
        <v>798</v>
      </c>
      <c r="GO20" s="72">
        <v>555</v>
      </c>
      <c r="GP20" s="73">
        <v>4309</v>
      </c>
      <c r="GQ20" s="74">
        <v>5756</v>
      </c>
      <c r="GR20" s="127">
        <v>891</v>
      </c>
      <c r="GS20" s="83">
        <v>1160</v>
      </c>
      <c r="GT20" s="84">
        <v>2051</v>
      </c>
      <c r="GU20" s="271"/>
      <c r="GV20" s="83">
        <v>1462</v>
      </c>
      <c r="GW20" s="83">
        <v>1855</v>
      </c>
      <c r="GX20" s="83">
        <v>1347</v>
      </c>
      <c r="GY20" s="83">
        <v>1179</v>
      </c>
      <c r="GZ20" s="83">
        <v>770</v>
      </c>
      <c r="HA20" s="85">
        <v>6613</v>
      </c>
      <c r="HB20" s="86">
        <v>8664</v>
      </c>
      <c r="HC20" s="71">
        <v>27</v>
      </c>
      <c r="HD20" s="72">
        <v>50</v>
      </c>
      <c r="HE20" s="73">
        <v>77</v>
      </c>
      <c r="HF20" s="271"/>
      <c r="HG20" s="72">
        <v>55</v>
      </c>
      <c r="HH20" s="72">
        <v>75</v>
      </c>
      <c r="HI20" s="72">
        <v>66</v>
      </c>
      <c r="HJ20" s="72">
        <v>46</v>
      </c>
      <c r="HK20" s="72">
        <v>41</v>
      </c>
      <c r="HL20" s="73">
        <v>283</v>
      </c>
      <c r="HM20" s="74">
        <v>360</v>
      </c>
      <c r="HN20" s="71">
        <v>100</v>
      </c>
      <c r="HO20" s="72">
        <v>130</v>
      </c>
      <c r="HP20" s="73">
        <v>230</v>
      </c>
      <c r="HQ20" s="271"/>
      <c r="HR20" s="72">
        <v>113</v>
      </c>
      <c r="HS20" s="72">
        <v>186</v>
      </c>
      <c r="HT20" s="72">
        <v>119</v>
      </c>
      <c r="HU20" s="72">
        <v>94</v>
      </c>
      <c r="HV20" s="72">
        <v>87</v>
      </c>
      <c r="HW20" s="73">
        <v>599</v>
      </c>
      <c r="HX20" s="74">
        <v>829</v>
      </c>
      <c r="HY20" s="71">
        <v>151</v>
      </c>
      <c r="HZ20" s="72">
        <v>204</v>
      </c>
      <c r="IA20" s="73">
        <v>355</v>
      </c>
      <c r="IB20" s="271"/>
      <c r="IC20" s="72">
        <v>235</v>
      </c>
      <c r="ID20" s="72">
        <v>280</v>
      </c>
      <c r="IE20" s="72">
        <v>210</v>
      </c>
      <c r="IF20" s="72">
        <v>191</v>
      </c>
      <c r="IG20" s="72">
        <v>97</v>
      </c>
      <c r="IH20" s="73">
        <v>1013</v>
      </c>
      <c r="II20" s="74">
        <v>1368</v>
      </c>
      <c r="IJ20" s="71">
        <v>252</v>
      </c>
      <c r="IK20" s="72">
        <v>299</v>
      </c>
      <c r="IL20" s="73">
        <v>551</v>
      </c>
      <c r="IM20" s="271"/>
      <c r="IN20" s="72">
        <v>382</v>
      </c>
      <c r="IO20" s="72">
        <v>442</v>
      </c>
      <c r="IP20" s="72">
        <v>301</v>
      </c>
      <c r="IQ20" s="72">
        <v>246</v>
      </c>
      <c r="IR20" s="72">
        <v>147</v>
      </c>
      <c r="IS20" s="73">
        <v>1518</v>
      </c>
      <c r="IT20" s="74">
        <v>2069</v>
      </c>
      <c r="IU20" s="71">
        <v>238</v>
      </c>
      <c r="IV20" s="72">
        <v>303</v>
      </c>
      <c r="IW20" s="73">
        <v>541</v>
      </c>
      <c r="IX20" s="271"/>
      <c r="IY20" s="72">
        <v>418</v>
      </c>
      <c r="IZ20" s="72">
        <v>448</v>
      </c>
      <c r="JA20" s="72">
        <v>337</v>
      </c>
      <c r="JB20" s="72">
        <v>268</v>
      </c>
      <c r="JC20" s="72">
        <v>210</v>
      </c>
      <c r="JD20" s="73">
        <v>1681</v>
      </c>
      <c r="JE20" s="74">
        <v>2222</v>
      </c>
      <c r="JF20" s="71">
        <v>123</v>
      </c>
      <c r="JG20" s="72">
        <v>174</v>
      </c>
      <c r="JH20" s="73">
        <v>297</v>
      </c>
      <c r="JI20" s="271"/>
      <c r="JJ20" s="72">
        <v>259</v>
      </c>
      <c r="JK20" s="72">
        <v>424</v>
      </c>
      <c r="JL20" s="72">
        <v>314</v>
      </c>
      <c r="JM20" s="72">
        <v>334</v>
      </c>
      <c r="JN20" s="72">
        <v>188</v>
      </c>
      <c r="JO20" s="73">
        <v>1519</v>
      </c>
      <c r="JP20" s="74">
        <v>1816</v>
      </c>
      <c r="JQ20" s="71">
        <v>17</v>
      </c>
      <c r="JR20" s="72">
        <v>49</v>
      </c>
      <c r="JS20" s="73">
        <v>66</v>
      </c>
      <c r="JT20" s="271"/>
      <c r="JU20" s="72">
        <v>23</v>
      </c>
      <c r="JV20" s="72">
        <v>67</v>
      </c>
      <c r="JW20" s="72">
        <v>47</v>
      </c>
      <c r="JX20" s="72">
        <v>38</v>
      </c>
      <c r="JY20" s="72">
        <v>26</v>
      </c>
      <c r="JZ20" s="73">
        <v>201</v>
      </c>
      <c r="KA20" s="74">
        <v>267</v>
      </c>
      <c r="KB20" s="71">
        <v>908</v>
      </c>
      <c r="KC20" s="72">
        <v>1209</v>
      </c>
      <c r="KD20" s="73">
        <v>2117</v>
      </c>
      <c r="KE20" s="271"/>
      <c r="KF20" s="72">
        <v>1485</v>
      </c>
      <c r="KG20" s="72">
        <v>1922</v>
      </c>
      <c r="KH20" s="72">
        <v>1394</v>
      </c>
      <c r="KI20" s="72">
        <v>1217</v>
      </c>
      <c r="KJ20" s="72">
        <v>796</v>
      </c>
      <c r="KK20" s="73">
        <v>6814</v>
      </c>
      <c r="KL20" s="74">
        <v>8931</v>
      </c>
    </row>
    <row r="21" spans="1:298" ht="19.5" customHeight="1" x14ac:dyDescent="0.2">
      <c r="A21" s="130" t="s">
        <v>18</v>
      </c>
      <c r="B21" s="353">
        <v>390</v>
      </c>
      <c r="C21" s="83">
        <v>425</v>
      </c>
      <c r="D21" s="84">
        <v>815</v>
      </c>
      <c r="E21" s="271"/>
      <c r="F21" s="83">
        <v>891</v>
      </c>
      <c r="G21" s="83">
        <v>711</v>
      </c>
      <c r="H21" s="83">
        <v>502</v>
      </c>
      <c r="I21" s="83">
        <v>445</v>
      </c>
      <c r="J21" s="83">
        <v>264</v>
      </c>
      <c r="K21" s="85">
        <v>2813</v>
      </c>
      <c r="L21" s="86">
        <v>3628</v>
      </c>
      <c r="M21" s="71">
        <v>17</v>
      </c>
      <c r="N21" s="72">
        <v>35</v>
      </c>
      <c r="O21" s="73">
        <v>52</v>
      </c>
      <c r="P21" s="271"/>
      <c r="Q21" s="72">
        <v>47</v>
      </c>
      <c r="R21" s="72">
        <v>42</v>
      </c>
      <c r="S21" s="72">
        <v>36</v>
      </c>
      <c r="T21" s="72">
        <v>40</v>
      </c>
      <c r="U21" s="72">
        <v>21</v>
      </c>
      <c r="V21" s="73">
        <v>186</v>
      </c>
      <c r="W21" s="74">
        <v>238</v>
      </c>
      <c r="X21" s="71">
        <v>53</v>
      </c>
      <c r="Y21" s="72">
        <v>50</v>
      </c>
      <c r="Z21" s="73">
        <v>103</v>
      </c>
      <c r="AA21" s="271"/>
      <c r="AB21" s="72">
        <v>105</v>
      </c>
      <c r="AC21" s="72">
        <v>100</v>
      </c>
      <c r="AD21" s="72">
        <v>74</v>
      </c>
      <c r="AE21" s="72">
        <v>61</v>
      </c>
      <c r="AF21" s="72">
        <v>37</v>
      </c>
      <c r="AG21" s="73">
        <v>377</v>
      </c>
      <c r="AH21" s="74">
        <v>480</v>
      </c>
      <c r="AI21" s="71">
        <v>58</v>
      </c>
      <c r="AJ21" s="72">
        <v>69</v>
      </c>
      <c r="AK21" s="73">
        <v>127</v>
      </c>
      <c r="AL21" s="271"/>
      <c r="AM21" s="72">
        <v>153</v>
      </c>
      <c r="AN21" s="72">
        <v>106</v>
      </c>
      <c r="AO21" s="72">
        <v>90</v>
      </c>
      <c r="AP21" s="72">
        <v>74</v>
      </c>
      <c r="AQ21" s="72">
        <v>56</v>
      </c>
      <c r="AR21" s="73">
        <v>479</v>
      </c>
      <c r="AS21" s="74">
        <v>606</v>
      </c>
      <c r="AT21" s="71">
        <v>114</v>
      </c>
      <c r="AU21" s="72">
        <v>104</v>
      </c>
      <c r="AV21" s="73">
        <v>218</v>
      </c>
      <c r="AW21" s="271"/>
      <c r="AX21" s="72">
        <v>249</v>
      </c>
      <c r="AY21" s="72">
        <v>202</v>
      </c>
      <c r="AZ21" s="72">
        <v>108</v>
      </c>
      <c r="BA21" s="72">
        <v>104</v>
      </c>
      <c r="BB21" s="72">
        <v>54</v>
      </c>
      <c r="BC21" s="73">
        <v>717</v>
      </c>
      <c r="BD21" s="74">
        <v>935</v>
      </c>
      <c r="BE21" s="71">
        <v>93</v>
      </c>
      <c r="BF21" s="72">
        <v>104</v>
      </c>
      <c r="BG21" s="73">
        <v>197</v>
      </c>
      <c r="BH21" s="271"/>
      <c r="BI21" s="72">
        <v>228</v>
      </c>
      <c r="BJ21" s="72">
        <v>156</v>
      </c>
      <c r="BK21" s="72">
        <v>116</v>
      </c>
      <c r="BL21" s="72">
        <v>95</v>
      </c>
      <c r="BM21" s="72">
        <v>46</v>
      </c>
      <c r="BN21" s="73">
        <v>641</v>
      </c>
      <c r="BO21" s="74">
        <v>838</v>
      </c>
      <c r="BP21" s="71">
        <v>55</v>
      </c>
      <c r="BQ21" s="72">
        <v>63</v>
      </c>
      <c r="BR21" s="73">
        <v>118</v>
      </c>
      <c r="BS21" s="271"/>
      <c r="BT21" s="72">
        <v>109</v>
      </c>
      <c r="BU21" s="72">
        <v>105</v>
      </c>
      <c r="BV21" s="72">
        <v>78</v>
      </c>
      <c r="BW21" s="72">
        <v>71</v>
      </c>
      <c r="BX21" s="72">
        <v>50</v>
      </c>
      <c r="BY21" s="73">
        <v>413</v>
      </c>
      <c r="BZ21" s="74">
        <v>531</v>
      </c>
      <c r="CA21" s="71">
        <v>12</v>
      </c>
      <c r="CB21" s="72">
        <v>21</v>
      </c>
      <c r="CC21" s="73">
        <v>33</v>
      </c>
      <c r="CD21" s="271"/>
      <c r="CE21" s="72">
        <v>34</v>
      </c>
      <c r="CF21" s="72">
        <v>44</v>
      </c>
      <c r="CG21" s="72">
        <v>30</v>
      </c>
      <c r="CH21" s="72">
        <v>17</v>
      </c>
      <c r="CI21" s="72">
        <v>27</v>
      </c>
      <c r="CJ21" s="73">
        <v>152</v>
      </c>
      <c r="CK21" s="74">
        <v>185</v>
      </c>
      <c r="CL21" s="71">
        <v>402</v>
      </c>
      <c r="CM21" s="72">
        <v>446</v>
      </c>
      <c r="CN21" s="73">
        <v>848</v>
      </c>
      <c r="CO21" s="271"/>
      <c r="CP21" s="72">
        <v>925</v>
      </c>
      <c r="CQ21" s="72">
        <v>755</v>
      </c>
      <c r="CR21" s="72">
        <v>532</v>
      </c>
      <c r="CS21" s="72">
        <v>462</v>
      </c>
      <c r="CT21" s="72">
        <v>291</v>
      </c>
      <c r="CU21" s="73">
        <v>2965</v>
      </c>
      <c r="CV21" s="74">
        <v>3813</v>
      </c>
      <c r="CW21" s="127">
        <v>832</v>
      </c>
      <c r="CX21" s="83">
        <v>1018</v>
      </c>
      <c r="CY21" s="84">
        <v>1850</v>
      </c>
      <c r="CZ21" s="271"/>
      <c r="DA21" s="83">
        <v>1381</v>
      </c>
      <c r="DB21" s="83">
        <v>1257</v>
      </c>
      <c r="DC21" s="83">
        <v>862</v>
      </c>
      <c r="DD21" s="83">
        <v>881</v>
      </c>
      <c r="DE21" s="83">
        <v>614</v>
      </c>
      <c r="DF21" s="85">
        <v>4995</v>
      </c>
      <c r="DG21" s="86">
        <v>6845</v>
      </c>
      <c r="DH21" s="71">
        <v>23</v>
      </c>
      <c r="DI21" s="72">
        <v>28</v>
      </c>
      <c r="DJ21" s="73">
        <v>51</v>
      </c>
      <c r="DK21" s="271"/>
      <c r="DL21" s="72">
        <v>41</v>
      </c>
      <c r="DM21" s="72">
        <v>32</v>
      </c>
      <c r="DN21" s="72">
        <v>21</v>
      </c>
      <c r="DO21" s="72">
        <v>17</v>
      </c>
      <c r="DP21" s="72">
        <v>20</v>
      </c>
      <c r="DQ21" s="73">
        <v>131</v>
      </c>
      <c r="DR21" s="74">
        <v>182</v>
      </c>
      <c r="DS21" s="71">
        <v>86</v>
      </c>
      <c r="DT21" s="72">
        <v>102</v>
      </c>
      <c r="DU21" s="73">
        <v>188</v>
      </c>
      <c r="DV21" s="271"/>
      <c r="DW21" s="72">
        <v>112</v>
      </c>
      <c r="DX21" s="72">
        <v>100</v>
      </c>
      <c r="DY21" s="72">
        <v>52</v>
      </c>
      <c r="DZ21" s="72">
        <v>43</v>
      </c>
      <c r="EA21" s="72">
        <v>41</v>
      </c>
      <c r="EB21" s="73">
        <v>348</v>
      </c>
      <c r="EC21" s="74">
        <v>536</v>
      </c>
      <c r="ED21" s="71">
        <v>160</v>
      </c>
      <c r="EE21" s="72">
        <v>168</v>
      </c>
      <c r="EF21" s="73">
        <v>328</v>
      </c>
      <c r="EG21" s="271"/>
      <c r="EH21" s="72">
        <v>208</v>
      </c>
      <c r="EI21" s="72">
        <v>144</v>
      </c>
      <c r="EJ21" s="72">
        <v>124</v>
      </c>
      <c r="EK21" s="72">
        <v>92</v>
      </c>
      <c r="EL21" s="72">
        <v>74</v>
      </c>
      <c r="EM21" s="73">
        <v>642</v>
      </c>
      <c r="EN21" s="74">
        <v>970</v>
      </c>
      <c r="EO21" s="71">
        <v>248</v>
      </c>
      <c r="EP21" s="72">
        <v>294</v>
      </c>
      <c r="EQ21" s="73">
        <v>542</v>
      </c>
      <c r="ER21" s="271"/>
      <c r="ES21" s="72">
        <v>371</v>
      </c>
      <c r="ET21" s="72">
        <v>270</v>
      </c>
      <c r="EU21" s="72">
        <v>165</v>
      </c>
      <c r="EV21" s="72">
        <v>169</v>
      </c>
      <c r="EW21" s="72">
        <v>122</v>
      </c>
      <c r="EX21" s="73">
        <v>1097</v>
      </c>
      <c r="EY21" s="74">
        <v>1639</v>
      </c>
      <c r="EZ21" s="71">
        <v>228</v>
      </c>
      <c r="FA21" s="72">
        <v>295</v>
      </c>
      <c r="FB21" s="73">
        <v>523</v>
      </c>
      <c r="FC21" s="271"/>
      <c r="FD21" s="72">
        <v>355</v>
      </c>
      <c r="FE21" s="72">
        <v>391</v>
      </c>
      <c r="FF21" s="72">
        <v>209</v>
      </c>
      <c r="FG21" s="72">
        <v>240</v>
      </c>
      <c r="FH21" s="72">
        <v>176</v>
      </c>
      <c r="FI21" s="73">
        <v>1371</v>
      </c>
      <c r="FJ21" s="74">
        <v>1894</v>
      </c>
      <c r="FK21" s="71">
        <v>87</v>
      </c>
      <c r="FL21" s="72">
        <v>131</v>
      </c>
      <c r="FM21" s="73">
        <v>218</v>
      </c>
      <c r="FN21" s="271"/>
      <c r="FO21" s="72">
        <v>294</v>
      </c>
      <c r="FP21" s="72">
        <v>320</v>
      </c>
      <c r="FQ21" s="72">
        <v>291</v>
      </c>
      <c r="FR21" s="72">
        <v>320</v>
      </c>
      <c r="FS21" s="72">
        <v>181</v>
      </c>
      <c r="FT21" s="73">
        <v>1406</v>
      </c>
      <c r="FU21" s="74">
        <v>1624</v>
      </c>
      <c r="FV21" s="71">
        <v>13</v>
      </c>
      <c r="FW21" s="72">
        <v>14</v>
      </c>
      <c r="FX21" s="73">
        <v>27</v>
      </c>
      <c r="FY21" s="271"/>
      <c r="FZ21" s="72">
        <v>32</v>
      </c>
      <c r="GA21" s="72">
        <v>24</v>
      </c>
      <c r="GB21" s="72">
        <v>21</v>
      </c>
      <c r="GC21" s="72">
        <v>14</v>
      </c>
      <c r="GD21" s="72">
        <v>16</v>
      </c>
      <c r="GE21" s="73">
        <v>107</v>
      </c>
      <c r="GF21" s="74">
        <v>134</v>
      </c>
      <c r="GG21" s="71">
        <v>845</v>
      </c>
      <c r="GH21" s="72">
        <v>1032</v>
      </c>
      <c r="GI21" s="73">
        <v>1877</v>
      </c>
      <c r="GJ21" s="271"/>
      <c r="GK21" s="72">
        <v>1413</v>
      </c>
      <c r="GL21" s="72">
        <v>1281</v>
      </c>
      <c r="GM21" s="72">
        <v>883</v>
      </c>
      <c r="GN21" s="72">
        <v>895</v>
      </c>
      <c r="GO21" s="72">
        <v>630</v>
      </c>
      <c r="GP21" s="73">
        <v>5102</v>
      </c>
      <c r="GQ21" s="74">
        <v>6979</v>
      </c>
      <c r="GR21" s="127">
        <v>1222</v>
      </c>
      <c r="GS21" s="83">
        <v>1443</v>
      </c>
      <c r="GT21" s="84">
        <v>2665</v>
      </c>
      <c r="GU21" s="271"/>
      <c r="GV21" s="83">
        <v>2272</v>
      </c>
      <c r="GW21" s="83">
        <v>1968</v>
      </c>
      <c r="GX21" s="83">
        <v>1364</v>
      </c>
      <c r="GY21" s="83">
        <v>1326</v>
      </c>
      <c r="GZ21" s="83">
        <v>878</v>
      </c>
      <c r="HA21" s="85">
        <v>7808</v>
      </c>
      <c r="HB21" s="86">
        <v>10473</v>
      </c>
      <c r="HC21" s="71">
        <v>40</v>
      </c>
      <c r="HD21" s="72">
        <v>63</v>
      </c>
      <c r="HE21" s="73">
        <v>103</v>
      </c>
      <c r="HF21" s="271"/>
      <c r="HG21" s="72">
        <v>88</v>
      </c>
      <c r="HH21" s="72">
        <v>74</v>
      </c>
      <c r="HI21" s="72">
        <v>57</v>
      </c>
      <c r="HJ21" s="72">
        <v>57</v>
      </c>
      <c r="HK21" s="72">
        <v>41</v>
      </c>
      <c r="HL21" s="73">
        <v>317</v>
      </c>
      <c r="HM21" s="74">
        <v>420</v>
      </c>
      <c r="HN21" s="71">
        <v>139</v>
      </c>
      <c r="HO21" s="72">
        <v>152</v>
      </c>
      <c r="HP21" s="73">
        <v>291</v>
      </c>
      <c r="HQ21" s="271"/>
      <c r="HR21" s="72">
        <v>217</v>
      </c>
      <c r="HS21" s="72">
        <v>200</v>
      </c>
      <c r="HT21" s="72">
        <v>126</v>
      </c>
      <c r="HU21" s="72">
        <v>104</v>
      </c>
      <c r="HV21" s="72">
        <v>78</v>
      </c>
      <c r="HW21" s="73">
        <v>725</v>
      </c>
      <c r="HX21" s="74">
        <v>1016</v>
      </c>
      <c r="HY21" s="71">
        <v>218</v>
      </c>
      <c r="HZ21" s="72">
        <v>237</v>
      </c>
      <c r="IA21" s="73">
        <v>455</v>
      </c>
      <c r="IB21" s="271"/>
      <c r="IC21" s="72">
        <v>361</v>
      </c>
      <c r="ID21" s="72">
        <v>250</v>
      </c>
      <c r="IE21" s="72">
        <v>214</v>
      </c>
      <c r="IF21" s="72">
        <v>166</v>
      </c>
      <c r="IG21" s="72">
        <v>130</v>
      </c>
      <c r="IH21" s="73">
        <v>1121</v>
      </c>
      <c r="II21" s="74">
        <v>1576</v>
      </c>
      <c r="IJ21" s="71">
        <v>362</v>
      </c>
      <c r="IK21" s="72">
        <v>398</v>
      </c>
      <c r="IL21" s="73">
        <v>760</v>
      </c>
      <c r="IM21" s="271"/>
      <c r="IN21" s="72">
        <v>620</v>
      </c>
      <c r="IO21" s="72">
        <v>472</v>
      </c>
      <c r="IP21" s="72">
        <v>273</v>
      </c>
      <c r="IQ21" s="72">
        <v>273</v>
      </c>
      <c r="IR21" s="72">
        <v>176</v>
      </c>
      <c r="IS21" s="73">
        <v>1814</v>
      </c>
      <c r="IT21" s="74">
        <v>2574</v>
      </c>
      <c r="IU21" s="71">
        <v>321</v>
      </c>
      <c r="IV21" s="72">
        <v>399</v>
      </c>
      <c r="IW21" s="73">
        <v>720</v>
      </c>
      <c r="IX21" s="271"/>
      <c r="IY21" s="72">
        <v>583</v>
      </c>
      <c r="IZ21" s="72">
        <v>547</v>
      </c>
      <c r="JA21" s="72">
        <v>325</v>
      </c>
      <c r="JB21" s="72">
        <v>335</v>
      </c>
      <c r="JC21" s="72">
        <v>222</v>
      </c>
      <c r="JD21" s="73">
        <v>2012</v>
      </c>
      <c r="JE21" s="74">
        <v>2732</v>
      </c>
      <c r="JF21" s="71">
        <v>142</v>
      </c>
      <c r="JG21" s="72">
        <v>194</v>
      </c>
      <c r="JH21" s="73">
        <v>336</v>
      </c>
      <c r="JI21" s="271"/>
      <c r="JJ21" s="72">
        <v>403</v>
      </c>
      <c r="JK21" s="72">
        <v>425</v>
      </c>
      <c r="JL21" s="72">
        <v>369</v>
      </c>
      <c r="JM21" s="72">
        <v>391</v>
      </c>
      <c r="JN21" s="72">
        <v>231</v>
      </c>
      <c r="JO21" s="73">
        <v>1819</v>
      </c>
      <c r="JP21" s="74">
        <v>2155</v>
      </c>
      <c r="JQ21" s="71">
        <v>25</v>
      </c>
      <c r="JR21" s="72">
        <v>35</v>
      </c>
      <c r="JS21" s="73">
        <v>60</v>
      </c>
      <c r="JT21" s="271"/>
      <c r="JU21" s="72">
        <v>66</v>
      </c>
      <c r="JV21" s="72">
        <v>68</v>
      </c>
      <c r="JW21" s="72">
        <v>51</v>
      </c>
      <c r="JX21" s="72">
        <v>31</v>
      </c>
      <c r="JY21" s="72">
        <v>43</v>
      </c>
      <c r="JZ21" s="73">
        <v>259</v>
      </c>
      <c r="KA21" s="74">
        <v>319</v>
      </c>
      <c r="KB21" s="71">
        <v>1247</v>
      </c>
      <c r="KC21" s="72">
        <v>1478</v>
      </c>
      <c r="KD21" s="73">
        <v>2725</v>
      </c>
      <c r="KE21" s="271"/>
      <c r="KF21" s="72">
        <v>2338</v>
      </c>
      <c r="KG21" s="72">
        <v>2036</v>
      </c>
      <c r="KH21" s="72">
        <v>1415</v>
      </c>
      <c r="KI21" s="72">
        <v>1357</v>
      </c>
      <c r="KJ21" s="72">
        <v>921</v>
      </c>
      <c r="KK21" s="73">
        <v>8067</v>
      </c>
      <c r="KL21" s="74">
        <v>10792</v>
      </c>
    </row>
    <row r="22" spans="1:298" ht="19.5" customHeight="1" x14ac:dyDescent="0.2">
      <c r="A22" s="130" t="s">
        <v>19</v>
      </c>
      <c r="B22" s="353">
        <v>155</v>
      </c>
      <c r="C22" s="83">
        <v>173</v>
      </c>
      <c r="D22" s="84">
        <v>328</v>
      </c>
      <c r="E22" s="271"/>
      <c r="F22" s="83">
        <v>351</v>
      </c>
      <c r="G22" s="83">
        <v>322</v>
      </c>
      <c r="H22" s="83">
        <v>219</v>
      </c>
      <c r="I22" s="83">
        <v>155</v>
      </c>
      <c r="J22" s="83">
        <v>96</v>
      </c>
      <c r="K22" s="85">
        <v>1143</v>
      </c>
      <c r="L22" s="86">
        <v>1471</v>
      </c>
      <c r="M22" s="87">
        <v>10</v>
      </c>
      <c r="N22" s="72">
        <v>10</v>
      </c>
      <c r="O22" s="73">
        <v>20</v>
      </c>
      <c r="P22" s="271"/>
      <c r="Q22" s="72">
        <v>16</v>
      </c>
      <c r="R22" s="72">
        <v>28</v>
      </c>
      <c r="S22" s="72">
        <v>14</v>
      </c>
      <c r="T22" s="72">
        <v>7</v>
      </c>
      <c r="U22" s="72">
        <v>9</v>
      </c>
      <c r="V22" s="73">
        <v>74</v>
      </c>
      <c r="W22" s="74">
        <v>94</v>
      </c>
      <c r="X22" s="71">
        <v>14</v>
      </c>
      <c r="Y22" s="72">
        <v>15</v>
      </c>
      <c r="Z22" s="73">
        <v>29</v>
      </c>
      <c r="AA22" s="271"/>
      <c r="AB22" s="72">
        <v>40</v>
      </c>
      <c r="AC22" s="72">
        <v>52</v>
      </c>
      <c r="AD22" s="72">
        <v>36</v>
      </c>
      <c r="AE22" s="72">
        <v>18</v>
      </c>
      <c r="AF22" s="72">
        <v>13</v>
      </c>
      <c r="AG22" s="73">
        <v>159</v>
      </c>
      <c r="AH22" s="74">
        <v>188</v>
      </c>
      <c r="AI22" s="87">
        <v>35</v>
      </c>
      <c r="AJ22" s="72">
        <v>19</v>
      </c>
      <c r="AK22" s="73">
        <v>54</v>
      </c>
      <c r="AL22" s="271"/>
      <c r="AM22" s="72">
        <v>68</v>
      </c>
      <c r="AN22" s="72">
        <v>53</v>
      </c>
      <c r="AO22" s="72">
        <v>29</v>
      </c>
      <c r="AP22" s="72">
        <v>33</v>
      </c>
      <c r="AQ22" s="72">
        <v>19</v>
      </c>
      <c r="AR22" s="73">
        <v>202</v>
      </c>
      <c r="AS22" s="74">
        <v>256</v>
      </c>
      <c r="AT22" s="71">
        <v>39</v>
      </c>
      <c r="AU22" s="72">
        <v>49</v>
      </c>
      <c r="AV22" s="73">
        <v>88</v>
      </c>
      <c r="AW22" s="271"/>
      <c r="AX22" s="72">
        <v>82</v>
      </c>
      <c r="AY22" s="72">
        <v>78</v>
      </c>
      <c r="AZ22" s="72">
        <v>53</v>
      </c>
      <c r="BA22" s="72">
        <v>36</v>
      </c>
      <c r="BB22" s="72">
        <v>21</v>
      </c>
      <c r="BC22" s="73">
        <v>270</v>
      </c>
      <c r="BD22" s="74">
        <v>358</v>
      </c>
      <c r="BE22" s="87">
        <v>40</v>
      </c>
      <c r="BF22" s="72">
        <v>43</v>
      </c>
      <c r="BG22" s="73">
        <v>83</v>
      </c>
      <c r="BH22" s="271"/>
      <c r="BI22" s="72">
        <v>89</v>
      </c>
      <c r="BJ22" s="72">
        <v>60</v>
      </c>
      <c r="BK22" s="72">
        <v>53</v>
      </c>
      <c r="BL22" s="72">
        <v>33</v>
      </c>
      <c r="BM22" s="72">
        <v>16</v>
      </c>
      <c r="BN22" s="73">
        <v>251</v>
      </c>
      <c r="BO22" s="74">
        <v>334</v>
      </c>
      <c r="BP22" s="71">
        <v>17</v>
      </c>
      <c r="BQ22" s="72">
        <v>37</v>
      </c>
      <c r="BR22" s="73">
        <v>54</v>
      </c>
      <c r="BS22" s="271"/>
      <c r="BT22" s="72">
        <v>56</v>
      </c>
      <c r="BU22" s="72">
        <v>51</v>
      </c>
      <c r="BV22" s="72">
        <v>34</v>
      </c>
      <c r="BW22" s="72">
        <v>28</v>
      </c>
      <c r="BX22" s="72">
        <v>18</v>
      </c>
      <c r="BY22" s="73">
        <v>187</v>
      </c>
      <c r="BZ22" s="74">
        <v>241</v>
      </c>
      <c r="CA22" s="71">
        <v>2</v>
      </c>
      <c r="CB22" s="72">
        <v>9</v>
      </c>
      <c r="CC22" s="73">
        <v>11</v>
      </c>
      <c r="CD22" s="271"/>
      <c r="CE22" s="72">
        <v>16</v>
      </c>
      <c r="CF22" s="72">
        <v>14</v>
      </c>
      <c r="CG22" s="72">
        <v>14</v>
      </c>
      <c r="CH22" s="72">
        <v>8</v>
      </c>
      <c r="CI22" s="72">
        <v>2</v>
      </c>
      <c r="CJ22" s="73">
        <v>54</v>
      </c>
      <c r="CK22" s="74">
        <v>65</v>
      </c>
      <c r="CL22" s="71">
        <v>157</v>
      </c>
      <c r="CM22" s="72">
        <v>182</v>
      </c>
      <c r="CN22" s="73">
        <v>339</v>
      </c>
      <c r="CO22" s="271"/>
      <c r="CP22" s="72">
        <v>367</v>
      </c>
      <c r="CQ22" s="72">
        <v>336</v>
      </c>
      <c r="CR22" s="72">
        <v>233</v>
      </c>
      <c r="CS22" s="72">
        <v>163</v>
      </c>
      <c r="CT22" s="72">
        <v>98</v>
      </c>
      <c r="CU22" s="73">
        <v>1197</v>
      </c>
      <c r="CV22" s="74">
        <v>1536</v>
      </c>
      <c r="CW22" s="127">
        <v>278</v>
      </c>
      <c r="CX22" s="83">
        <v>390</v>
      </c>
      <c r="CY22" s="84">
        <v>668</v>
      </c>
      <c r="CZ22" s="271"/>
      <c r="DA22" s="83">
        <v>624</v>
      </c>
      <c r="DB22" s="83">
        <v>487</v>
      </c>
      <c r="DC22" s="83">
        <v>431</v>
      </c>
      <c r="DD22" s="83">
        <v>346</v>
      </c>
      <c r="DE22" s="83">
        <v>232</v>
      </c>
      <c r="DF22" s="85">
        <v>2120</v>
      </c>
      <c r="DG22" s="86">
        <v>2788</v>
      </c>
      <c r="DH22" s="87">
        <v>7</v>
      </c>
      <c r="DI22" s="72">
        <v>13</v>
      </c>
      <c r="DJ22" s="73">
        <v>20</v>
      </c>
      <c r="DK22" s="271"/>
      <c r="DL22" s="72">
        <v>15</v>
      </c>
      <c r="DM22" s="72">
        <v>11</v>
      </c>
      <c r="DN22" s="72">
        <v>9</v>
      </c>
      <c r="DO22" s="72">
        <v>0</v>
      </c>
      <c r="DP22" s="72">
        <v>2</v>
      </c>
      <c r="DQ22" s="73">
        <v>37</v>
      </c>
      <c r="DR22" s="74">
        <v>57</v>
      </c>
      <c r="DS22" s="71">
        <v>26</v>
      </c>
      <c r="DT22" s="72">
        <v>29</v>
      </c>
      <c r="DU22" s="73">
        <v>55</v>
      </c>
      <c r="DV22" s="271"/>
      <c r="DW22" s="72">
        <v>52</v>
      </c>
      <c r="DX22" s="72">
        <v>35</v>
      </c>
      <c r="DY22" s="72">
        <v>13</v>
      </c>
      <c r="DZ22" s="72">
        <v>20</v>
      </c>
      <c r="EA22" s="72">
        <v>20</v>
      </c>
      <c r="EB22" s="73">
        <v>140</v>
      </c>
      <c r="EC22" s="74">
        <v>195</v>
      </c>
      <c r="ED22" s="87">
        <v>54</v>
      </c>
      <c r="EE22" s="72">
        <v>60</v>
      </c>
      <c r="EF22" s="73">
        <v>114</v>
      </c>
      <c r="EG22" s="271"/>
      <c r="EH22" s="72">
        <v>78</v>
      </c>
      <c r="EI22" s="72">
        <v>62</v>
      </c>
      <c r="EJ22" s="72">
        <v>45</v>
      </c>
      <c r="EK22" s="72">
        <v>33</v>
      </c>
      <c r="EL22" s="72">
        <v>33</v>
      </c>
      <c r="EM22" s="73">
        <v>251</v>
      </c>
      <c r="EN22" s="74">
        <v>365</v>
      </c>
      <c r="EO22" s="71">
        <v>97</v>
      </c>
      <c r="EP22" s="72">
        <v>98</v>
      </c>
      <c r="EQ22" s="73">
        <v>195</v>
      </c>
      <c r="ER22" s="271"/>
      <c r="ES22" s="72">
        <v>157</v>
      </c>
      <c r="ET22" s="72">
        <v>114</v>
      </c>
      <c r="EU22" s="72">
        <v>71</v>
      </c>
      <c r="EV22" s="72">
        <v>51</v>
      </c>
      <c r="EW22" s="72">
        <v>50</v>
      </c>
      <c r="EX22" s="73">
        <v>443</v>
      </c>
      <c r="EY22" s="74">
        <v>638</v>
      </c>
      <c r="EZ22" s="87">
        <v>65</v>
      </c>
      <c r="FA22" s="72">
        <v>113</v>
      </c>
      <c r="FB22" s="73">
        <v>178</v>
      </c>
      <c r="FC22" s="271"/>
      <c r="FD22" s="72">
        <v>169</v>
      </c>
      <c r="FE22" s="72">
        <v>112</v>
      </c>
      <c r="FF22" s="72">
        <v>130</v>
      </c>
      <c r="FG22" s="72">
        <v>85</v>
      </c>
      <c r="FH22" s="72">
        <v>43</v>
      </c>
      <c r="FI22" s="73">
        <v>539</v>
      </c>
      <c r="FJ22" s="74">
        <v>717</v>
      </c>
      <c r="FK22" s="71">
        <v>29</v>
      </c>
      <c r="FL22" s="72">
        <v>77</v>
      </c>
      <c r="FM22" s="73">
        <v>106</v>
      </c>
      <c r="FN22" s="271"/>
      <c r="FO22" s="72">
        <v>153</v>
      </c>
      <c r="FP22" s="72">
        <v>153</v>
      </c>
      <c r="FQ22" s="72">
        <v>163</v>
      </c>
      <c r="FR22" s="72">
        <v>157</v>
      </c>
      <c r="FS22" s="72">
        <v>84</v>
      </c>
      <c r="FT22" s="73">
        <v>710</v>
      </c>
      <c r="FU22" s="74">
        <v>816</v>
      </c>
      <c r="FV22" s="71">
        <v>3</v>
      </c>
      <c r="FW22" s="72">
        <v>5</v>
      </c>
      <c r="FX22" s="73">
        <v>8</v>
      </c>
      <c r="FY22" s="271"/>
      <c r="FZ22" s="72">
        <v>7</v>
      </c>
      <c r="GA22" s="72">
        <v>6</v>
      </c>
      <c r="GB22" s="72">
        <v>5</v>
      </c>
      <c r="GC22" s="72">
        <v>5</v>
      </c>
      <c r="GD22" s="72">
        <v>9</v>
      </c>
      <c r="GE22" s="73">
        <v>32</v>
      </c>
      <c r="GF22" s="74">
        <v>40</v>
      </c>
      <c r="GG22" s="71">
        <v>281</v>
      </c>
      <c r="GH22" s="72">
        <v>395</v>
      </c>
      <c r="GI22" s="73">
        <v>676</v>
      </c>
      <c r="GJ22" s="271"/>
      <c r="GK22" s="72">
        <v>631</v>
      </c>
      <c r="GL22" s="72">
        <v>493</v>
      </c>
      <c r="GM22" s="72">
        <v>436</v>
      </c>
      <c r="GN22" s="72">
        <v>351</v>
      </c>
      <c r="GO22" s="72">
        <v>241</v>
      </c>
      <c r="GP22" s="73">
        <v>2152</v>
      </c>
      <c r="GQ22" s="74">
        <v>2828</v>
      </c>
      <c r="GR22" s="127">
        <v>433</v>
      </c>
      <c r="GS22" s="83">
        <v>563</v>
      </c>
      <c r="GT22" s="84">
        <v>996</v>
      </c>
      <c r="GU22" s="271"/>
      <c r="GV22" s="83">
        <v>975</v>
      </c>
      <c r="GW22" s="83">
        <v>809</v>
      </c>
      <c r="GX22" s="83">
        <v>650</v>
      </c>
      <c r="GY22" s="83">
        <v>501</v>
      </c>
      <c r="GZ22" s="83">
        <v>328</v>
      </c>
      <c r="HA22" s="85">
        <v>3263</v>
      </c>
      <c r="HB22" s="86">
        <v>4259</v>
      </c>
      <c r="HC22" s="87">
        <v>17</v>
      </c>
      <c r="HD22" s="72">
        <v>23</v>
      </c>
      <c r="HE22" s="73">
        <v>40</v>
      </c>
      <c r="HF22" s="271"/>
      <c r="HG22" s="72">
        <v>31</v>
      </c>
      <c r="HH22" s="72">
        <v>39</v>
      </c>
      <c r="HI22" s="72">
        <v>23</v>
      </c>
      <c r="HJ22" s="72">
        <v>7</v>
      </c>
      <c r="HK22" s="72">
        <v>11</v>
      </c>
      <c r="HL22" s="73">
        <v>111</v>
      </c>
      <c r="HM22" s="74">
        <v>151</v>
      </c>
      <c r="HN22" s="71">
        <v>40</v>
      </c>
      <c r="HO22" s="72">
        <v>44</v>
      </c>
      <c r="HP22" s="73">
        <v>84</v>
      </c>
      <c r="HQ22" s="271"/>
      <c r="HR22" s="72">
        <v>92</v>
      </c>
      <c r="HS22" s="72">
        <v>87</v>
      </c>
      <c r="HT22" s="72">
        <v>49</v>
      </c>
      <c r="HU22" s="72">
        <v>38</v>
      </c>
      <c r="HV22" s="72">
        <v>33</v>
      </c>
      <c r="HW22" s="73">
        <v>299</v>
      </c>
      <c r="HX22" s="74">
        <v>383</v>
      </c>
      <c r="HY22" s="87">
        <v>89</v>
      </c>
      <c r="HZ22" s="72">
        <v>79</v>
      </c>
      <c r="IA22" s="73">
        <v>168</v>
      </c>
      <c r="IB22" s="271"/>
      <c r="IC22" s="72">
        <v>146</v>
      </c>
      <c r="ID22" s="72">
        <v>115</v>
      </c>
      <c r="IE22" s="72">
        <v>74</v>
      </c>
      <c r="IF22" s="72">
        <v>66</v>
      </c>
      <c r="IG22" s="72">
        <v>52</v>
      </c>
      <c r="IH22" s="73">
        <v>453</v>
      </c>
      <c r="II22" s="74">
        <v>621</v>
      </c>
      <c r="IJ22" s="71">
        <v>136</v>
      </c>
      <c r="IK22" s="72">
        <v>147</v>
      </c>
      <c r="IL22" s="73">
        <v>283</v>
      </c>
      <c r="IM22" s="271"/>
      <c r="IN22" s="72">
        <v>239</v>
      </c>
      <c r="IO22" s="72">
        <v>192</v>
      </c>
      <c r="IP22" s="72">
        <v>124</v>
      </c>
      <c r="IQ22" s="72">
        <v>87</v>
      </c>
      <c r="IR22" s="72">
        <v>71</v>
      </c>
      <c r="IS22" s="73">
        <v>713</v>
      </c>
      <c r="IT22" s="74">
        <v>996</v>
      </c>
      <c r="IU22" s="87">
        <v>105</v>
      </c>
      <c r="IV22" s="72">
        <v>156</v>
      </c>
      <c r="IW22" s="73">
        <v>261</v>
      </c>
      <c r="IX22" s="271"/>
      <c r="IY22" s="72">
        <v>258</v>
      </c>
      <c r="IZ22" s="72">
        <v>172</v>
      </c>
      <c r="JA22" s="72">
        <v>183</v>
      </c>
      <c r="JB22" s="72">
        <v>118</v>
      </c>
      <c r="JC22" s="72">
        <v>59</v>
      </c>
      <c r="JD22" s="73">
        <v>790</v>
      </c>
      <c r="JE22" s="74">
        <v>1051</v>
      </c>
      <c r="JF22" s="71">
        <v>46</v>
      </c>
      <c r="JG22" s="72">
        <v>114</v>
      </c>
      <c r="JH22" s="73">
        <v>160</v>
      </c>
      <c r="JI22" s="271"/>
      <c r="JJ22" s="72">
        <v>209</v>
      </c>
      <c r="JK22" s="72">
        <v>204</v>
      </c>
      <c r="JL22" s="72">
        <v>197</v>
      </c>
      <c r="JM22" s="72">
        <v>185</v>
      </c>
      <c r="JN22" s="72">
        <v>102</v>
      </c>
      <c r="JO22" s="73">
        <v>897</v>
      </c>
      <c r="JP22" s="74">
        <v>1057</v>
      </c>
      <c r="JQ22" s="71">
        <v>5</v>
      </c>
      <c r="JR22" s="72">
        <v>14</v>
      </c>
      <c r="JS22" s="73">
        <v>19</v>
      </c>
      <c r="JT22" s="271"/>
      <c r="JU22" s="72">
        <v>23</v>
      </c>
      <c r="JV22" s="72">
        <v>20</v>
      </c>
      <c r="JW22" s="72">
        <v>19</v>
      </c>
      <c r="JX22" s="72">
        <v>13</v>
      </c>
      <c r="JY22" s="72">
        <v>11</v>
      </c>
      <c r="JZ22" s="73">
        <v>86</v>
      </c>
      <c r="KA22" s="74">
        <v>105</v>
      </c>
      <c r="KB22" s="71">
        <v>438</v>
      </c>
      <c r="KC22" s="72">
        <v>577</v>
      </c>
      <c r="KD22" s="73">
        <v>1015</v>
      </c>
      <c r="KE22" s="271"/>
      <c r="KF22" s="72">
        <v>998</v>
      </c>
      <c r="KG22" s="72">
        <v>829</v>
      </c>
      <c r="KH22" s="72">
        <v>669</v>
      </c>
      <c r="KI22" s="72">
        <v>514</v>
      </c>
      <c r="KJ22" s="72">
        <v>339</v>
      </c>
      <c r="KK22" s="73">
        <v>3349</v>
      </c>
      <c r="KL22" s="74">
        <v>4364</v>
      </c>
    </row>
    <row r="23" spans="1:298" ht="19.5" customHeight="1" x14ac:dyDescent="0.2">
      <c r="A23" s="130" t="s">
        <v>20</v>
      </c>
      <c r="B23" s="353">
        <v>238</v>
      </c>
      <c r="C23" s="83">
        <v>315</v>
      </c>
      <c r="D23" s="84">
        <v>553</v>
      </c>
      <c r="E23" s="271"/>
      <c r="F23" s="83">
        <v>524</v>
      </c>
      <c r="G23" s="83">
        <v>341</v>
      </c>
      <c r="H23" s="83">
        <v>235</v>
      </c>
      <c r="I23" s="83">
        <v>193</v>
      </c>
      <c r="J23" s="83">
        <v>107</v>
      </c>
      <c r="K23" s="85">
        <v>1400</v>
      </c>
      <c r="L23" s="86">
        <v>1953</v>
      </c>
      <c r="M23" s="71">
        <v>10</v>
      </c>
      <c r="N23" s="72">
        <v>11</v>
      </c>
      <c r="O23" s="73">
        <v>21</v>
      </c>
      <c r="P23" s="271"/>
      <c r="Q23" s="72">
        <v>26</v>
      </c>
      <c r="R23" s="72">
        <v>21</v>
      </c>
      <c r="S23" s="72">
        <v>14</v>
      </c>
      <c r="T23" s="72">
        <v>13</v>
      </c>
      <c r="U23" s="72">
        <v>5</v>
      </c>
      <c r="V23" s="73">
        <v>79</v>
      </c>
      <c r="W23" s="74">
        <v>100</v>
      </c>
      <c r="X23" s="71">
        <v>20</v>
      </c>
      <c r="Y23" s="72">
        <v>35</v>
      </c>
      <c r="Z23" s="73">
        <v>55</v>
      </c>
      <c r="AA23" s="271"/>
      <c r="AB23" s="72">
        <v>69</v>
      </c>
      <c r="AC23" s="72">
        <v>39</v>
      </c>
      <c r="AD23" s="72">
        <v>35</v>
      </c>
      <c r="AE23" s="72">
        <v>23</v>
      </c>
      <c r="AF23" s="72">
        <v>21</v>
      </c>
      <c r="AG23" s="73">
        <v>187</v>
      </c>
      <c r="AH23" s="74">
        <v>242</v>
      </c>
      <c r="AI23" s="71">
        <v>60</v>
      </c>
      <c r="AJ23" s="72">
        <v>47</v>
      </c>
      <c r="AK23" s="73">
        <v>107</v>
      </c>
      <c r="AL23" s="271"/>
      <c r="AM23" s="72">
        <v>97</v>
      </c>
      <c r="AN23" s="72">
        <v>69</v>
      </c>
      <c r="AO23" s="72">
        <v>40</v>
      </c>
      <c r="AP23" s="72">
        <v>47</v>
      </c>
      <c r="AQ23" s="72">
        <v>27</v>
      </c>
      <c r="AR23" s="73">
        <v>280</v>
      </c>
      <c r="AS23" s="74">
        <v>387</v>
      </c>
      <c r="AT23" s="71">
        <v>63</v>
      </c>
      <c r="AU23" s="72">
        <v>106</v>
      </c>
      <c r="AV23" s="73">
        <v>169</v>
      </c>
      <c r="AW23" s="271"/>
      <c r="AX23" s="72">
        <v>150</v>
      </c>
      <c r="AY23" s="72">
        <v>99</v>
      </c>
      <c r="AZ23" s="72">
        <v>66</v>
      </c>
      <c r="BA23" s="72">
        <v>38</v>
      </c>
      <c r="BB23" s="72">
        <v>27</v>
      </c>
      <c r="BC23" s="73">
        <v>380</v>
      </c>
      <c r="BD23" s="74">
        <v>549</v>
      </c>
      <c r="BE23" s="71">
        <v>54</v>
      </c>
      <c r="BF23" s="72">
        <v>73</v>
      </c>
      <c r="BG23" s="73">
        <v>127</v>
      </c>
      <c r="BH23" s="271"/>
      <c r="BI23" s="72">
        <v>124</v>
      </c>
      <c r="BJ23" s="72">
        <v>76</v>
      </c>
      <c r="BK23" s="72">
        <v>45</v>
      </c>
      <c r="BL23" s="72">
        <v>42</v>
      </c>
      <c r="BM23" s="72">
        <v>22</v>
      </c>
      <c r="BN23" s="73">
        <v>309</v>
      </c>
      <c r="BO23" s="74">
        <v>436</v>
      </c>
      <c r="BP23" s="71">
        <v>31</v>
      </c>
      <c r="BQ23" s="72">
        <v>43</v>
      </c>
      <c r="BR23" s="73">
        <v>74</v>
      </c>
      <c r="BS23" s="271"/>
      <c r="BT23" s="72">
        <v>58</v>
      </c>
      <c r="BU23" s="72">
        <v>37</v>
      </c>
      <c r="BV23" s="72">
        <v>35</v>
      </c>
      <c r="BW23" s="72">
        <v>30</v>
      </c>
      <c r="BX23" s="72">
        <v>5</v>
      </c>
      <c r="BY23" s="73">
        <v>165</v>
      </c>
      <c r="BZ23" s="74">
        <v>239</v>
      </c>
      <c r="CA23" s="71">
        <v>3</v>
      </c>
      <c r="CB23" s="72">
        <v>15</v>
      </c>
      <c r="CC23" s="73">
        <v>18</v>
      </c>
      <c r="CD23" s="271"/>
      <c r="CE23" s="72">
        <v>25</v>
      </c>
      <c r="CF23" s="72">
        <v>15</v>
      </c>
      <c r="CG23" s="72">
        <v>12</v>
      </c>
      <c r="CH23" s="72">
        <v>12</v>
      </c>
      <c r="CI23" s="72">
        <v>3</v>
      </c>
      <c r="CJ23" s="73">
        <v>67</v>
      </c>
      <c r="CK23" s="74">
        <v>85</v>
      </c>
      <c r="CL23" s="71">
        <v>241</v>
      </c>
      <c r="CM23" s="72">
        <v>330</v>
      </c>
      <c r="CN23" s="73">
        <v>571</v>
      </c>
      <c r="CO23" s="271"/>
      <c r="CP23" s="72">
        <v>549</v>
      </c>
      <c r="CQ23" s="72">
        <v>356</v>
      </c>
      <c r="CR23" s="72">
        <v>247</v>
      </c>
      <c r="CS23" s="72">
        <v>205</v>
      </c>
      <c r="CT23" s="72">
        <v>110</v>
      </c>
      <c r="CU23" s="73">
        <v>1467</v>
      </c>
      <c r="CV23" s="74">
        <v>2038</v>
      </c>
      <c r="CW23" s="127">
        <v>434</v>
      </c>
      <c r="CX23" s="83">
        <v>594</v>
      </c>
      <c r="CY23" s="84">
        <v>1028</v>
      </c>
      <c r="CZ23" s="271"/>
      <c r="DA23" s="83">
        <v>836</v>
      </c>
      <c r="DB23" s="83">
        <v>472</v>
      </c>
      <c r="DC23" s="83">
        <v>430</v>
      </c>
      <c r="DD23" s="83">
        <v>413</v>
      </c>
      <c r="DE23" s="83">
        <v>238</v>
      </c>
      <c r="DF23" s="85">
        <v>2389</v>
      </c>
      <c r="DG23" s="86">
        <v>3417</v>
      </c>
      <c r="DH23" s="71">
        <v>11</v>
      </c>
      <c r="DI23" s="72">
        <v>16</v>
      </c>
      <c r="DJ23" s="73">
        <v>27</v>
      </c>
      <c r="DK23" s="271"/>
      <c r="DL23" s="72">
        <v>24</v>
      </c>
      <c r="DM23" s="72">
        <v>12</v>
      </c>
      <c r="DN23" s="72">
        <v>9</v>
      </c>
      <c r="DO23" s="72">
        <v>13</v>
      </c>
      <c r="DP23" s="72">
        <v>9</v>
      </c>
      <c r="DQ23" s="73">
        <v>67</v>
      </c>
      <c r="DR23" s="74">
        <v>94</v>
      </c>
      <c r="DS23" s="71">
        <v>39</v>
      </c>
      <c r="DT23" s="72">
        <v>49</v>
      </c>
      <c r="DU23" s="73">
        <v>88</v>
      </c>
      <c r="DV23" s="271"/>
      <c r="DW23" s="72">
        <v>74</v>
      </c>
      <c r="DX23" s="72">
        <v>26</v>
      </c>
      <c r="DY23" s="72">
        <v>14</v>
      </c>
      <c r="DZ23" s="72">
        <v>24</v>
      </c>
      <c r="EA23" s="72">
        <v>17</v>
      </c>
      <c r="EB23" s="73">
        <v>155</v>
      </c>
      <c r="EC23" s="74">
        <v>243</v>
      </c>
      <c r="ED23" s="71">
        <v>82</v>
      </c>
      <c r="EE23" s="72">
        <v>88</v>
      </c>
      <c r="EF23" s="73">
        <v>170</v>
      </c>
      <c r="EG23" s="271"/>
      <c r="EH23" s="72">
        <v>122</v>
      </c>
      <c r="EI23" s="72">
        <v>57</v>
      </c>
      <c r="EJ23" s="72">
        <v>35</v>
      </c>
      <c r="EK23" s="72">
        <v>42</v>
      </c>
      <c r="EL23" s="72">
        <v>30</v>
      </c>
      <c r="EM23" s="73">
        <v>286</v>
      </c>
      <c r="EN23" s="74">
        <v>456</v>
      </c>
      <c r="EO23" s="71">
        <v>134</v>
      </c>
      <c r="EP23" s="72">
        <v>179</v>
      </c>
      <c r="EQ23" s="73">
        <v>313</v>
      </c>
      <c r="ER23" s="271"/>
      <c r="ES23" s="72">
        <v>198</v>
      </c>
      <c r="ET23" s="72">
        <v>98</v>
      </c>
      <c r="EU23" s="72">
        <v>86</v>
      </c>
      <c r="EV23" s="72">
        <v>77</v>
      </c>
      <c r="EW23" s="72">
        <v>47</v>
      </c>
      <c r="EX23" s="73">
        <v>506</v>
      </c>
      <c r="EY23" s="74">
        <v>819</v>
      </c>
      <c r="EZ23" s="71">
        <v>121</v>
      </c>
      <c r="FA23" s="72">
        <v>147</v>
      </c>
      <c r="FB23" s="73">
        <v>268</v>
      </c>
      <c r="FC23" s="271"/>
      <c r="FD23" s="72">
        <v>233</v>
      </c>
      <c r="FE23" s="72">
        <v>134</v>
      </c>
      <c r="FF23" s="72">
        <v>130</v>
      </c>
      <c r="FG23" s="72">
        <v>105</v>
      </c>
      <c r="FH23" s="72">
        <v>66</v>
      </c>
      <c r="FI23" s="73">
        <v>668</v>
      </c>
      <c r="FJ23" s="74">
        <v>936</v>
      </c>
      <c r="FK23" s="71">
        <v>47</v>
      </c>
      <c r="FL23" s="72">
        <v>115</v>
      </c>
      <c r="FM23" s="73">
        <v>162</v>
      </c>
      <c r="FN23" s="271"/>
      <c r="FO23" s="72">
        <v>185</v>
      </c>
      <c r="FP23" s="72">
        <v>145</v>
      </c>
      <c r="FQ23" s="72">
        <v>156</v>
      </c>
      <c r="FR23" s="72">
        <v>152</v>
      </c>
      <c r="FS23" s="72">
        <v>69</v>
      </c>
      <c r="FT23" s="73">
        <v>707</v>
      </c>
      <c r="FU23" s="74">
        <v>869</v>
      </c>
      <c r="FV23" s="71">
        <v>6</v>
      </c>
      <c r="FW23" s="72">
        <v>13</v>
      </c>
      <c r="FX23" s="73">
        <v>19</v>
      </c>
      <c r="FY23" s="271"/>
      <c r="FZ23" s="72">
        <v>14</v>
      </c>
      <c r="GA23" s="72">
        <v>9</v>
      </c>
      <c r="GB23" s="72">
        <v>4</v>
      </c>
      <c r="GC23" s="72">
        <v>9</v>
      </c>
      <c r="GD23" s="72">
        <v>5</v>
      </c>
      <c r="GE23" s="73">
        <v>41</v>
      </c>
      <c r="GF23" s="74">
        <v>60</v>
      </c>
      <c r="GG23" s="71">
        <v>440</v>
      </c>
      <c r="GH23" s="72">
        <v>607</v>
      </c>
      <c r="GI23" s="73">
        <v>1047</v>
      </c>
      <c r="GJ23" s="271"/>
      <c r="GK23" s="72">
        <v>850</v>
      </c>
      <c r="GL23" s="72">
        <v>481</v>
      </c>
      <c r="GM23" s="72">
        <v>434</v>
      </c>
      <c r="GN23" s="72">
        <v>422</v>
      </c>
      <c r="GO23" s="72">
        <v>243</v>
      </c>
      <c r="GP23" s="73">
        <v>2430</v>
      </c>
      <c r="GQ23" s="74">
        <v>3477</v>
      </c>
      <c r="GR23" s="127">
        <v>672</v>
      </c>
      <c r="GS23" s="83">
        <v>909</v>
      </c>
      <c r="GT23" s="84">
        <v>1581</v>
      </c>
      <c r="GU23" s="271"/>
      <c r="GV23" s="83">
        <v>1360</v>
      </c>
      <c r="GW23" s="83">
        <v>813</v>
      </c>
      <c r="GX23" s="83">
        <v>665</v>
      </c>
      <c r="GY23" s="83">
        <v>606</v>
      </c>
      <c r="GZ23" s="83">
        <v>345</v>
      </c>
      <c r="HA23" s="85">
        <v>3789</v>
      </c>
      <c r="HB23" s="86">
        <v>5370</v>
      </c>
      <c r="HC23" s="71">
        <v>21</v>
      </c>
      <c r="HD23" s="72">
        <v>27</v>
      </c>
      <c r="HE23" s="73">
        <v>48</v>
      </c>
      <c r="HF23" s="271"/>
      <c r="HG23" s="72">
        <v>50</v>
      </c>
      <c r="HH23" s="72">
        <v>33</v>
      </c>
      <c r="HI23" s="72">
        <v>23</v>
      </c>
      <c r="HJ23" s="72">
        <v>26</v>
      </c>
      <c r="HK23" s="72">
        <v>14</v>
      </c>
      <c r="HL23" s="73">
        <v>146</v>
      </c>
      <c r="HM23" s="74">
        <v>194</v>
      </c>
      <c r="HN23" s="71">
        <v>59</v>
      </c>
      <c r="HO23" s="72">
        <v>84</v>
      </c>
      <c r="HP23" s="73">
        <v>143</v>
      </c>
      <c r="HQ23" s="271"/>
      <c r="HR23" s="72">
        <v>143</v>
      </c>
      <c r="HS23" s="72">
        <v>65</v>
      </c>
      <c r="HT23" s="72">
        <v>49</v>
      </c>
      <c r="HU23" s="72">
        <v>47</v>
      </c>
      <c r="HV23" s="72">
        <v>38</v>
      </c>
      <c r="HW23" s="73">
        <v>342</v>
      </c>
      <c r="HX23" s="74">
        <v>485</v>
      </c>
      <c r="HY23" s="71">
        <v>142</v>
      </c>
      <c r="HZ23" s="72">
        <v>135</v>
      </c>
      <c r="IA23" s="73">
        <v>277</v>
      </c>
      <c r="IB23" s="271"/>
      <c r="IC23" s="72">
        <v>219</v>
      </c>
      <c r="ID23" s="72">
        <v>126</v>
      </c>
      <c r="IE23" s="72">
        <v>75</v>
      </c>
      <c r="IF23" s="72">
        <v>89</v>
      </c>
      <c r="IG23" s="72">
        <v>57</v>
      </c>
      <c r="IH23" s="73">
        <v>566</v>
      </c>
      <c r="II23" s="74">
        <v>843</v>
      </c>
      <c r="IJ23" s="71">
        <v>197</v>
      </c>
      <c r="IK23" s="72">
        <v>285</v>
      </c>
      <c r="IL23" s="73">
        <v>482</v>
      </c>
      <c r="IM23" s="271"/>
      <c r="IN23" s="72">
        <v>348</v>
      </c>
      <c r="IO23" s="72">
        <v>197</v>
      </c>
      <c r="IP23" s="72">
        <v>152</v>
      </c>
      <c r="IQ23" s="72">
        <v>115</v>
      </c>
      <c r="IR23" s="72">
        <v>74</v>
      </c>
      <c r="IS23" s="73">
        <v>886</v>
      </c>
      <c r="IT23" s="74">
        <v>1368</v>
      </c>
      <c r="IU23" s="71">
        <v>175</v>
      </c>
      <c r="IV23" s="72">
        <v>220</v>
      </c>
      <c r="IW23" s="73">
        <v>395</v>
      </c>
      <c r="IX23" s="271"/>
      <c r="IY23" s="72">
        <v>357</v>
      </c>
      <c r="IZ23" s="72">
        <v>210</v>
      </c>
      <c r="JA23" s="72">
        <v>175</v>
      </c>
      <c r="JB23" s="72">
        <v>147</v>
      </c>
      <c r="JC23" s="72">
        <v>88</v>
      </c>
      <c r="JD23" s="73">
        <v>977</v>
      </c>
      <c r="JE23" s="74">
        <v>1372</v>
      </c>
      <c r="JF23" s="71">
        <v>78</v>
      </c>
      <c r="JG23" s="72">
        <v>158</v>
      </c>
      <c r="JH23" s="73">
        <v>236</v>
      </c>
      <c r="JI23" s="271"/>
      <c r="JJ23" s="72">
        <v>243</v>
      </c>
      <c r="JK23" s="72">
        <v>182</v>
      </c>
      <c r="JL23" s="72">
        <v>191</v>
      </c>
      <c r="JM23" s="72">
        <v>182</v>
      </c>
      <c r="JN23" s="72">
        <v>74</v>
      </c>
      <c r="JO23" s="73">
        <v>872</v>
      </c>
      <c r="JP23" s="74">
        <v>1108</v>
      </c>
      <c r="JQ23" s="71">
        <v>9</v>
      </c>
      <c r="JR23" s="72">
        <v>28</v>
      </c>
      <c r="JS23" s="73">
        <v>37</v>
      </c>
      <c r="JT23" s="271"/>
      <c r="JU23" s="72">
        <v>39</v>
      </c>
      <c r="JV23" s="72">
        <v>24</v>
      </c>
      <c r="JW23" s="72">
        <v>16</v>
      </c>
      <c r="JX23" s="72">
        <v>21</v>
      </c>
      <c r="JY23" s="72">
        <v>8</v>
      </c>
      <c r="JZ23" s="73">
        <v>108</v>
      </c>
      <c r="KA23" s="74">
        <v>145</v>
      </c>
      <c r="KB23" s="71">
        <v>681</v>
      </c>
      <c r="KC23" s="72">
        <v>937</v>
      </c>
      <c r="KD23" s="73">
        <v>1618</v>
      </c>
      <c r="KE23" s="271"/>
      <c r="KF23" s="72">
        <v>1399</v>
      </c>
      <c r="KG23" s="72">
        <v>837</v>
      </c>
      <c r="KH23" s="72">
        <v>681</v>
      </c>
      <c r="KI23" s="72">
        <v>627</v>
      </c>
      <c r="KJ23" s="72">
        <v>353</v>
      </c>
      <c r="KK23" s="73">
        <v>3897</v>
      </c>
      <c r="KL23" s="74">
        <v>5515</v>
      </c>
    </row>
    <row r="24" spans="1:298" ht="19.5" customHeight="1" x14ac:dyDescent="0.2">
      <c r="A24" s="130" t="s">
        <v>21</v>
      </c>
      <c r="B24" s="353">
        <v>272</v>
      </c>
      <c r="C24" s="83">
        <v>228</v>
      </c>
      <c r="D24" s="84">
        <v>500</v>
      </c>
      <c r="E24" s="271"/>
      <c r="F24" s="83">
        <v>413</v>
      </c>
      <c r="G24" s="83">
        <v>440</v>
      </c>
      <c r="H24" s="83">
        <v>283</v>
      </c>
      <c r="I24" s="83">
        <v>229</v>
      </c>
      <c r="J24" s="83">
        <v>104</v>
      </c>
      <c r="K24" s="85">
        <v>1469</v>
      </c>
      <c r="L24" s="86">
        <v>1969</v>
      </c>
      <c r="M24" s="71">
        <v>12</v>
      </c>
      <c r="N24" s="72">
        <v>17</v>
      </c>
      <c r="O24" s="73">
        <v>29</v>
      </c>
      <c r="P24" s="271"/>
      <c r="Q24" s="72">
        <v>18</v>
      </c>
      <c r="R24" s="72">
        <v>25</v>
      </c>
      <c r="S24" s="72">
        <v>18</v>
      </c>
      <c r="T24" s="72">
        <v>13</v>
      </c>
      <c r="U24" s="72">
        <v>7</v>
      </c>
      <c r="V24" s="73">
        <v>81</v>
      </c>
      <c r="W24" s="74">
        <v>110</v>
      </c>
      <c r="X24" s="71">
        <v>34</v>
      </c>
      <c r="Y24" s="72">
        <v>30</v>
      </c>
      <c r="Z24" s="73">
        <v>64</v>
      </c>
      <c r="AA24" s="271"/>
      <c r="AB24" s="72">
        <v>39</v>
      </c>
      <c r="AC24" s="72">
        <v>62</v>
      </c>
      <c r="AD24" s="72">
        <v>42</v>
      </c>
      <c r="AE24" s="72">
        <v>39</v>
      </c>
      <c r="AF24" s="72">
        <v>16</v>
      </c>
      <c r="AG24" s="73">
        <v>198</v>
      </c>
      <c r="AH24" s="74">
        <v>262</v>
      </c>
      <c r="AI24" s="71">
        <v>57</v>
      </c>
      <c r="AJ24" s="72">
        <v>33</v>
      </c>
      <c r="AK24" s="73">
        <v>90</v>
      </c>
      <c r="AL24" s="271"/>
      <c r="AM24" s="72">
        <v>68</v>
      </c>
      <c r="AN24" s="72">
        <v>76</v>
      </c>
      <c r="AO24" s="72">
        <v>55</v>
      </c>
      <c r="AP24" s="72">
        <v>32</v>
      </c>
      <c r="AQ24" s="72">
        <v>16</v>
      </c>
      <c r="AR24" s="73">
        <v>247</v>
      </c>
      <c r="AS24" s="74">
        <v>337</v>
      </c>
      <c r="AT24" s="71">
        <v>67</v>
      </c>
      <c r="AU24" s="72">
        <v>69</v>
      </c>
      <c r="AV24" s="73">
        <v>136</v>
      </c>
      <c r="AW24" s="271"/>
      <c r="AX24" s="72">
        <v>118</v>
      </c>
      <c r="AY24" s="72">
        <v>115</v>
      </c>
      <c r="AZ24" s="72">
        <v>69</v>
      </c>
      <c r="BA24" s="72">
        <v>57</v>
      </c>
      <c r="BB24" s="72">
        <v>27</v>
      </c>
      <c r="BC24" s="73">
        <v>386</v>
      </c>
      <c r="BD24" s="74">
        <v>522</v>
      </c>
      <c r="BE24" s="71">
        <v>73</v>
      </c>
      <c r="BF24" s="72">
        <v>55</v>
      </c>
      <c r="BG24" s="73">
        <v>128</v>
      </c>
      <c r="BH24" s="271"/>
      <c r="BI24" s="72">
        <v>120</v>
      </c>
      <c r="BJ24" s="72">
        <v>104</v>
      </c>
      <c r="BK24" s="72">
        <v>61</v>
      </c>
      <c r="BL24" s="72">
        <v>57</v>
      </c>
      <c r="BM24" s="72">
        <v>22</v>
      </c>
      <c r="BN24" s="73">
        <v>364</v>
      </c>
      <c r="BO24" s="74">
        <v>492</v>
      </c>
      <c r="BP24" s="71">
        <v>29</v>
      </c>
      <c r="BQ24" s="72">
        <v>24</v>
      </c>
      <c r="BR24" s="73">
        <v>53</v>
      </c>
      <c r="BS24" s="271"/>
      <c r="BT24" s="72">
        <v>50</v>
      </c>
      <c r="BU24" s="72">
        <v>58</v>
      </c>
      <c r="BV24" s="72">
        <v>38</v>
      </c>
      <c r="BW24" s="72">
        <v>31</v>
      </c>
      <c r="BX24" s="72">
        <v>16</v>
      </c>
      <c r="BY24" s="73">
        <v>193</v>
      </c>
      <c r="BZ24" s="74">
        <v>246</v>
      </c>
      <c r="CA24" s="71">
        <v>5</v>
      </c>
      <c r="CB24" s="72">
        <v>16</v>
      </c>
      <c r="CC24" s="73">
        <v>21</v>
      </c>
      <c r="CD24" s="271"/>
      <c r="CE24" s="72">
        <v>12</v>
      </c>
      <c r="CF24" s="72">
        <v>18</v>
      </c>
      <c r="CG24" s="72">
        <v>4</v>
      </c>
      <c r="CH24" s="72">
        <v>8</v>
      </c>
      <c r="CI24" s="72">
        <v>14</v>
      </c>
      <c r="CJ24" s="73">
        <v>56</v>
      </c>
      <c r="CK24" s="74">
        <v>77</v>
      </c>
      <c r="CL24" s="71">
        <v>277</v>
      </c>
      <c r="CM24" s="72">
        <v>244</v>
      </c>
      <c r="CN24" s="73">
        <v>521</v>
      </c>
      <c r="CO24" s="271"/>
      <c r="CP24" s="72">
        <v>425</v>
      </c>
      <c r="CQ24" s="72">
        <v>458</v>
      </c>
      <c r="CR24" s="72">
        <v>287</v>
      </c>
      <c r="CS24" s="72">
        <v>237</v>
      </c>
      <c r="CT24" s="72">
        <v>118</v>
      </c>
      <c r="CU24" s="73">
        <v>1525</v>
      </c>
      <c r="CV24" s="74">
        <v>2046</v>
      </c>
      <c r="CW24" s="127">
        <v>500</v>
      </c>
      <c r="CX24" s="83">
        <v>592</v>
      </c>
      <c r="CY24" s="84">
        <v>1092</v>
      </c>
      <c r="CZ24" s="271"/>
      <c r="DA24" s="83">
        <v>653</v>
      </c>
      <c r="DB24" s="83">
        <v>710</v>
      </c>
      <c r="DC24" s="83">
        <v>514</v>
      </c>
      <c r="DD24" s="83">
        <v>429</v>
      </c>
      <c r="DE24" s="83">
        <v>338</v>
      </c>
      <c r="DF24" s="85">
        <v>2644</v>
      </c>
      <c r="DG24" s="86">
        <v>3736</v>
      </c>
      <c r="DH24" s="71">
        <v>18</v>
      </c>
      <c r="DI24" s="72">
        <v>18</v>
      </c>
      <c r="DJ24" s="73">
        <v>36</v>
      </c>
      <c r="DK24" s="271"/>
      <c r="DL24" s="72">
        <v>16</v>
      </c>
      <c r="DM24" s="72">
        <v>17</v>
      </c>
      <c r="DN24" s="72">
        <v>17</v>
      </c>
      <c r="DO24" s="72">
        <v>11</v>
      </c>
      <c r="DP24" s="72">
        <v>11</v>
      </c>
      <c r="DQ24" s="73">
        <v>72</v>
      </c>
      <c r="DR24" s="74">
        <v>108</v>
      </c>
      <c r="DS24" s="71">
        <v>46</v>
      </c>
      <c r="DT24" s="72">
        <v>54</v>
      </c>
      <c r="DU24" s="73">
        <v>100</v>
      </c>
      <c r="DV24" s="271"/>
      <c r="DW24" s="72">
        <v>42</v>
      </c>
      <c r="DX24" s="72">
        <v>41</v>
      </c>
      <c r="DY24" s="72">
        <v>32</v>
      </c>
      <c r="DZ24" s="72">
        <v>27</v>
      </c>
      <c r="EA24" s="72">
        <v>27</v>
      </c>
      <c r="EB24" s="73">
        <v>169</v>
      </c>
      <c r="EC24" s="74">
        <v>269</v>
      </c>
      <c r="ED24" s="71">
        <v>99</v>
      </c>
      <c r="EE24" s="72">
        <v>96</v>
      </c>
      <c r="EF24" s="73">
        <v>195</v>
      </c>
      <c r="EG24" s="271"/>
      <c r="EH24" s="72">
        <v>94</v>
      </c>
      <c r="EI24" s="72">
        <v>93</v>
      </c>
      <c r="EJ24" s="72">
        <v>59</v>
      </c>
      <c r="EK24" s="72">
        <v>42</v>
      </c>
      <c r="EL24" s="72">
        <v>40</v>
      </c>
      <c r="EM24" s="73">
        <v>328</v>
      </c>
      <c r="EN24" s="74">
        <v>523</v>
      </c>
      <c r="EO24" s="71">
        <v>157</v>
      </c>
      <c r="EP24" s="72">
        <v>155</v>
      </c>
      <c r="EQ24" s="73">
        <v>312</v>
      </c>
      <c r="ER24" s="271"/>
      <c r="ES24" s="72">
        <v>180</v>
      </c>
      <c r="ET24" s="72">
        <v>148</v>
      </c>
      <c r="EU24" s="72">
        <v>118</v>
      </c>
      <c r="EV24" s="72">
        <v>87</v>
      </c>
      <c r="EW24" s="72">
        <v>84</v>
      </c>
      <c r="EX24" s="73">
        <v>617</v>
      </c>
      <c r="EY24" s="74">
        <v>929</v>
      </c>
      <c r="EZ24" s="71">
        <v>125</v>
      </c>
      <c r="FA24" s="72">
        <v>177</v>
      </c>
      <c r="FB24" s="73">
        <v>302</v>
      </c>
      <c r="FC24" s="271"/>
      <c r="FD24" s="72">
        <v>172</v>
      </c>
      <c r="FE24" s="72">
        <v>209</v>
      </c>
      <c r="FF24" s="72">
        <v>124</v>
      </c>
      <c r="FG24" s="72">
        <v>120</v>
      </c>
      <c r="FH24" s="72">
        <v>75</v>
      </c>
      <c r="FI24" s="73">
        <v>700</v>
      </c>
      <c r="FJ24" s="74">
        <v>1002</v>
      </c>
      <c r="FK24" s="71">
        <v>55</v>
      </c>
      <c r="FL24" s="72">
        <v>92</v>
      </c>
      <c r="FM24" s="73">
        <v>147</v>
      </c>
      <c r="FN24" s="271"/>
      <c r="FO24" s="72">
        <v>149</v>
      </c>
      <c r="FP24" s="72">
        <v>202</v>
      </c>
      <c r="FQ24" s="72">
        <v>164</v>
      </c>
      <c r="FR24" s="72">
        <v>142</v>
      </c>
      <c r="FS24" s="72">
        <v>101</v>
      </c>
      <c r="FT24" s="73">
        <v>758</v>
      </c>
      <c r="FU24" s="74">
        <v>905</v>
      </c>
      <c r="FV24" s="71">
        <v>4</v>
      </c>
      <c r="FW24" s="72">
        <v>12</v>
      </c>
      <c r="FX24" s="73">
        <v>16</v>
      </c>
      <c r="FY24" s="271"/>
      <c r="FZ24" s="72">
        <v>10</v>
      </c>
      <c r="GA24" s="72">
        <v>22</v>
      </c>
      <c r="GB24" s="72">
        <v>5</v>
      </c>
      <c r="GC24" s="72">
        <v>8</v>
      </c>
      <c r="GD24" s="72">
        <v>5</v>
      </c>
      <c r="GE24" s="73">
        <v>50</v>
      </c>
      <c r="GF24" s="74">
        <v>66</v>
      </c>
      <c r="GG24" s="71">
        <v>504</v>
      </c>
      <c r="GH24" s="72">
        <v>604</v>
      </c>
      <c r="GI24" s="73">
        <v>1108</v>
      </c>
      <c r="GJ24" s="271"/>
      <c r="GK24" s="72">
        <v>663</v>
      </c>
      <c r="GL24" s="72">
        <v>732</v>
      </c>
      <c r="GM24" s="72">
        <v>519</v>
      </c>
      <c r="GN24" s="72">
        <v>437</v>
      </c>
      <c r="GO24" s="72">
        <v>343</v>
      </c>
      <c r="GP24" s="73">
        <v>2694</v>
      </c>
      <c r="GQ24" s="74">
        <v>3802</v>
      </c>
      <c r="GR24" s="127">
        <v>772</v>
      </c>
      <c r="GS24" s="83">
        <v>820</v>
      </c>
      <c r="GT24" s="84">
        <v>1592</v>
      </c>
      <c r="GU24" s="271"/>
      <c r="GV24" s="83">
        <v>1066</v>
      </c>
      <c r="GW24" s="83">
        <v>1150</v>
      </c>
      <c r="GX24" s="83">
        <v>797</v>
      </c>
      <c r="GY24" s="83">
        <v>658</v>
      </c>
      <c r="GZ24" s="83">
        <v>442</v>
      </c>
      <c r="HA24" s="85">
        <v>4113</v>
      </c>
      <c r="HB24" s="86">
        <v>5705</v>
      </c>
      <c r="HC24" s="71">
        <v>30</v>
      </c>
      <c r="HD24" s="72">
        <v>35</v>
      </c>
      <c r="HE24" s="73">
        <v>65</v>
      </c>
      <c r="HF24" s="271"/>
      <c r="HG24" s="72">
        <v>34</v>
      </c>
      <c r="HH24" s="72">
        <v>42</v>
      </c>
      <c r="HI24" s="72">
        <v>35</v>
      </c>
      <c r="HJ24" s="72">
        <v>24</v>
      </c>
      <c r="HK24" s="72">
        <v>18</v>
      </c>
      <c r="HL24" s="73">
        <v>153</v>
      </c>
      <c r="HM24" s="74">
        <v>218</v>
      </c>
      <c r="HN24" s="71">
        <v>80</v>
      </c>
      <c r="HO24" s="72">
        <v>84</v>
      </c>
      <c r="HP24" s="73">
        <v>164</v>
      </c>
      <c r="HQ24" s="271"/>
      <c r="HR24" s="72">
        <v>81</v>
      </c>
      <c r="HS24" s="72">
        <v>103</v>
      </c>
      <c r="HT24" s="72">
        <v>74</v>
      </c>
      <c r="HU24" s="72">
        <v>66</v>
      </c>
      <c r="HV24" s="72">
        <v>43</v>
      </c>
      <c r="HW24" s="73">
        <v>367</v>
      </c>
      <c r="HX24" s="74">
        <v>531</v>
      </c>
      <c r="HY24" s="71">
        <v>156</v>
      </c>
      <c r="HZ24" s="72">
        <v>129</v>
      </c>
      <c r="IA24" s="73">
        <v>285</v>
      </c>
      <c r="IB24" s="271"/>
      <c r="IC24" s="72">
        <v>162</v>
      </c>
      <c r="ID24" s="72">
        <v>169</v>
      </c>
      <c r="IE24" s="72">
        <v>114</v>
      </c>
      <c r="IF24" s="72">
        <v>74</v>
      </c>
      <c r="IG24" s="72">
        <v>56</v>
      </c>
      <c r="IH24" s="73">
        <v>575</v>
      </c>
      <c r="II24" s="74">
        <v>860</v>
      </c>
      <c r="IJ24" s="71">
        <v>224</v>
      </c>
      <c r="IK24" s="72">
        <v>224</v>
      </c>
      <c r="IL24" s="73">
        <v>448</v>
      </c>
      <c r="IM24" s="271"/>
      <c r="IN24" s="72">
        <v>298</v>
      </c>
      <c r="IO24" s="72">
        <v>263</v>
      </c>
      <c r="IP24" s="72">
        <v>187</v>
      </c>
      <c r="IQ24" s="72">
        <v>144</v>
      </c>
      <c r="IR24" s="72">
        <v>111</v>
      </c>
      <c r="IS24" s="73">
        <v>1003</v>
      </c>
      <c r="IT24" s="74">
        <v>1451</v>
      </c>
      <c r="IU24" s="71">
        <v>198</v>
      </c>
      <c r="IV24" s="72">
        <v>232</v>
      </c>
      <c r="IW24" s="73">
        <v>430</v>
      </c>
      <c r="IX24" s="271"/>
      <c r="IY24" s="72">
        <v>292</v>
      </c>
      <c r="IZ24" s="72">
        <v>313</v>
      </c>
      <c r="JA24" s="72">
        <v>185</v>
      </c>
      <c r="JB24" s="72">
        <v>177</v>
      </c>
      <c r="JC24" s="72">
        <v>97</v>
      </c>
      <c r="JD24" s="73">
        <v>1064</v>
      </c>
      <c r="JE24" s="74">
        <v>1494</v>
      </c>
      <c r="JF24" s="71">
        <v>84</v>
      </c>
      <c r="JG24" s="72">
        <v>116</v>
      </c>
      <c r="JH24" s="73">
        <v>200</v>
      </c>
      <c r="JI24" s="271"/>
      <c r="JJ24" s="72">
        <v>199</v>
      </c>
      <c r="JK24" s="72">
        <v>260</v>
      </c>
      <c r="JL24" s="72">
        <v>202</v>
      </c>
      <c r="JM24" s="72">
        <v>173</v>
      </c>
      <c r="JN24" s="72">
        <v>117</v>
      </c>
      <c r="JO24" s="73">
        <v>951</v>
      </c>
      <c r="JP24" s="74">
        <v>1151</v>
      </c>
      <c r="JQ24" s="71">
        <v>9</v>
      </c>
      <c r="JR24" s="72">
        <v>28</v>
      </c>
      <c r="JS24" s="73">
        <v>37</v>
      </c>
      <c r="JT24" s="271"/>
      <c r="JU24" s="72">
        <v>22</v>
      </c>
      <c r="JV24" s="72">
        <v>40</v>
      </c>
      <c r="JW24" s="72">
        <v>9</v>
      </c>
      <c r="JX24" s="72">
        <v>16</v>
      </c>
      <c r="JY24" s="72">
        <v>19</v>
      </c>
      <c r="JZ24" s="73">
        <v>106</v>
      </c>
      <c r="KA24" s="74">
        <v>143</v>
      </c>
      <c r="KB24" s="71">
        <v>781</v>
      </c>
      <c r="KC24" s="72">
        <v>848</v>
      </c>
      <c r="KD24" s="73">
        <v>1629</v>
      </c>
      <c r="KE24" s="271"/>
      <c r="KF24" s="72">
        <v>1088</v>
      </c>
      <c r="KG24" s="72">
        <v>1190</v>
      </c>
      <c r="KH24" s="72">
        <v>806</v>
      </c>
      <c r="KI24" s="72">
        <v>674</v>
      </c>
      <c r="KJ24" s="72">
        <v>461</v>
      </c>
      <c r="KK24" s="73">
        <v>4219</v>
      </c>
      <c r="KL24" s="74">
        <v>5848</v>
      </c>
    </row>
    <row r="25" spans="1:298" ht="19.5" customHeight="1" x14ac:dyDescent="0.2">
      <c r="A25" s="130" t="s">
        <v>22</v>
      </c>
      <c r="B25" s="353">
        <v>85</v>
      </c>
      <c r="C25" s="83">
        <v>59</v>
      </c>
      <c r="D25" s="84">
        <v>144</v>
      </c>
      <c r="E25" s="271"/>
      <c r="F25" s="83">
        <v>183</v>
      </c>
      <c r="G25" s="83">
        <v>159</v>
      </c>
      <c r="H25" s="83">
        <v>94</v>
      </c>
      <c r="I25" s="83">
        <v>73</v>
      </c>
      <c r="J25" s="83">
        <v>48</v>
      </c>
      <c r="K25" s="85">
        <v>557</v>
      </c>
      <c r="L25" s="86">
        <v>701</v>
      </c>
      <c r="M25" s="71">
        <v>6</v>
      </c>
      <c r="N25" s="72">
        <v>2</v>
      </c>
      <c r="O25" s="73">
        <v>8</v>
      </c>
      <c r="P25" s="271"/>
      <c r="Q25" s="72">
        <v>5</v>
      </c>
      <c r="R25" s="72">
        <v>4</v>
      </c>
      <c r="S25" s="72">
        <v>1</v>
      </c>
      <c r="T25" s="72">
        <v>3</v>
      </c>
      <c r="U25" s="72">
        <v>5</v>
      </c>
      <c r="V25" s="73">
        <v>18</v>
      </c>
      <c r="W25" s="74">
        <v>26</v>
      </c>
      <c r="X25" s="71">
        <v>7</v>
      </c>
      <c r="Y25" s="72">
        <v>9</v>
      </c>
      <c r="Z25" s="73">
        <v>16</v>
      </c>
      <c r="AA25" s="271"/>
      <c r="AB25" s="72">
        <v>26</v>
      </c>
      <c r="AC25" s="72">
        <v>10</v>
      </c>
      <c r="AD25" s="72">
        <v>8</v>
      </c>
      <c r="AE25" s="72">
        <v>8</v>
      </c>
      <c r="AF25" s="72">
        <v>7</v>
      </c>
      <c r="AG25" s="73">
        <v>59</v>
      </c>
      <c r="AH25" s="74">
        <v>75</v>
      </c>
      <c r="AI25" s="71">
        <v>10</v>
      </c>
      <c r="AJ25" s="72">
        <v>7</v>
      </c>
      <c r="AK25" s="73">
        <v>17</v>
      </c>
      <c r="AL25" s="271"/>
      <c r="AM25" s="72">
        <v>31</v>
      </c>
      <c r="AN25" s="72">
        <v>20</v>
      </c>
      <c r="AO25" s="72">
        <v>18</v>
      </c>
      <c r="AP25" s="72">
        <v>9</v>
      </c>
      <c r="AQ25" s="72">
        <v>13</v>
      </c>
      <c r="AR25" s="73">
        <v>91</v>
      </c>
      <c r="AS25" s="74">
        <v>108</v>
      </c>
      <c r="AT25" s="71">
        <v>27</v>
      </c>
      <c r="AU25" s="72">
        <v>12</v>
      </c>
      <c r="AV25" s="73">
        <v>39</v>
      </c>
      <c r="AW25" s="271"/>
      <c r="AX25" s="72">
        <v>43</v>
      </c>
      <c r="AY25" s="72">
        <v>48</v>
      </c>
      <c r="AZ25" s="72">
        <v>24</v>
      </c>
      <c r="BA25" s="72">
        <v>17</v>
      </c>
      <c r="BB25" s="72">
        <v>11</v>
      </c>
      <c r="BC25" s="73">
        <v>143</v>
      </c>
      <c r="BD25" s="74">
        <v>182</v>
      </c>
      <c r="BE25" s="71">
        <v>22</v>
      </c>
      <c r="BF25" s="72">
        <v>21</v>
      </c>
      <c r="BG25" s="73">
        <v>43</v>
      </c>
      <c r="BH25" s="271"/>
      <c r="BI25" s="72">
        <v>51</v>
      </c>
      <c r="BJ25" s="72">
        <v>43</v>
      </c>
      <c r="BK25" s="72">
        <v>25</v>
      </c>
      <c r="BL25" s="72">
        <v>18</v>
      </c>
      <c r="BM25" s="72">
        <v>6</v>
      </c>
      <c r="BN25" s="73">
        <v>143</v>
      </c>
      <c r="BO25" s="74">
        <v>186</v>
      </c>
      <c r="BP25" s="71">
        <v>13</v>
      </c>
      <c r="BQ25" s="72">
        <v>8</v>
      </c>
      <c r="BR25" s="73">
        <v>21</v>
      </c>
      <c r="BS25" s="271"/>
      <c r="BT25" s="72">
        <v>27</v>
      </c>
      <c r="BU25" s="72">
        <v>34</v>
      </c>
      <c r="BV25" s="72">
        <v>18</v>
      </c>
      <c r="BW25" s="72">
        <v>18</v>
      </c>
      <c r="BX25" s="72">
        <v>6</v>
      </c>
      <c r="BY25" s="73">
        <v>103</v>
      </c>
      <c r="BZ25" s="74">
        <v>124</v>
      </c>
      <c r="CA25" s="71">
        <v>1</v>
      </c>
      <c r="CB25" s="72">
        <v>4</v>
      </c>
      <c r="CC25" s="73">
        <v>5</v>
      </c>
      <c r="CD25" s="271"/>
      <c r="CE25" s="72">
        <v>8</v>
      </c>
      <c r="CF25" s="72">
        <v>4</v>
      </c>
      <c r="CG25" s="72">
        <v>1</v>
      </c>
      <c r="CH25" s="72">
        <v>3</v>
      </c>
      <c r="CI25" s="72">
        <v>1</v>
      </c>
      <c r="CJ25" s="73">
        <v>17</v>
      </c>
      <c r="CK25" s="74">
        <v>22</v>
      </c>
      <c r="CL25" s="71">
        <v>86</v>
      </c>
      <c r="CM25" s="72">
        <v>63</v>
      </c>
      <c r="CN25" s="73">
        <v>149</v>
      </c>
      <c r="CO25" s="271"/>
      <c r="CP25" s="72">
        <v>191</v>
      </c>
      <c r="CQ25" s="72">
        <v>163</v>
      </c>
      <c r="CR25" s="72">
        <v>95</v>
      </c>
      <c r="CS25" s="72">
        <v>76</v>
      </c>
      <c r="CT25" s="72">
        <v>49</v>
      </c>
      <c r="CU25" s="73">
        <v>574</v>
      </c>
      <c r="CV25" s="74">
        <v>723</v>
      </c>
      <c r="CW25" s="127">
        <v>122</v>
      </c>
      <c r="CX25" s="83">
        <v>229</v>
      </c>
      <c r="CY25" s="84">
        <v>351</v>
      </c>
      <c r="CZ25" s="271"/>
      <c r="DA25" s="83">
        <v>375</v>
      </c>
      <c r="DB25" s="83">
        <v>304</v>
      </c>
      <c r="DC25" s="83">
        <v>172</v>
      </c>
      <c r="DD25" s="83">
        <v>194</v>
      </c>
      <c r="DE25" s="83">
        <v>116</v>
      </c>
      <c r="DF25" s="85">
        <v>1161</v>
      </c>
      <c r="DG25" s="86">
        <v>1512</v>
      </c>
      <c r="DH25" s="71">
        <v>5</v>
      </c>
      <c r="DI25" s="72">
        <v>8</v>
      </c>
      <c r="DJ25" s="73">
        <v>13</v>
      </c>
      <c r="DK25" s="271"/>
      <c r="DL25" s="72">
        <v>6</v>
      </c>
      <c r="DM25" s="72">
        <v>10</v>
      </c>
      <c r="DN25" s="72">
        <v>3</v>
      </c>
      <c r="DO25" s="72">
        <v>1</v>
      </c>
      <c r="DP25" s="72">
        <v>1</v>
      </c>
      <c r="DQ25" s="73">
        <v>21</v>
      </c>
      <c r="DR25" s="74">
        <v>34</v>
      </c>
      <c r="DS25" s="71">
        <v>5</v>
      </c>
      <c r="DT25" s="72">
        <v>11</v>
      </c>
      <c r="DU25" s="73">
        <v>16</v>
      </c>
      <c r="DV25" s="271"/>
      <c r="DW25" s="72">
        <v>27</v>
      </c>
      <c r="DX25" s="72">
        <v>13</v>
      </c>
      <c r="DY25" s="72">
        <v>8</v>
      </c>
      <c r="DZ25" s="72">
        <v>7</v>
      </c>
      <c r="EA25" s="72">
        <v>7</v>
      </c>
      <c r="EB25" s="73">
        <v>62</v>
      </c>
      <c r="EC25" s="74">
        <v>78</v>
      </c>
      <c r="ED25" s="71">
        <v>23</v>
      </c>
      <c r="EE25" s="72">
        <v>37</v>
      </c>
      <c r="EF25" s="73">
        <v>60</v>
      </c>
      <c r="EG25" s="271"/>
      <c r="EH25" s="72">
        <v>53</v>
      </c>
      <c r="EI25" s="72">
        <v>32</v>
      </c>
      <c r="EJ25" s="72">
        <v>18</v>
      </c>
      <c r="EK25" s="72">
        <v>20</v>
      </c>
      <c r="EL25" s="72">
        <v>14</v>
      </c>
      <c r="EM25" s="73">
        <v>137</v>
      </c>
      <c r="EN25" s="74">
        <v>197</v>
      </c>
      <c r="EO25" s="71">
        <v>38</v>
      </c>
      <c r="EP25" s="72">
        <v>59</v>
      </c>
      <c r="EQ25" s="73">
        <v>97</v>
      </c>
      <c r="ER25" s="271"/>
      <c r="ES25" s="72">
        <v>81</v>
      </c>
      <c r="ET25" s="72">
        <v>59</v>
      </c>
      <c r="EU25" s="72">
        <v>34</v>
      </c>
      <c r="EV25" s="72">
        <v>31</v>
      </c>
      <c r="EW25" s="72">
        <v>24</v>
      </c>
      <c r="EX25" s="73">
        <v>229</v>
      </c>
      <c r="EY25" s="74">
        <v>326</v>
      </c>
      <c r="EZ25" s="71">
        <v>39</v>
      </c>
      <c r="FA25" s="72">
        <v>74</v>
      </c>
      <c r="FB25" s="73">
        <v>113</v>
      </c>
      <c r="FC25" s="271"/>
      <c r="FD25" s="72">
        <v>122</v>
      </c>
      <c r="FE25" s="72">
        <v>83</v>
      </c>
      <c r="FF25" s="72">
        <v>39</v>
      </c>
      <c r="FG25" s="72">
        <v>50</v>
      </c>
      <c r="FH25" s="72">
        <v>30</v>
      </c>
      <c r="FI25" s="73">
        <v>324</v>
      </c>
      <c r="FJ25" s="74">
        <v>437</v>
      </c>
      <c r="FK25" s="71">
        <v>12</v>
      </c>
      <c r="FL25" s="72">
        <v>40</v>
      </c>
      <c r="FM25" s="73">
        <v>52</v>
      </c>
      <c r="FN25" s="271"/>
      <c r="FO25" s="72">
        <v>86</v>
      </c>
      <c r="FP25" s="72">
        <v>107</v>
      </c>
      <c r="FQ25" s="72">
        <v>70</v>
      </c>
      <c r="FR25" s="72">
        <v>85</v>
      </c>
      <c r="FS25" s="72">
        <v>40</v>
      </c>
      <c r="FT25" s="73">
        <v>388</v>
      </c>
      <c r="FU25" s="74">
        <v>440</v>
      </c>
      <c r="FV25" s="71">
        <v>1</v>
      </c>
      <c r="FW25" s="72">
        <v>2</v>
      </c>
      <c r="FX25" s="73">
        <v>3</v>
      </c>
      <c r="FY25" s="271"/>
      <c r="FZ25" s="72">
        <v>6</v>
      </c>
      <c r="GA25" s="72">
        <v>2</v>
      </c>
      <c r="GB25" s="72">
        <v>4</v>
      </c>
      <c r="GC25" s="72">
        <v>5</v>
      </c>
      <c r="GD25" s="72">
        <v>2</v>
      </c>
      <c r="GE25" s="73">
        <v>19</v>
      </c>
      <c r="GF25" s="74">
        <v>22</v>
      </c>
      <c r="GG25" s="71">
        <v>123</v>
      </c>
      <c r="GH25" s="72">
        <v>231</v>
      </c>
      <c r="GI25" s="73">
        <v>354</v>
      </c>
      <c r="GJ25" s="271"/>
      <c r="GK25" s="72">
        <v>381</v>
      </c>
      <c r="GL25" s="72">
        <v>306</v>
      </c>
      <c r="GM25" s="72">
        <v>176</v>
      </c>
      <c r="GN25" s="72">
        <v>199</v>
      </c>
      <c r="GO25" s="72">
        <v>118</v>
      </c>
      <c r="GP25" s="73">
        <v>1180</v>
      </c>
      <c r="GQ25" s="74">
        <v>1534</v>
      </c>
      <c r="GR25" s="127">
        <v>207</v>
      </c>
      <c r="GS25" s="83">
        <v>288</v>
      </c>
      <c r="GT25" s="84">
        <v>495</v>
      </c>
      <c r="GU25" s="271"/>
      <c r="GV25" s="83">
        <v>558</v>
      </c>
      <c r="GW25" s="83">
        <v>463</v>
      </c>
      <c r="GX25" s="83">
        <v>266</v>
      </c>
      <c r="GY25" s="83">
        <v>267</v>
      </c>
      <c r="GZ25" s="83">
        <v>164</v>
      </c>
      <c r="HA25" s="85">
        <v>1718</v>
      </c>
      <c r="HB25" s="86">
        <v>2213</v>
      </c>
      <c r="HC25" s="71">
        <v>11</v>
      </c>
      <c r="HD25" s="72">
        <v>10</v>
      </c>
      <c r="HE25" s="73">
        <v>21</v>
      </c>
      <c r="HF25" s="271"/>
      <c r="HG25" s="72">
        <v>11</v>
      </c>
      <c r="HH25" s="72">
        <v>14</v>
      </c>
      <c r="HI25" s="72">
        <v>4</v>
      </c>
      <c r="HJ25" s="72">
        <v>4</v>
      </c>
      <c r="HK25" s="72">
        <v>6</v>
      </c>
      <c r="HL25" s="73">
        <v>39</v>
      </c>
      <c r="HM25" s="74">
        <v>60</v>
      </c>
      <c r="HN25" s="71">
        <v>12</v>
      </c>
      <c r="HO25" s="72">
        <v>20</v>
      </c>
      <c r="HP25" s="73">
        <v>32</v>
      </c>
      <c r="HQ25" s="271"/>
      <c r="HR25" s="72">
        <v>53</v>
      </c>
      <c r="HS25" s="72">
        <v>23</v>
      </c>
      <c r="HT25" s="72">
        <v>16</v>
      </c>
      <c r="HU25" s="72">
        <v>15</v>
      </c>
      <c r="HV25" s="72">
        <v>14</v>
      </c>
      <c r="HW25" s="73">
        <v>121</v>
      </c>
      <c r="HX25" s="74">
        <v>153</v>
      </c>
      <c r="HY25" s="71">
        <v>33</v>
      </c>
      <c r="HZ25" s="72">
        <v>44</v>
      </c>
      <c r="IA25" s="73">
        <v>77</v>
      </c>
      <c r="IB25" s="271"/>
      <c r="IC25" s="72">
        <v>84</v>
      </c>
      <c r="ID25" s="72">
        <v>52</v>
      </c>
      <c r="IE25" s="72">
        <v>36</v>
      </c>
      <c r="IF25" s="72">
        <v>29</v>
      </c>
      <c r="IG25" s="72">
        <v>27</v>
      </c>
      <c r="IH25" s="73">
        <v>228</v>
      </c>
      <c r="II25" s="74">
        <v>305</v>
      </c>
      <c r="IJ25" s="71">
        <v>65</v>
      </c>
      <c r="IK25" s="72">
        <v>71</v>
      </c>
      <c r="IL25" s="73">
        <v>136</v>
      </c>
      <c r="IM25" s="271"/>
      <c r="IN25" s="72">
        <v>124</v>
      </c>
      <c r="IO25" s="72">
        <v>107</v>
      </c>
      <c r="IP25" s="72">
        <v>58</v>
      </c>
      <c r="IQ25" s="72">
        <v>48</v>
      </c>
      <c r="IR25" s="72">
        <v>35</v>
      </c>
      <c r="IS25" s="73">
        <v>372</v>
      </c>
      <c r="IT25" s="74">
        <v>508</v>
      </c>
      <c r="IU25" s="71">
        <v>61</v>
      </c>
      <c r="IV25" s="72">
        <v>95</v>
      </c>
      <c r="IW25" s="73">
        <v>156</v>
      </c>
      <c r="IX25" s="271"/>
      <c r="IY25" s="72">
        <v>173</v>
      </c>
      <c r="IZ25" s="72">
        <v>126</v>
      </c>
      <c r="JA25" s="72">
        <v>64</v>
      </c>
      <c r="JB25" s="72">
        <v>68</v>
      </c>
      <c r="JC25" s="72">
        <v>36</v>
      </c>
      <c r="JD25" s="73">
        <v>467</v>
      </c>
      <c r="JE25" s="74">
        <v>623</v>
      </c>
      <c r="JF25" s="71">
        <v>25</v>
      </c>
      <c r="JG25" s="72">
        <v>48</v>
      </c>
      <c r="JH25" s="73">
        <v>73</v>
      </c>
      <c r="JI25" s="271"/>
      <c r="JJ25" s="72">
        <v>113</v>
      </c>
      <c r="JK25" s="72">
        <v>141</v>
      </c>
      <c r="JL25" s="72">
        <v>88</v>
      </c>
      <c r="JM25" s="72">
        <v>103</v>
      </c>
      <c r="JN25" s="72">
        <v>46</v>
      </c>
      <c r="JO25" s="73">
        <v>491</v>
      </c>
      <c r="JP25" s="74">
        <v>564</v>
      </c>
      <c r="JQ25" s="71">
        <v>2</v>
      </c>
      <c r="JR25" s="72">
        <v>6</v>
      </c>
      <c r="JS25" s="73">
        <v>8</v>
      </c>
      <c r="JT25" s="271"/>
      <c r="JU25" s="72">
        <v>14</v>
      </c>
      <c r="JV25" s="72">
        <v>6</v>
      </c>
      <c r="JW25" s="72">
        <v>5</v>
      </c>
      <c r="JX25" s="72">
        <v>8</v>
      </c>
      <c r="JY25" s="72">
        <v>3</v>
      </c>
      <c r="JZ25" s="73">
        <v>36</v>
      </c>
      <c r="KA25" s="74">
        <v>44</v>
      </c>
      <c r="KB25" s="71">
        <v>209</v>
      </c>
      <c r="KC25" s="72">
        <v>294</v>
      </c>
      <c r="KD25" s="73">
        <v>503</v>
      </c>
      <c r="KE25" s="271"/>
      <c r="KF25" s="72">
        <v>572</v>
      </c>
      <c r="KG25" s="72">
        <v>469</v>
      </c>
      <c r="KH25" s="72">
        <v>271</v>
      </c>
      <c r="KI25" s="72">
        <v>275</v>
      </c>
      <c r="KJ25" s="72">
        <v>167</v>
      </c>
      <c r="KK25" s="73">
        <v>1754</v>
      </c>
      <c r="KL25" s="74">
        <v>2257</v>
      </c>
    </row>
    <row r="26" spans="1:298" ht="19.5" customHeight="1" x14ac:dyDescent="0.2">
      <c r="A26" s="130" t="s">
        <v>23</v>
      </c>
      <c r="B26" s="353">
        <v>177</v>
      </c>
      <c r="C26" s="83">
        <v>152</v>
      </c>
      <c r="D26" s="84">
        <v>329</v>
      </c>
      <c r="E26" s="271"/>
      <c r="F26" s="83">
        <v>323</v>
      </c>
      <c r="G26" s="83">
        <v>262</v>
      </c>
      <c r="H26" s="83">
        <v>171</v>
      </c>
      <c r="I26" s="83">
        <v>177</v>
      </c>
      <c r="J26" s="83">
        <v>80</v>
      </c>
      <c r="K26" s="85">
        <v>1013</v>
      </c>
      <c r="L26" s="86">
        <v>1342</v>
      </c>
      <c r="M26" s="71">
        <v>9</v>
      </c>
      <c r="N26" s="72">
        <v>14</v>
      </c>
      <c r="O26" s="73">
        <v>23</v>
      </c>
      <c r="P26" s="271"/>
      <c r="Q26" s="72">
        <v>10</v>
      </c>
      <c r="R26" s="72">
        <v>9</v>
      </c>
      <c r="S26" s="72">
        <v>4</v>
      </c>
      <c r="T26" s="72">
        <v>10</v>
      </c>
      <c r="U26" s="72">
        <v>4</v>
      </c>
      <c r="V26" s="73">
        <v>37</v>
      </c>
      <c r="W26" s="74">
        <v>60</v>
      </c>
      <c r="X26" s="71">
        <v>28</v>
      </c>
      <c r="Y26" s="72">
        <v>17</v>
      </c>
      <c r="Z26" s="73">
        <v>45</v>
      </c>
      <c r="AA26" s="271"/>
      <c r="AB26" s="72">
        <v>20</v>
      </c>
      <c r="AC26" s="72">
        <v>40</v>
      </c>
      <c r="AD26" s="72">
        <v>17</v>
      </c>
      <c r="AE26" s="72">
        <v>21</v>
      </c>
      <c r="AF26" s="72">
        <v>16</v>
      </c>
      <c r="AG26" s="73">
        <v>114</v>
      </c>
      <c r="AH26" s="74">
        <v>159</v>
      </c>
      <c r="AI26" s="71">
        <v>38</v>
      </c>
      <c r="AJ26" s="72">
        <v>28</v>
      </c>
      <c r="AK26" s="73">
        <v>66</v>
      </c>
      <c r="AL26" s="271"/>
      <c r="AM26" s="72">
        <v>77</v>
      </c>
      <c r="AN26" s="72">
        <v>51</v>
      </c>
      <c r="AO26" s="72">
        <v>26</v>
      </c>
      <c r="AP26" s="72">
        <v>27</v>
      </c>
      <c r="AQ26" s="72">
        <v>19</v>
      </c>
      <c r="AR26" s="73">
        <v>200</v>
      </c>
      <c r="AS26" s="74">
        <v>266</v>
      </c>
      <c r="AT26" s="71">
        <v>56</v>
      </c>
      <c r="AU26" s="72">
        <v>43</v>
      </c>
      <c r="AV26" s="73">
        <v>99</v>
      </c>
      <c r="AW26" s="271"/>
      <c r="AX26" s="72">
        <v>105</v>
      </c>
      <c r="AY26" s="72">
        <v>76</v>
      </c>
      <c r="AZ26" s="72">
        <v>48</v>
      </c>
      <c r="BA26" s="72">
        <v>48</v>
      </c>
      <c r="BB26" s="72">
        <v>19</v>
      </c>
      <c r="BC26" s="73">
        <v>296</v>
      </c>
      <c r="BD26" s="74">
        <v>395</v>
      </c>
      <c r="BE26" s="71">
        <v>36</v>
      </c>
      <c r="BF26" s="72">
        <v>34</v>
      </c>
      <c r="BG26" s="73">
        <v>70</v>
      </c>
      <c r="BH26" s="271"/>
      <c r="BI26" s="72">
        <v>76</v>
      </c>
      <c r="BJ26" s="72">
        <v>55</v>
      </c>
      <c r="BK26" s="72">
        <v>48</v>
      </c>
      <c r="BL26" s="72">
        <v>42</v>
      </c>
      <c r="BM26" s="72">
        <v>14</v>
      </c>
      <c r="BN26" s="73">
        <v>235</v>
      </c>
      <c r="BO26" s="74">
        <v>305</v>
      </c>
      <c r="BP26" s="71">
        <v>10</v>
      </c>
      <c r="BQ26" s="72">
        <v>16</v>
      </c>
      <c r="BR26" s="73">
        <v>26</v>
      </c>
      <c r="BS26" s="271"/>
      <c r="BT26" s="72">
        <v>35</v>
      </c>
      <c r="BU26" s="72">
        <v>31</v>
      </c>
      <c r="BV26" s="72">
        <v>28</v>
      </c>
      <c r="BW26" s="72">
        <v>29</v>
      </c>
      <c r="BX26" s="72">
        <v>8</v>
      </c>
      <c r="BY26" s="73">
        <v>131</v>
      </c>
      <c r="BZ26" s="74">
        <v>157</v>
      </c>
      <c r="CA26" s="71">
        <v>7</v>
      </c>
      <c r="CB26" s="72">
        <v>10</v>
      </c>
      <c r="CC26" s="73">
        <v>17</v>
      </c>
      <c r="CD26" s="271"/>
      <c r="CE26" s="72">
        <v>4</v>
      </c>
      <c r="CF26" s="72">
        <v>10</v>
      </c>
      <c r="CG26" s="72">
        <v>7</v>
      </c>
      <c r="CH26" s="72">
        <v>7</v>
      </c>
      <c r="CI26" s="72">
        <v>5</v>
      </c>
      <c r="CJ26" s="73">
        <v>33</v>
      </c>
      <c r="CK26" s="74">
        <v>50</v>
      </c>
      <c r="CL26" s="71">
        <v>184</v>
      </c>
      <c r="CM26" s="72">
        <v>162</v>
      </c>
      <c r="CN26" s="73">
        <v>346</v>
      </c>
      <c r="CO26" s="271"/>
      <c r="CP26" s="72">
        <v>327</v>
      </c>
      <c r="CQ26" s="72">
        <v>272</v>
      </c>
      <c r="CR26" s="72">
        <v>178</v>
      </c>
      <c r="CS26" s="72">
        <v>184</v>
      </c>
      <c r="CT26" s="72">
        <v>85</v>
      </c>
      <c r="CU26" s="73">
        <v>1046</v>
      </c>
      <c r="CV26" s="74">
        <v>1392</v>
      </c>
      <c r="CW26" s="127">
        <v>306</v>
      </c>
      <c r="CX26" s="83">
        <v>362</v>
      </c>
      <c r="CY26" s="84">
        <v>668</v>
      </c>
      <c r="CZ26" s="271"/>
      <c r="DA26" s="83">
        <v>516</v>
      </c>
      <c r="DB26" s="83">
        <v>428</v>
      </c>
      <c r="DC26" s="83">
        <v>271</v>
      </c>
      <c r="DD26" s="83">
        <v>315</v>
      </c>
      <c r="DE26" s="83">
        <v>222</v>
      </c>
      <c r="DF26" s="85">
        <v>1752</v>
      </c>
      <c r="DG26" s="86">
        <v>2420</v>
      </c>
      <c r="DH26" s="71">
        <v>3</v>
      </c>
      <c r="DI26" s="72">
        <v>15</v>
      </c>
      <c r="DJ26" s="73">
        <v>18</v>
      </c>
      <c r="DK26" s="271"/>
      <c r="DL26" s="72">
        <v>12</v>
      </c>
      <c r="DM26" s="72">
        <v>14</v>
      </c>
      <c r="DN26" s="72">
        <v>7</v>
      </c>
      <c r="DO26" s="72">
        <v>8</v>
      </c>
      <c r="DP26" s="72">
        <v>1</v>
      </c>
      <c r="DQ26" s="73">
        <v>42</v>
      </c>
      <c r="DR26" s="74">
        <v>60</v>
      </c>
      <c r="DS26" s="71">
        <v>32</v>
      </c>
      <c r="DT26" s="72">
        <v>30</v>
      </c>
      <c r="DU26" s="73">
        <v>62</v>
      </c>
      <c r="DV26" s="271"/>
      <c r="DW26" s="72">
        <v>37</v>
      </c>
      <c r="DX26" s="72">
        <v>39</v>
      </c>
      <c r="DY26" s="72">
        <v>20</v>
      </c>
      <c r="DZ26" s="72">
        <v>27</v>
      </c>
      <c r="EA26" s="72">
        <v>17</v>
      </c>
      <c r="EB26" s="73">
        <v>140</v>
      </c>
      <c r="EC26" s="74">
        <v>202</v>
      </c>
      <c r="ED26" s="71">
        <v>61</v>
      </c>
      <c r="EE26" s="72">
        <v>72</v>
      </c>
      <c r="EF26" s="73">
        <v>133</v>
      </c>
      <c r="EG26" s="271"/>
      <c r="EH26" s="72">
        <v>92</v>
      </c>
      <c r="EI26" s="72">
        <v>66</v>
      </c>
      <c r="EJ26" s="72">
        <v>35</v>
      </c>
      <c r="EK26" s="72">
        <v>33</v>
      </c>
      <c r="EL26" s="72">
        <v>34</v>
      </c>
      <c r="EM26" s="73">
        <v>260</v>
      </c>
      <c r="EN26" s="74">
        <v>393</v>
      </c>
      <c r="EO26" s="71">
        <v>111</v>
      </c>
      <c r="EP26" s="72">
        <v>105</v>
      </c>
      <c r="EQ26" s="73">
        <v>216</v>
      </c>
      <c r="ER26" s="271"/>
      <c r="ES26" s="72">
        <v>134</v>
      </c>
      <c r="ET26" s="72">
        <v>100</v>
      </c>
      <c r="EU26" s="72">
        <v>60</v>
      </c>
      <c r="EV26" s="72">
        <v>75</v>
      </c>
      <c r="EW26" s="72">
        <v>51</v>
      </c>
      <c r="EX26" s="73">
        <v>420</v>
      </c>
      <c r="EY26" s="74">
        <v>636</v>
      </c>
      <c r="EZ26" s="71">
        <v>75</v>
      </c>
      <c r="FA26" s="72">
        <v>99</v>
      </c>
      <c r="FB26" s="73">
        <v>174</v>
      </c>
      <c r="FC26" s="271"/>
      <c r="FD26" s="72">
        <v>146</v>
      </c>
      <c r="FE26" s="72">
        <v>106</v>
      </c>
      <c r="FF26" s="72">
        <v>74</v>
      </c>
      <c r="FG26" s="72">
        <v>61</v>
      </c>
      <c r="FH26" s="72">
        <v>56</v>
      </c>
      <c r="FI26" s="73">
        <v>443</v>
      </c>
      <c r="FJ26" s="74">
        <v>617</v>
      </c>
      <c r="FK26" s="71">
        <v>24</v>
      </c>
      <c r="FL26" s="72">
        <v>41</v>
      </c>
      <c r="FM26" s="73">
        <v>65</v>
      </c>
      <c r="FN26" s="271"/>
      <c r="FO26" s="72">
        <v>95</v>
      </c>
      <c r="FP26" s="72">
        <v>103</v>
      </c>
      <c r="FQ26" s="72">
        <v>75</v>
      </c>
      <c r="FR26" s="72">
        <v>111</v>
      </c>
      <c r="FS26" s="72">
        <v>63</v>
      </c>
      <c r="FT26" s="73">
        <v>447</v>
      </c>
      <c r="FU26" s="74">
        <v>512</v>
      </c>
      <c r="FV26" s="71">
        <v>5</v>
      </c>
      <c r="FW26" s="72">
        <v>10</v>
      </c>
      <c r="FX26" s="73">
        <v>15</v>
      </c>
      <c r="FY26" s="271"/>
      <c r="FZ26" s="72">
        <v>6</v>
      </c>
      <c r="GA26" s="72">
        <v>7</v>
      </c>
      <c r="GB26" s="72">
        <v>2</v>
      </c>
      <c r="GC26" s="72">
        <v>4</v>
      </c>
      <c r="GD26" s="72">
        <v>8</v>
      </c>
      <c r="GE26" s="73">
        <v>27</v>
      </c>
      <c r="GF26" s="74">
        <v>42</v>
      </c>
      <c r="GG26" s="71">
        <v>311</v>
      </c>
      <c r="GH26" s="72">
        <v>372</v>
      </c>
      <c r="GI26" s="73">
        <v>683</v>
      </c>
      <c r="GJ26" s="271"/>
      <c r="GK26" s="72">
        <v>522</v>
      </c>
      <c r="GL26" s="72">
        <v>435</v>
      </c>
      <c r="GM26" s="72">
        <v>273</v>
      </c>
      <c r="GN26" s="72">
        <v>319</v>
      </c>
      <c r="GO26" s="72">
        <v>230</v>
      </c>
      <c r="GP26" s="73">
        <v>1779</v>
      </c>
      <c r="GQ26" s="74">
        <v>2462</v>
      </c>
      <c r="GR26" s="127">
        <v>483</v>
      </c>
      <c r="GS26" s="83">
        <v>514</v>
      </c>
      <c r="GT26" s="84">
        <v>997</v>
      </c>
      <c r="GU26" s="271"/>
      <c r="GV26" s="83">
        <v>839</v>
      </c>
      <c r="GW26" s="83">
        <v>690</v>
      </c>
      <c r="GX26" s="83">
        <v>442</v>
      </c>
      <c r="GY26" s="83">
        <v>492</v>
      </c>
      <c r="GZ26" s="83">
        <v>302</v>
      </c>
      <c r="HA26" s="85">
        <v>2765</v>
      </c>
      <c r="HB26" s="86">
        <v>3762</v>
      </c>
      <c r="HC26" s="71">
        <v>12</v>
      </c>
      <c r="HD26" s="72">
        <v>29</v>
      </c>
      <c r="HE26" s="73">
        <v>41</v>
      </c>
      <c r="HF26" s="271"/>
      <c r="HG26" s="72">
        <v>22</v>
      </c>
      <c r="HH26" s="72">
        <v>23</v>
      </c>
      <c r="HI26" s="72">
        <v>11</v>
      </c>
      <c r="HJ26" s="72">
        <v>18</v>
      </c>
      <c r="HK26" s="72">
        <v>5</v>
      </c>
      <c r="HL26" s="73">
        <v>79</v>
      </c>
      <c r="HM26" s="74">
        <v>120</v>
      </c>
      <c r="HN26" s="71">
        <v>60</v>
      </c>
      <c r="HO26" s="72">
        <v>47</v>
      </c>
      <c r="HP26" s="73">
        <v>107</v>
      </c>
      <c r="HQ26" s="271"/>
      <c r="HR26" s="72">
        <v>57</v>
      </c>
      <c r="HS26" s="72">
        <v>79</v>
      </c>
      <c r="HT26" s="72">
        <v>37</v>
      </c>
      <c r="HU26" s="72">
        <v>48</v>
      </c>
      <c r="HV26" s="72">
        <v>33</v>
      </c>
      <c r="HW26" s="73">
        <v>254</v>
      </c>
      <c r="HX26" s="74">
        <v>361</v>
      </c>
      <c r="HY26" s="71">
        <v>99</v>
      </c>
      <c r="HZ26" s="72">
        <v>100</v>
      </c>
      <c r="IA26" s="73">
        <v>199</v>
      </c>
      <c r="IB26" s="271"/>
      <c r="IC26" s="72">
        <v>169</v>
      </c>
      <c r="ID26" s="72">
        <v>117</v>
      </c>
      <c r="IE26" s="72">
        <v>61</v>
      </c>
      <c r="IF26" s="72">
        <v>60</v>
      </c>
      <c r="IG26" s="72">
        <v>53</v>
      </c>
      <c r="IH26" s="73">
        <v>460</v>
      </c>
      <c r="II26" s="74">
        <v>659</v>
      </c>
      <c r="IJ26" s="71">
        <v>167</v>
      </c>
      <c r="IK26" s="72">
        <v>148</v>
      </c>
      <c r="IL26" s="73">
        <v>315</v>
      </c>
      <c r="IM26" s="271"/>
      <c r="IN26" s="72">
        <v>239</v>
      </c>
      <c r="IO26" s="72">
        <v>176</v>
      </c>
      <c r="IP26" s="72">
        <v>108</v>
      </c>
      <c r="IQ26" s="72">
        <v>123</v>
      </c>
      <c r="IR26" s="72">
        <v>70</v>
      </c>
      <c r="IS26" s="73">
        <v>716</v>
      </c>
      <c r="IT26" s="74">
        <v>1031</v>
      </c>
      <c r="IU26" s="71">
        <v>111</v>
      </c>
      <c r="IV26" s="72">
        <v>133</v>
      </c>
      <c r="IW26" s="73">
        <v>244</v>
      </c>
      <c r="IX26" s="271"/>
      <c r="IY26" s="72">
        <v>222</v>
      </c>
      <c r="IZ26" s="72">
        <v>161</v>
      </c>
      <c r="JA26" s="72">
        <v>122</v>
      </c>
      <c r="JB26" s="72">
        <v>103</v>
      </c>
      <c r="JC26" s="72">
        <v>70</v>
      </c>
      <c r="JD26" s="73">
        <v>678</v>
      </c>
      <c r="JE26" s="74">
        <v>922</v>
      </c>
      <c r="JF26" s="71">
        <v>34</v>
      </c>
      <c r="JG26" s="72">
        <v>57</v>
      </c>
      <c r="JH26" s="73">
        <v>91</v>
      </c>
      <c r="JI26" s="271"/>
      <c r="JJ26" s="72">
        <v>130</v>
      </c>
      <c r="JK26" s="72">
        <v>134</v>
      </c>
      <c r="JL26" s="72">
        <v>103</v>
      </c>
      <c r="JM26" s="72">
        <v>140</v>
      </c>
      <c r="JN26" s="72">
        <v>71</v>
      </c>
      <c r="JO26" s="73">
        <v>578</v>
      </c>
      <c r="JP26" s="74">
        <v>669</v>
      </c>
      <c r="JQ26" s="71">
        <v>12</v>
      </c>
      <c r="JR26" s="72">
        <v>20</v>
      </c>
      <c r="JS26" s="73">
        <v>32</v>
      </c>
      <c r="JT26" s="271"/>
      <c r="JU26" s="72">
        <v>10</v>
      </c>
      <c r="JV26" s="72">
        <v>17</v>
      </c>
      <c r="JW26" s="72">
        <v>9</v>
      </c>
      <c r="JX26" s="72">
        <v>11</v>
      </c>
      <c r="JY26" s="72">
        <v>13</v>
      </c>
      <c r="JZ26" s="73">
        <v>60</v>
      </c>
      <c r="KA26" s="74">
        <v>92</v>
      </c>
      <c r="KB26" s="71">
        <v>495</v>
      </c>
      <c r="KC26" s="72">
        <v>534</v>
      </c>
      <c r="KD26" s="73">
        <v>1029</v>
      </c>
      <c r="KE26" s="271"/>
      <c r="KF26" s="72">
        <v>849</v>
      </c>
      <c r="KG26" s="72">
        <v>707</v>
      </c>
      <c r="KH26" s="72">
        <v>451</v>
      </c>
      <c r="KI26" s="72">
        <v>503</v>
      </c>
      <c r="KJ26" s="72">
        <v>315</v>
      </c>
      <c r="KK26" s="73">
        <v>2825</v>
      </c>
      <c r="KL26" s="74">
        <v>3854</v>
      </c>
    </row>
    <row r="27" spans="1:298" ht="19.5" customHeight="1" x14ac:dyDescent="0.2">
      <c r="A27" s="130" t="s">
        <v>24</v>
      </c>
      <c r="B27" s="353">
        <v>108</v>
      </c>
      <c r="C27" s="83">
        <v>72</v>
      </c>
      <c r="D27" s="84">
        <v>180</v>
      </c>
      <c r="E27" s="271"/>
      <c r="F27" s="83">
        <v>156</v>
      </c>
      <c r="G27" s="83">
        <v>76</v>
      </c>
      <c r="H27" s="83">
        <v>73</v>
      </c>
      <c r="I27" s="83">
        <v>64</v>
      </c>
      <c r="J27" s="83">
        <v>52</v>
      </c>
      <c r="K27" s="85">
        <v>421</v>
      </c>
      <c r="L27" s="86">
        <v>601</v>
      </c>
      <c r="M27" s="71">
        <v>1</v>
      </c>
      <c r="N27" s="72">
        <v>3</v>
      </c>
      <c r="O27" s="73">
        <v>4</v>
      </c>
      <c r="P27" s="271"/>
      <c r="Q27" s="72">
        <v>7</v>
      </c>
      <c r="R27" s="72">
        <v>3</v>
      </c>
      <c r="S27" s="72">
        <v>4</v>
      </c>
      <c r="T27" s="72">
        <v>0</v>
      </c>
      <c r="U27" s="72">
        <v>6</v>
      </c>
      <c r="V27" s="73">
        <v>20</v>
      </c>
      <c r="W27" s="74">
        <v>24</v>
      </c>
      <c r="X27" s="71">
        <v>9</v>
      </c>
      <c r="Y27" s="72">
        <v>8</v>
      </c>
      <c r="Z27" s="73">
        <v>17</v>
      </c>
      <c r="AA27" s="271"/>
      <c r="AB27" s="72">
        <v>11</v>
      </c>
      <c r="AC27" s="72">
        <v>9</v>
      </c>
      <c r="AD27" s="72">
        <v>3</v>
      </c>
      <c r="AE27" s="72">
        <v>6</v>
      </c>
      <c r="AF27" s="72">
        <v>4</v>
      </c>
      <c r="AG27" s="73">
        <v>33</v>
      </c>
      <c r="AH27" s="74">
        <v>50</v>
      </c>
      <c r="AI27" s="71">
        <v>14</v>
      </c>
      <c r="AJ27" s="72">
        <v>7</v>
      </c>
      <c r="AK27" s="73">
        <v>21</v>
      </c>
      <c r="AL27" s="271"/>
      <c r="AM27" s="72">
        <v>22</v>
      </c>
      <c r="AN27" s="72">
        <v>10</v>
      </c>
      <c r="AO27" s="72">
        <v>9</v>
      </c>
      <c r="AP27" s="72">
        <v>8</v>
      </c>
      <c r="AQ27" s="72">
        <v>9</v>
      </c>
      <c r="AR27" s="73">
        <v>58</v>
      </c>
      <c r="AS27" s="74">
        <v>79</v>
      </c>
      <c r="AT27" s="71">
        <v>25</v>
      </c>
      <c r="AU27" s="72">
        <v>19</v>
      </c>
      <c r="AV27" s="73">
        <v>44</v>
      </c>
      <c r="AW27" s="271"/>
      <c r="AX27" s="72">
        <v>33</v>
      </c>
      <c r="AY27" s="72">
        <v>16</v>
      </c>
      <c r="AZ27" s="72">
        <v>13</v>
      </c>
      <c r="BA27" s="72">
        <v>11</v>
      </c>
      <c r="BB27" s="72">
        <v>12</v>
      </c>
      <c r="BC27" s="73">
        <v>85</v>
      </c>
      <c r="BD27" s="74">
        <v>129</v>
      </c>
      <c r="BE27" s="71">
        <v>34</v>
      </c>
      <c r="BF27" s="72">
        <v>15</v>
      </c>
      <c r="BG27" s="73">
        <v>49</v>
      </c>
      <c r="BH27" s="271"/>
      <c r="BI27" s="72">
        <v>46</v>
      </c>
      <c r="BJ27" s="72">
        <v>27</v>
      </c>
      <c r="BK27" s="72">
        <v>23</v>
      </c>
      <c r="BL27" s="72">
        <v>20</v>
      </c>
      <c r="BM27" s="72">
        <v>12</v>
      </c>
      <c r="BN27" s="73">
        <v>128</v>
      </c>
      <c r="BO27" s="74">
        <v>177</v>
      </c>
      <c r="BP27" s="71">
        <v>25</v>
      </c>
      <c r="BQ27" s="72">
        <v>20</v>
      </c>
      <c r="BR27" s="73">
        <v>45</v>
      </c>
      <c r="BS27" s="271"/>
      <c r="BT27" s="72">
        <v>37</v>
      </c>
      <c r="BU27" s="72">
        <v>11</v>
      </c>
      <c r="BV27" s="72">
        <v>21</v>
      </c>
      <c r="BW27" s="72">
        <v>19</v>
      </c>
      <c r="BX27" s="72">
        <v>9</v>
      </c>
      <c r="BY27" s="73">
        <v>97</v>
      </c>
      <c r="BZ27" s="74">
        <v>142</v>
      </c>
      <c r="CA27" s="71">
        <v>6</v>
      </c>
      <c r="CB27" s="72">
        <v>4</v>
      </c>
      <c r="CC27" s="73">
        <v>10</v>
      </c>
      <c r="CD27" s="271"/>
      <c r="CE27" s="72">
        <v>2</v>
      </c>
      <c r="CF27" s="72">
        <v>6</v>
      </c>
      <c r="CG27" s="72">
        <v>0</v>
      </c>
      <c r="CH27" s="72">
        <v>2</v>
      </c>
      <c r="CI27" s="72">
        <v>1</v>
      </c>
      <c r="CJ27" s="73">
        <v>11</v>
      </c>
      <c r="CK27" s="74">
        <v>21</v>
      </c>
      <c r="CL27" s="71">
        <v>114</v>
      </c>
      <c r="CM27" s="72">
        <v>76</v>
      </c>
      <c r="CN27" s="73">
        <v>190</v>
      </c>
      <c r="CO27" s="271"/>
      <c r="CP27" s="72">
        <v>158</v>
      </c>
      <c r="CQ27" s="72">
        <v>82</v>
      </c>
      <c r="CR27" s="72">
        <v>73</v>
      </c>
      <c r="CS27" s="72">
        <v>66</v>
      </c>
      <c r="CT27" s="72">
        <v>53</v>
      </c>
      <c r="CU27" s="73">
        <v>432</v>
      </c>
      <c r="CV27" s="74">
        <v>622</v>
      </c>
      <c r="CW27" s="127">
        <v>210</v>
      </c>
      <c r="CX27" s="83">
        <v>136</v>
      </c>
      <c r="CY27" s="84">
        <v>346</v>
      </c>
      <c r="CZ27" s="271"/>
      <c r="DA27" s="83">
        <v>287</v>
      </c>
      <c r="DB27" s="83">
        <v>194</v>
      </c>
      <c r="DC27" s="83">
        <v>155</v>
      </c>
      <c r="DD27" s="83">
        <v>150</v>
      </c>
      <c r="DE27" s="83">
        <v>110</v>
      </c>
      <c r="DF27" s="85">
        <v>896</v>
      </c>
      <c r="DG27" s="86">
        <v>1242</v>
      </c>
      <c r="DH27" s="71">
        <v>5</v>
      </c>
      <c r="DI27" s="72">
        <v>1</v>
      </c>
      <c r="DJ27" s="73">
        <v>6</v>
      </c>
      <c r="DK27" s="271"/>
      <c r="DL27" s="72">
        <v>2</v>
      </c>
      <c r="DM27" s="72">
        <v>4</v>
      </c>
      <c r="DN27" s="72">
        <v>4</v>
      </c>
      <c r="DO27" s="72">
        <v>1</v>
      </c>
      <c r="DP27" s="72">
        <v>1</v>
      </c>
      <c r="DQ27" s="73">
        <v>12</v>
      </c>
      <c r="DR27" s="74">
        <v>18</v>
      </c>
      <c r="DS27" s="71">
        <v>15</v>
      </c>
      <c r="DT27" s="72">
        <v>8</v>
      </c>
      <c r="DU27" s="73">
        <v>23</v>
      </c>
      <c r="DV27" s="271"/>
      <c r="DW27" s="72">
        <v>9</v>
      </c>
      <c r="DX27" s="72">
        <v>3</v>
      </c>
      <c r="DY27" s="72">
        <v>7</v>
      </c>
      <c r="DZ27" s="72">
        <v>6</v>
      </c>
      <c r="EA27" s="72">
        <v>2</v>
      </c>
      <c r="EB27" s="73">
        <v>27</v>
      </c>
      <c r="EC27" s="74">
        <v>50</v>
      </c>
      <c r="ED27" s="71">
        <v>24</v>
      </c>
      <c r="EE27" s="72">
        <v>20</v>
      </c>
      <c r="EF27" s="73">
        <v>44</v>
      </c>
      <c r="EG27" s="271"/>
      <c r="EH27" s="72">
        <v>37</v>
      </c>
      <c r="EI27" s="72">
        <v>16</v>
      </c>
      <c r="EJ27" s="72">
        <v>10</v>
      </c>
      <c r="EK27" s="72">
        <v>9</v>
      </c>
      <c r="EL27" s="72">
        <v>2</v>
      </c>
      <c r="EM27" s="73">
        <v>74</v>
      </c>
      <c r="EN27" s="74">
        <v>118</v>
      </c>
      <c r="EO27" s="71">
        <v>52</v>
      </c>
      <c r="EP27" s="72">
        <v>24</v>
      </c>
      <c r="EQ27" s="73">
        <v>76</v>
      </c>
      <c r="ER27" s="271"/>
      <c r="ES27" s="72">
        <v>66</v>
      </c>
      <c r="ET27" s="72">
        <v>38</v>
      </c>
      <c r="EU27" s="72">
        <v>18</v>
      </c>
      <c r="EV27" s="72">
        <v>14</v>
      </c>
      <c r="EW27" s="72">
        <v>27</v>
      </c>
      <c r="EX27" s="73">
        <v>163</v>
      </c>
      <c r="EY27" s="74">
        <v>239</v>
      </c>
      <c r="EZ27" s="71">
        <v>70</v>
      </c>
      <c r="FA27" s="72">
        <v>54</v>
      </c>
      <c r="FB27" s="73">
        <v>124</v>
      </c>
      <c r="FC27" s="271"/>
      <c r="FD27" s="72">
        <v>84</v>
      </c>
      <c r="FE27" s="72">
        <v>57</v>
      </c>
      <c r="FF27" s="72">
        <v>47</v>
      </c>
      <c r="FG27" s="72">
        <v>36</v>
      </c>
      <c r="FH27" s="72">
        <v>27</v>
      </c>
      <c r="FI27" s="73">
        <v>251</v>
      </c>
      <c r="FJ27" s="74">
        <v>375</v>
      </c>
      <c r="FK27" s="71">
        <v>44</v>
      </c>
      <c r="FL27" s="72">
        <v>29</v>
      </c>
      <c r="FM27" s="73">
        <v>73</v>
      </c>
      <c r="FN27" s="271"/>
      <c r="FO27" s="72">
        <v>89</v>
      </c>
      <c r="FP27" s="72">
        <v>76</v>
      </c>
      <c r="FQ27" s="72">
        <v>69</v>
      </c>
      <c r="FR27" s="72">
        <v>84</v>
      </c>
      <c r="FS27" s="72">
        <v>51</v>
      </c>
      <c r="FT27" s="73">
        <v>369</v>
      </c>
      <c r="FU27" s="74">
        <v>442</v>
      </c>
      <c r="FV27" s="71">
        <v>4</v>
      </c>
      <c r="FW27" s="72">
        <v>2</v>
      </c>
      <c r="FX27" s="73">
        <v>6</v>
      </c>
      <c r="FY27" s="271"/>
      <c r="FZ27" s="72">
        <v>3</v>
      </c>
      <c r="GA27" s="72">
        <v>4</v>
      </c>
      <c r="GB27" s="72">
        <v>0</v>
      </c>
      <c r="GC27" s="72">
        <v>0</v>
      </c>
      <c r="GD27" s="72">
        <v>1</v>
      </c>
      <c r="GE27" s="73">
        <v>8</v>
      </c>
      <c r="GF27" s="74">
        <v>14</v>
      </c>
      <c r="GG27" s="71">
        <v>214</v>
      </c>
      <c r="GH27" s="72">
        <v>138</v>
      </c>
      <c r="GI27" s="73">
        <v>352</v>
      </c>
      <c r="GJ27" s="271"/>
      <c r="GK27" s="72">
        <v>290</v>
      </c>
      <c r="GL27" s="72">
        <v>198</v>
      </c>
      <c r="GM27" s="72">
        <v>155</v>
      </c>
      <c r="GN27" s="72">
        <v>150</v>
      </c>
      <c r="GO27" s="72">
        <v>111</v>
      </c>
      <c r="GP27" s="73">
        <v>904</v>
      </c>
      <c r="GQ27" s="74">
        <v>1256</v>
      </c>
      <c r="GR27" s="127">
        <v>318</v>
      </c>
      <c r="GS27" s="83">
        <v>208</v>
      </c>
      <c r="GT27" s="84">
        <v>526</v>
      </c>
      <c r="GU27" s="271"/>
      <c r="GV27" s="83">
        <v>443</v>
      </c>
      <c r="GW27" s="83">
        <v>270</v>
      </c>
      <c r="GX27" s="83">
        <v>228</v>
      </c>
      <c r="GY27" s="83">
        <v>214</v>
      </c>
      <c r="GZ27" s="83">
        <v>162</v>
      </c>
      <c r="HA27" s="85">
        <v>1317</v>
      </c>
      <c r="HB27" s="86">
        <v>1843</v>
      </c>
      <c r="HC27" s="71">
        <v>6</v>
      </c>
      <c r="HD27" s="72">
        <v>4</v>
      </c>
      <c r="HE27" s="73">
        <v>10</v>
      </c>
      <c r="HF27" s="271"/>
      <c r="HG27" s="72">
        <v>9</v>
      </c>
      <c r="HH27" s="72">
        <v>7</v>
      </c>
      <c r="HI27" s="72">
        <v>8</v>
      </c>
      <c r="HJ27" s="72">
        <v>1</v>
      </c>
      <c r="HK27" s="72">
        <v>7</v>
      </c>
      <c r="HL27" s="73">
        <v>32</v>
      </c>
      <c r="HM27" s="74">
        <v>42</v>
      </c>
      <c r="HN27" s="71">
        <v>24</v>
      </c>
      <c r="HO27" s="72">
        <v>16</v>
      </c>
      <c r="HP27" s="73">
        <v>40</v>
      </c>
      <c r="HQ27" s="271"/>
      <c r="HR27" s="72">
        <v>20</v>
      </c>
      <c r="HS27" s="72">
        <v>12</v>
      </c>
      <c r="HT27" s="72">
        <v>10</v>
      </c>
      <c r="HU27" s="72">
        <v>12</v>
      </c>
      <c r="HV27" s="72">
        <v>6</v>
      </c>
      <c r="HW27" s="73">
        <v>60</v>
      </c>
      <c r="HX27" s="74">
        <v>100</v>
      </c>
      <c r="HY27" s="71">
        <v>38</v>
      </c>
      <c r="HZ27" s="72">
        <v>27</v>
      </c>
      <c r="IA27" s="73">
        <v>65</v>
      </c>
      <c r="IB27" s="271"/>
      <c r="IC27" s="72">
        <v>59</v>
      </c>
      <c r="ID27" s="72">
        <v>26</v>
      </c>
      <c r="IE27" s="72">
        <v>19</v>
      </c>
      <c r="IF27" s="72">
        <v>17</v>
      </c>
      <c r="IG27" s="72">
        <v>11</v>
      </c>
      <c r="IH27" s="73">
        <v>132</v>
      </c>
      <c r="II27" s="74">
        <v>197</v>
      </c>
      <c r="IJ27" s="71">
        <v>77</v>
      </c>
      <c r="IK27" s="72">
        <v>43</v>
      </c>
      <c r="IL27" s="73">
        <v>120</v>
      </c>
      <c r="IM27" s="271"/>
      <c r="IN27" s="72">
        <v>99</v>
      </c>
      <c r="IO27" s="72">
        <v>54</v>
      </c>
      <c r="IP27" s="72">
        <v>31</v>
      </c>
      <c r="IQ27" s="72">
        <v>25</v>
      </c>
      <c r="IR27" s="72">
        <v>39</v>
      </c>
      <c r="IS27" s="73">
        <v>248</v>
      </c>
      <c r="IT27" s="74">
        <v>368</v>
      </c>
      <c r="IU27" s="71">
        <v>104</v>
      </c>
      <c r="IV27" s="72">
        <v>69</v>
      </c>
      <c r="IW27" s="73">
        <v>173</v>
      </c>
      <c r="IX27" s="271"/>
      <c r="IY27" s="72">
        <v>130</v>
      </c>
      <c r="IZ27" s="72">
        <v>84</v>
      </c>
      <c r="JA27" s="72">
        <v>70</v>
      </c>
      <c r="JB27" s="72">
        <v>56</v>
      </c>
      <c r="JC27" s="72">
        <v>39</v>
      </c>
      <c r="JD27" s="73">
        <v>379</v>
      </c>
      <c r="JE27" s="74">
        <v>552</v>
      </c>
      <c r="JF27" s="71">
        <v>69</v>
      </c>
      <c r="JG27" s="72">
        <v>49</v>
      </c>
      <c r="JH27" s="73">
        <v>118</v>
      </c>
      <c r="JI27" s="271"/>
      <c r="JJ27" s="72">
        <v>126</v>
      </c>
      <c r="JK27" s="72">
        <v>87</v>
      </c>
      <c r="JL27" s="72">
        <v>90</v>
      </c>
      <c r="JM27" s="72">
        <v>103</v>
      </c>
      <c r="JN27" s="72">
        <v>60</v>
      </c>
      <c r="JO27" s="73">
        <v>466</v>
      </c>
      <c r="JP27" s="74">
        <v>584</v>
      </c>
      <c r="JQ27" s="71">
        <v>10</v>
      </c>
      <c r="JR27" s="72">
        <v>6</v>
      </c>
      <c r="JS27" s="73">
        <v>16</v>
      </c>
      <c r="JT27" s="271"/>
      <c r="JU27" s="72">
        <v>5</v>
      </c>
      <c r="JV27" s="72">
        <v>10</v>
      </c>
      <c r="JW27" s="72">
        <v>0</v>
      </c>
      <c r="JX27" s="72">
        <v>2</v>
      </c>
      <c r="JY27" s="72">
        <v>2</v>
      </c>
      <c r="JZ27" s="73">
        <v>19</v>
      </c>
      <c r="KA27" s="74">
        <v>35</v>
      </c>
      <c r="KB27" s="71">
        <v>328</v>
      </c>
      <c r="KC27" s="72">
        <v>214</v>
      </c>
      <c r="KD27" s="73">
        <v>542</v>
      </c>
      <c r="KE27" s="271"/>
      <c r="KF27" s="72">
        <v>448</v>
      </c>
      <c r="KG27" s="72">
        <v>280</v>
      </c>
      <c r="KH27" s="72">
        <v>228</v>
      </c>
      <c r="KI27" s="72">
        <v>216</v>
      </c>
      <c r="KJ27" s="72">
        <v>164</v>
      </c>
      <c r="KK27" s="73">
        <v>1336</v>
      </c>
      <c r="KL27" s="74">
        <v>1878</v>
      </c>
    </row>
    <row r="28" spans="1:298" ht="19.5" customHeight="1" x14ac:dyDescent="0.2">
      <c r="A28" s="130" t="s">
        <v>25</v>
      </c>
      <c r="B28" s="353">
        <v>79</v>
      </c>
      <c r="C28" s="83">
        <v>93</v>
      </c>
      <c r="D28" s="84">
        <v>172</v>
      </c>
      <c r="E28" s="271"/>
      <c r="F28" s="83">
        <v>192</v>
      </c>
      <c r="G28" s="83">
        <v>113</v>
      </c>
      <c r="H28" s="83">
        <v>106</v>
      </c>
      <c r="I28" s="83">
        <v>113</v>
      </c>
      <c r="J28" s="83">
        <v>50</v>
      </c>
      <c r="K28" s="85">
        <v>574</v>
      </c>
      <c r="L28" s="86">
        <v>746</v>
      </c>
      <c r="M28" s="71">
        <v>1</v>
      </c>
      <c r="N28" s="72">
        <v>5</v>
      </c>
      <c r="O28" s="73">
        <v>6</v>
      </c>
      <c r="P28" s="271"/>
      <c r="Q28" s="72">
        <v>7</v>
      </c>
      <c r="R28" s="72">
        <v>9</v>
      </c>
      <c r="S28" s="72">
        <v>2</v>
      </c>
      <c r="T28" s="72">
        <v>6</v>
      </c>
      <c r="U28" s="72">
        <v>3</v>
      </c>
      <c r="V28" s="73">
        <v>27</v>
      </c>
      <c r="W28" s="74">
        <v>33</v>
      </c>
      <c r="X28" s="71">
        <v>9</v>
      </c>
      <c r="Y28" s="72">
        <v>12</v>
      </c>
      <c r="Z28" s="73">
        <v>21</v>
      </c>
      <c r="AA28" s="271"/>
      <c r="AB28" s="72">
        <v>18</v>
      </c>
      <c r="AC28" s="72">
        <v>16</v>
      </c>
      <c r="AD28" s="72">
        <v>14</v>
      </c>
      <c r="AE28" s="72">
        <v>13</v>
      </c>
      <c r="AF28" s="72">
        <v>6</v>
      </c>
      <c r="AG28" s="73">
        <v>67</v>
      </c>
      <c r="AH28" s="74">
        <v>88</v>
      </c>
      <c r="AI28" s="71">
        <v>15</v>
      </c>
      <c r="AJ28" s="72">
        <v>21</v>
      </c>
      <c r="AK28" s="73">
        <v>36</v>
      </c>
      <c r="AL28" s="271"/>
      <c r="AM28" s="72">
        <v>34</v>
      </c>
      <c r="AN28" s="72">
        <v>17</v>
      </c>
      <c r="AO28" s="72">
        <v>15</v>
      </c>
      <c r="AP28" s="72">
        <v>23</v>
      </c>
      <c r="AQ28" s="72">
        <v>14</v>
      </c>
      <c r="AR28" s="73">
        <v>103</v>
      </c>
      <c r="AS28" s="74">
        <v>139</v>
      </c>
      <c r="AT28" s="71">
        <v>22</v>
      </c>
      <c r="AU28" s="72">
        <v>25</v>
      </c>
      <c r="AV28" s="73">
        <v>47</v>
      </c>
      <c r="AW28" s="271"/>
      <c r="AX28" s="72">
        <v>59</v>
      </c>
      <c r="AY28" s="72">
        <v>36</v>
      </c>
      <c r="AZ28" s="72">
        <v>28</v>
      </c>
      <c r="BA28" s="72">
        <v>32</v>
      </c>
      <c r="BB28" s="72">
        <v>13</v>
      </c>
      <c r="BC28" s="73">
        <v>168</v>
      </c>
      <c r="BD28" s="74">
        <v>215</v>
      </c>
      <c r="BE28" s="71">
        <v>24</v>
      </c>
      <c r="BF28" s="72">
        <v>16</v>
      </c>
      <c r="BG28" s="73">
        <v>40</v>
      </c>
      <c r="BH28" s="271"/>
      <c r="BI28" s="72">
        <v>49</v>
      </c>
      <c r="BJ28" s="72">
        <v>26</v>
      </c>
      <c r="BK28" s="72">
        <v>30</v>
      </c>
      <c r="BL28" s="72">
        <v>22</v>
      </c>
      <c r="BM28" s="72">
        <v>8</v>
      </c>
      <c r="BN28" s="73">
        <v>135</v>
      </c>
      <c r="BO28" s="74">
        <v>175</v>
      </c>
      <c r="BP28" s="71">
        <v>8</v>
      </c>
      <c r="BQ28" s="72">
        <v>14</v>
      </c>
      <c r="BR28" s="73">
        <v>22</v>
      </c>
      <c r="BS28" s="271"/>
      <c r="BT28" s="72">
        <v>25</v>
      </c>
      <c r="BU28" s="72">
        <v>9</v>
      </c>
      <c r="BV28" s="72">
        <v>17</v>
      </c>
      <c r="BW28" s="72">
        <v>17</v>
      </c>
      <c r="BX28" s="72">
        <v>6</v>
      </c>
      <c r="BY28" s="73">
        <v>74</v>
      </c>
      <c r="BZ28" s="74">
        <v>96</v>
      </c>
      <c r="CA28" s="71">
        <v>3</v>
      </c>
      <c r="CB28" s="72">
        <v>3</v>
      </c>
      <c r="CC28" s="73">
        <v>6</v>
      </c>
      <c r="CD28" s="271"/>
      <c r="CE28" s="72">
        <v>3</v>
      </c>
      <c r="CF28" s="72">
        <v>8</v>
      </c>
      <c r="CG28" s="72">
        <v>1</v>
      </c>
      <c r="CH28" s="72">
        <v>5</v>
      </c>
      <c r="CI28" s="72">
        <v>2</v>
      </c>
      <c r="CJ28" s="73">
        <v>19</v>
      </c>
      <c r="CK28" s="74">
        <v>25</v>
      </c>
      <c r="CL28" s="71">
        <v>82</v>
      </c>
      <c r="CM28" s="72">
        <v>96</v>
      </c>
      <c r="CN28" s="73">
        <v>178</v>
      </c>
      <c r="CO28" s="271"/>
      <c r="CP28" s="72">
        <v>195</v>
      </c>
      <c r="CQ28" s="72">
        <v>121</v>
      </c>
      <c r="CR28" s="72">
        <v>107</v>
      </c>
      <c r="CS28" s="72">
        <v>118</v>
      </c>
      <c r="CT28" s="72">
        <v>52</v>
      </c>
      <c r="CU28" s="73">
        <v>593</v>
      </c>
      <c r="CV28" s="74">
        <v>771</v>
      </c>
      <c r="CW28" s="127">
        <v>178</v>
      </c>
      <c r="CX28" s="83">
        <v>170</v>
      </c>
      <c r="CY28" s="84">
        <v>348</v>
      </c>
      <c r="CZ28" s="271"/>
      <c r="DA28" s="83">
        <v>310</v>
      </c>
      <c r="DB28" s="83">
        <v>195</v>
      </c>
      <c r="DC28" s="83">
        <v>146</v>
      </c>
      <c r="DD28" s="83">
        <v>187</v>
      </c>
      <c r="DE28" s="83">
        <v>117</v>
      </c>
      <c r="DF28" s="85">
        <v>955</v>
      </c>
      <c r="DG28" s="86">
        <v>1303</v>
      </c>
      <c r="DH28" s="71">
        <v>4</v>
      </c>
      <c r="DI28" s="72">
        <v>8</v>
      </c>
      <c r="DJ28" s="73">
        <v>12</v>
      </c>
      <c r="DK28" s="271"/>
      <c r="DL28" s="72">
        <v>6</v>
      </c>
      <c r="DM28" s="72">
        <v>7</v>
      </c>
      <c r="DN28" s="72">
        <v>3</v>
      </c>
      <c r="DO28" s="72">
        <v>4</v>
      </c>
      <c r="DP28" s="72">
        <v>6</v>
      </c>
      <c r="DQ28" s="73">
        <v>26</v>
      </c>
      <c r="DR28" s="74">
        <v>38</v>
      </c>
      <c r="DS28" s="71">
        <v>20</v>
      </c>
      <c r="DT28" s="72">
        <v>16</v>
      </c>
      <c r="DU28" s="73">
        <v>36</v>
      </c>
      <c r="DV28" s="271"/>
      <c r="DW28" s="72">
        <v>21</v>
      </c>
      <c r="DX28" s="72">
        <v>13</v>
      </c>
      <c r="DY28" s="72">
        <v>20</v>
      </c>
      <c r="DZ28" s="72">
        <v>13</v>
      </c>
      <c r="EA28" s="72">
        <v>7</v>
      </c>
      <c r="EB28" s="73">
        <v>74</v>
      </c>
      <c r="EC28" s="74">
        <v>110</v>
      </c>
      <c r="ED28" s="71">
        <v>36</v>
      </c>
      <c r="EE28" s="72">
        <v>26</v>
      </c>
      <c r="EF28" s="73">
        <v>62</v>
      </c>
      <c r="EG28" s="271"/>
      <c r="EH28" s="72">
        <v>44</v>
      </c>
      <c r="EI28" s="72">
        <v>25</v>
      </c>
      <c r="EJ28" s="72">
        <v>18</v>
      </c>
      <c r="EK28" s="72">
        <v>27</v>
      </c>
      <c r="EL28" s="72">
        <v>21</v>
      </c>
      <c r="EM28" s="73">
        <v>135</v>
      </c>
      <c r="EN28" s="74">
        <v>197</v>
      </c>
      <c r="EO28" s="71">
        <v>50</v>
      </c>
      <c r="EP28" s="72">
        <v>47</v>
      </c>
      <c r="EQ28" s="73">
        <v>97</v>
      </c>
      <c r="ER28" s="271"/>
      <c r="ES28" s="72">
        <v>71</v>
      </c>
      <c r="ET28" s="72">
        <v>48</v>
      </c>
      <c r="EU28" s="72">
        <v>27</v>
      </c>
      <c r="EV28" s="72">
        <v>40</v>
      </c>
      <c r="EW28" s="72">
        <v>14</v>
      </c>
      <c r="EX28" s="73">
        <v>200</v>
      </c>
      <c r="EY28" s="74">
        <v>297</v>
      </c>
      <c r="EZ28" s="71">
        <v>45</v>
      </c>
      <c r="FA28" s="72">
        <v>45</v>
      </c>
      <c r="FB28" s="73">
        <v>90</v>
      </c>
      <c r="FC28" s="271"/>
      <c r="FD28" s="72">
        <v>94</v>
      </c>
      <c r="FE28" s="72">
        <v>47</v>
      </c>
      <c r="FF28" s="72">
        <v>40</v>
      </c>
      <c r="FG28" s="72">
        <v>49</v>
      </c>
      <c r="FH28" s="72">
        <v>38</v>
      </c>
      <c r="FI28" s="73">
        <v>268</v>
      </c>
      <c r="FJ28" s="74">
        <v>358</v>
      </c>
      <c r="FK28" s="71">
        <v>23</v>
      </c>
      <c r="FL28" s="72">
        <v>28</v>
      </c>
      <c r="FM28" s="73">
        <v>51</v>
      </c>
      <c r="FN28" s="271"/>
      <c r="FO28" s="72">
        <v>74</v>
      </c>
      <c r="FP28" s="72">
        <v>55</v>
      </c>
      <c r="FQ28" s="72">
        <v>38</v>
      </c>
      <c r="FR28" s="72">
        <v>54</v>
      </c>
      <c r="FS28" s="72">
        <v>31</v>
      </c>
      <c r="FT28" s="73">
        <v>252</v>
      </c>
      <c r="FU28" s="74">
        <v>303</v>
      </c>
      <c r="FV28" s="71">
        <v>0</v>
      </c>
      <c r="FW28" s="72">
        <v>4</v>
      </c>
      <c r="FX28" s="73">
        <v>4</v>
      </c>
      <c r="FY28" s="271"/>
      <c r="FZ28" s="72">
        <v>4</v>
      </c>
      <c r="GA28" s="72">
        <v>5</v>
      </c>
      <c r="GB28" s="72">
        <v>3</v>
      </c>
      <c r="GC28" s="72">
        <v>2</v>
      </c>
      <c r="GD28" s="72">
        <v>7</v>
      </c>
      <c r="GE28" s="73">
        <v>21</v>
      </c>
      <c r="GF28" s="74">
        <v>25</v>
      </c>
      <c r="GG28" s="71">
        <v>178</v>
      </c>
      <c r="GH28" s="72">
        <v>174</v>
      </c>
      <c r="GI28" s="73">
        <v>352</v>
      </c>
      <c r="GJ28" s="271"/>
      <c r="GK28" s="72">
        <v>314</v>
      </c>
      <c r="GL28" s="72">
        <v>200</v>
      </c>
      <c r="GM28" s="72">
        <v>149</v>
      </c>
      <c r="GN28" s="72">
        <v>189</v>
      </c>
      <c r="GO28" s="72">
        <v>124</v>
      </c>
      <c r="GP28" s="73">
        <v>976</v>
      </c>
      <c r="GQ28" s="74">
        <v>1328</v>
      </c>
      <c r="GR28" s="127">
        <v>257</v>
      </c>
      <c r="GS28" s="83">
        <v>263</v>
      </c>
      <c r="GT28" s="84">
        <v>520</v>
      </c>
      <c r="GU28" s="271"/>
      <c r="GV28" s="83">
        <v>502</v>
      </c>
      <c r="GW28" s="83">
        <v>308</v>
      </c>
      <c r="GX28" s="83">
        <v>252</v>
      </c>
      <c r="GY28" s="83">
        <v>300</v>
      </c>
      <c r="GZ28" s="83">
        <v>167</v>
      </c>
      <c r="HA28" s="85">
        <v>1529</v>
      </c>
      <c r="HB28" s="86">
        <v>2049</v>
      </c>
      <c r="HC28" s="71">
        <v>5</v>
      </c>
      <c r="HD28" s="72">
        <v>13</v>
      </c>
      <c r="HE28" s="73">
        <v>18</v>
      </c>
      <c r="HF28" s="271"/>
      <c r="HG28" s="72">
        <v>13</v>
      </c>
      <c r="HH28" s="72">
        <v>16</v>
      </c>
      <c r="HI28" s="72">
        <v>5</v>
      </c>
      <c r="HJ28" s="72">
        <v>10</v>
      </c>
      <c r="HK28" s="72">
        <v>9</v>
      </c>
      <c r="HL28" s="73">
        <v>53</v>
      </c>
      <c r="HM28" s="74">
        <v>71</v>
      </c>
      <c r="HN28" s="71">
        <v>29</v>
      </c>
      <c r="HO28" s="72">
        <v>28</v>
      </c>
      <c r="HP28" s="73">
        <v>57</v>
      </c>
      <c r="HQ28" s="271"/>
      <c r="HR28" s="72">
        <v>39</v>
      </c>
      <c r="HS28" s="72">
        <v>29</v>
      </c>
      <c r="HT28" s="72">
        <v>34</v>
      </c>
      <c r="HU28" s="72">
        <v>26</v>
      </c>
      <c r="HV28" s="72">
        <v>13</v>
      </c>
      <c r="HW28" s="73">
        <v>141</v>
      </c>
      <c r="HX28" s="74">
        <v>198</v>
      </c>
      <c r="HY28" s="71">
        <v>51</v>
      </c>
      <c r="HZ28" s="72">
        <v>47</v>
      </c>
      <c r="IA28" s="73">
        <v>98</v>
      </c>
      <c r="IB28" s="271"/>
      <c r="IC28" s="72">
        <v>78</v>
      </c>
      <c r="ID28" s="72">
        <v>42</v>
      </c>
      <c r="IE28" s="72">
        <v>33</v>
      </c>
      <c r="IF28" s="72">
        <v>50</v>
      </c>
      <c r="IG28" s="72">
        <v>35</v>
      </c>
      <c r="IH28" s="73">
        <v>238</v>
      </c>
      <c r="II28" s="74">
        <v>336</v>
      </c>
      <c r="IJ28" s="71">
        <v>72</v>
      </c>
      <c r="IK28" s="72">
        <v>72</v>
      </c>
      <c r="IL28" s="73">
        <v>144</v>
      </c>
      <c r="IM28" s="271"/>
      <c r="IN28" s="72">
        <v>130</v>
      </c>
      <c r="IO28" s="72">
        <v>84</v>
      </c>
      <c r="IP28" s="72">
        <v>55</v>
      </c>
      <c r="IQ28" s="72">
        <v>72</v>
      </c>
      <c r="IR28" s="72">
        <v>27</v>
      </c>
      <c r="IS28" s="73">
        <v>368</v>
      </c>
      <c r="IT28" s="74">
        <v>512</v>
      </c>
      <c r="IU28" s="71">
        <v>69</v>
      </c>
      <c r="IV28" s="72">
        <v>61</v>
      </c>
      <c r="IW28" s="73">
        <v>130</v>
      </c>
      <c r="IX28" s="271"/>
      <c r="IY28" s="72">
        <v>143</v>
      </c>
      <c r="IZ28" s="72">
        <v>73</v>
      </c>
      <c r="JA28" s="72">
        <v>70</v>
      </c>
      <c r="JB28" s="72">
        <v>71</v>
      </c>
      <c r="JC28" s="72">
        <v>46</v>
      </c>
      <c r="JD28" s="73">
        <v>403</v>
      </c>
      <c r="JE28" s="74">
        <v>533</v>
      </c>
      <c r="JF28" s="71">
        <v>31</v>
      </c>
      <c r="JG28" s="72">
        <v>42</v>
      </c>
      <c r="JH28" s="73">
        <v>73</v>
      </c>
      <c r="JI28" s="271"/>
      <c r="JJ28" s="72">
        <v>99</v>
      </c>
      <c r="JK28" s="72">
        <v>64</v>
      </c>
      <c r="JL28" s="72">
        <v>55</v>
      </c>
      <c r="JM28" s="72">
        <v>71</v>
      </c>
      <c r="JN28" s="72">
        <v>37</v>
      </c>
      <c r="JO28" s="73">
        <v>326</v>
      </c>
      <c r="JP28" s="74">
        <v>399</v>
      </c>
      <c r="JQ28" s="71">
        <v>3</v>
      </c>
      <c r="JR28" s="72">
        <v>7</v>
      </c>
      <c r="JS28" s="73">
        <v>10</v>
      </c>
      <c r="JT28" s="271"/>
      <c r="JU28" s="72">
        <v>7</v>
      </c>
      <c r="JV28" s="72">
        <v>13</v>
      </c>
      <c r="JW28" s="72">
        <v>4</v>
      </c>
      <c r="JX28" s="72">
        <v>7</v>
      </c>
      <c r="JY28" s="72">
        <v>9</v>
      </c>
      <c r="JZ28" s="73">
        <v>40</v>
      </c>
      <c r="KA28" s="74">
        <v>50</v>
      </c>
      <c r="KB28" s="71">
        <v>260</v>
      </c>
      <c r="KC28" s="72">
        <v>270</v>
      </c>
      <c r="KD28" s="73">
        <v>530</v>
      </c>
      <c r="KE28" s="271"/>
      <c r="KF28" s="72">
        <v>509</v>
      </c>
      <c r="KG28" s="72">
        <v>321</v>
      </c>
      <c r="KH28" s="72">
        <v>256</v>
      </c>
      <c r="KI28" s="72">
        <v>307</v>
      </c>
      <c r="KJ28" s="72">
        <v>176</v>
      </c>
      <c r="KK28" s="73">
        <v>1569</v>
      </c>
      <c r="KL28" s="74">
        <v>2099</v>
      </c>
    </row>
    <row r="29" spans="1:298" ht="19.5" customHeight="1" x14ac:dyDescent="0.2">
      <c r="A29" s="130" t="s">
        <v>26</v>
      </c>
      <c r="B29" s="353">
        <v>91</v>
      </c>
      <c r="C29" s="83">
        <v>58</v>
      </c>
      <c r="D29" s="84">
        <v>149</v>
      </c>
      <c r="E29" s="271"/>
      <c r="F29" s="83">
        <v>144</v>
      </c>
      <c r="G29" s="83">
        <v>105</v>
      </c>
      <c r="H29" s="83">
        <v>90</v>
      </c>
      <c r="I29" s="83">
        <v>63</v>
      </c>
      <c r="J29" s="83">
        <v>40</v>
      </c>
      <c r="K29" s="85">
        <v>442</v>
      </c>
      <c r="L29" s="86">
        <v>591</v>
      </c>
      <c r="M29" s="71">
        <v>3</v>
      </c>
      <c r="N29" s="72">
        <v>2</v>
      </c>
      <c r="O29" s="73">
        <v>5</v>
      </c>
      <c r="P29" s="271"/>
      <c r="Q29" s="72">
        <v>8</v>
      </c>
      <c r="R29" s="72">
        <v>4</v>
      </c>
      <c r="S29" s="72">
        <v>7</v>
      </c>
      <c r="T29" s="72">
        <v>0</v>
      </c>
      <c r="U29" s="72">
        <v>3</v>
      </c>
      <c r="V29" s="73">
        <v>22</v>
      </c>
      <c r="W29" s="74">
        <v>27</v>
      </c>
      <c r="X29" s="71">
        <v>9</v>
      </c>
      <c r="Y29" s="72">
        <v>4</v>
      </c>
      <c r="Z29" s="73">
        <v>13</v>
      </c>
      <c r="AA29" s="271"/>
      <c r="AB29" s="72">
        <v>13</v>
      </c>
      <c r="AC29" s="72">
        <v>10</v>
      </c>
      <c r="AD29" s="72">
        <v>8</v>
      </c>
      <c r="AE29" s="72">
        <v>8</v>
      </c>
      <c r="AF29" s="72">
        <v>7</v>
      </c>
      <c r="AG29" s="73">
        <v>46</v>
      </c>
      <c r="AH29" s="74">
        <v>59</v>
      </c>
      <c r="AI29" s="71">
        <v>19</v>
      </c>
      <c r="AJ29" s="72">
        <v>9</v>
      </c>
      <c r="AK29" s="73">
        <v>28</v>
      </c>
      <c r="AL29" s="271"/>
      <c r="AM29" s="72">
        <v>21</v>
      </c>
      <c r="AN29" s="72">
        <v>16</v>
      </c>
      <c r="AO29" s="72">
        <v>13</v>
      </c>
      <c r="AP29" s="72">
        <v>10</v>
      </c>
      <c r="AQ29" s="72">
        <v>4</v>
      </c>
      <c r="AR29" s="73">
        <v>64</v>
      </c>
      <c r="AS29" s="74">
        <v>92</v>
      </c>
      <c r="AT29" s="71">
        <v>22</v>
      </c>
      <c r="AU29" s="72">
        <v>12</v>
      </c>
      <c r="AV29" s="73">
        <v>34</v>
      </c>
      <c r="AW29" s="271"/>
      <c r="AX29" s="72">
        <v>35</v>
      </c>
      <c r="AY29" s="72">
        <v>27</v>
      </c>
      <c r="AZ29" s="72">
        <v>25</v>
      </c>
      <c r="BA29" s="72">
        <v>9</v>
      </c>
      <c r="BB29" s="72">
        <v>12</v>
      </c>
      <c r="BC29" s="73">
        <v>108</v>
      </c>
      <c r="BD29" s="74">
        <v>142</v>
      </c>
      <c r="BE29" s="71">
        <v>25</v>
      </c>
      <c r="BF29" s="72">
        <v>17</v>
      </c>
      <c r="BG29" s="73">
        <v>42</v>
      </c>
      <c r="BH29" s="271"/>
      <c r="BI29" s="72">
        <v>32</v>
      </c>
      <c r="BJ29" s="72">
        <v>23</v>
      </c>
      <c r="BK29" s="72">
        <v>18</v>
      </c>
      <c r="BL29" s="72">
        <v>20</v>
      </c>
      <c r="BM29" s="72">
        <v>8</v>
      </c>
      <c r="BN29" s="73">
        <v>101</v>
      </c>
      <c r="BO29" s="74">
        <v>143</v>
      </c>
      <c r="BP29" s="71">
        <v>13</v>
      </c>
      <c r="BQ29" s="72">
        <v>14</v>
      </c>
      <c r="BR29" s="73">
        <v>27</v>
      </c>
      <c r="BS29" s="271"/>
      <c r="BT29" s="72">
        <v>35</v>
      </c>
      <c r="BU29" s="72">
        <v>25</v>
      </c>
      <c r="BV29" s="72">
        <v>19</v>
      </c>
      <c r="BW29" s="72">
        <v>16</v>
      </c>
      <c r="BX29" s="72">
        <v>6</v>
      </c>
      <c r="BY29" s="73">
        <v>101</v>
      </c>
      <c r="BZ29" s="74">
        <v>128</v>
      </c>
      <c r="CA29" s="71">
        <v>2</v>
      </c>
      <c r="CB29" s="72">
        <v>1</v>
      </c>
      <c r="CC29" s="73">
        <v>3</v>
      </c>
      <c r="CD29" s="271"/>
      <c r="CE29" s="72">
        <v>4</v>
      </c>
      <c r="CF29" s="72">
        <v>2</v>
      </c>
      <c r="CG29" s="72">
        <v>1</v>
      </c>
      <c r="CH29" s="72">
        <v>2</v>
      </c>
      <c r="CI29" s="72">
        <v>2</v>
      </c>
      <c r="CJ29" s="73">
        <v>11</v>
      </c>
      <c r="CK29" s="74">
        <v>14</v>
      </c>
      <c r="CL29" s="71">
        <v>93</v>
      </c>
      <c r="CM29" s="72">
        <v>59</v>
      </c>
      <c r="CN29" s="73">
        <v>152</v>
      </c>
      <c r="CO29" s="271"/>
      <c r="CP29" s="72">
        <v>148</v>
      </c>
      <c r="CQ29" s="72">
        <v>107</v>
      </c>
      <c r="CR29" s="72">
        <v>91</v>
      </c>
      <c r="CS29" s="72">
        <v>65</v>
      </c>
      <c r="CT29" s="72">
        <v>42</v>
      </c>
      <c r="CU29" s="73">
        <v>453</v>
      </c>
      <c r="CV29" s="74">
        <v>605</v>
      </c>
      <c r="CW29" s="127">
        <v>174</v>
      </c>
      <c r="CX29" s="83">
        <v>175</v>
      </c>
      <c r="CY29" s="84">
        <v>349</v>
      </c>
      <c r="CZ29" s="271"/>
      <c r="DA29" s="83">
        <v>270</v>
      </c>
      <c r="DB29" s="83">
        <v>192</v>
      </c>
      <c r="DC29" s="83">
        <v>138</v>
      </c>
      <c r="DD29" s="83">
        <v>153</v>
      </c>
      <c r="DE29" s="83">
        <v>131</v>
      </c>
      <c r="DF29" s="85">
        <v>884</v>
      </c>
      <c r="DG29" s="86">
        <v>1233</v>
      </c>
      <c r="DH29" s="71">
        <v>5</v>
      </c>
      <c r="DI29" s="72">
        <v>5</v>
      </c>
      <c r="DJ29" s="73">
        <v>10</v>
      </c>
      <c r="DK29" s="271"/>
      <c r="DL29" s="72">
        <v>5</v>
      </c>
      <c r="DM29" s="72">
        <v>4</v>
      </c>
      <c r="DN29" s="72">
        <v>2</v>
      </c>
      <c r="DO29" s="72">
        <v>2</v>
      </c>
      <c r="DP29" s="72">
        <v>2</v>
      </c>
      <c r="DQ29" s="73">
        <v>15</v>
      </c>
      <c r="DR29" s="74">
        <v>25</v>
      </c>
      <c r="DS29" s="71">
        <v>10</v>
      </c>
      <c r="DT29" s="72">
        <v>9</v>
      </c>
      <c r="DU29" s="73">
        <v>19</v>
      </c>
      <c r="DV29" s="271"/>
      <c r="DW29" s="72">
        <v>15</v>
      </c>
      <c r="DX29" s="72">
        <v>12</v>
      </c>
      <c r="DY29" s="72">
        <v>7</v>
      </c>
      <c r="DZ29" s="72">
        <v>5</v>
      </c>
      <c r="EA29" s="72">
        <v>6</v>
      </c>
      <c r="EB29" s="73">
        <v>45</v>
      </c>
      <c r="EC29" s="74">
        <v>64</v>
      </c>
      <c r="ED29" s="71">
        <v>32</v>
      </c>
      <c r="EE29" s="72">
        <v>18</v>
      </c>
      <c r="EF29" s="73">
        <v>50</v>
      </c>
      <c r="EG29" s="271"/>
      <c r="EH29" s="72">
        <v>38</v>
      </c>
      <c r="EI29" s="72">
        <v>19</v>
      </c>
      <c r="EJ29" s="72">
        <v>14</v>
      </c>
      <c r="EK29" s="72">
        <v>6</v>
      </c>
      <c r="EL29" s="72">
        <v>12</v>
      </c>
      <c r="EM29" s="73">
        <v>89</v>
      </c>
      <c r="EN29" s="74">
        <v>139</v>
      </c>
      <c r="EO29" s="71">
        <v>45</v>
      </c>
      <c r="EP29" s="72">
        <v>47</v>
      </c>
      <c r="EQ29" s="73">
        <v>92</v>
      </c>
      <c r="ER29" s="271"/>
      <c r="ES29" s="72">
        <v>61</v>
      </c>
      <c r="ET29" s="72">
        <v>34</v>
      </c>
      <c r="EU29" s="72">
        <v>27</v>
      </c>
      <c r="EV29" s="72">
        <v>20</v>
      </c>
      <c r="EW29" s="72">
        <v>27</v>
      </c>
      <c r="EX29" s="73">
        <v>169</v>
      </c>
      <c r="EY29" s="74">
        <v>261</v>
      </c>
      <c r="EZ29" s="71">
        <v>49</v>
      </c>
      <c r="FA29" s="72">
        <v>56</v>
      </c>
      <c r="FB29" s="73">
        <v>105</v>
      </c>
      <c r="FC29" s="271"/>
      <c r="FD29" s="72">
        <v>75</v>
      </c>
      <c r="FE29" s="72">
        <v>40</v>
      </c>
      <c r="FF29" s="72">
        <v>32</v>
      </c>
      <c r="FG29" s="72">
        <v>47</v>
      </c>
      <c r="FH29" s="72">
        <v>23</v>
      </c>
      <c r="FI29" s="73">
        <v>217</v>
      </c>
      <c r="FJ29" s="74">
        <v>322</v>
      </c>
      <c r="FK29" s="71">
        <v>33</v>
      </c>
      <c r="FL29" s="72">
        <v>40</v>
      </c>
      <c r="FM29" s="73">
        <v>73</v>
      </c>
      <c r="FN29" s="271"/>
      <c r="FO29" s="72">
        <v>76</v>
      </c>
      <c r="FP29" s="72">
        <v>83</v>
      </c>
      <c r="FQ29" s="72">
        <v>56</v>
      </c>
      <c r="FR29" s="72">
        <v>73</v>
      </c>
      <c r="FS29" s="72">
        <v>61</v>
      </c>
      <c r="FT29" s="73">
        <v>349</v>
      </c>
      <c r="FU29" s="74">
        <v>422</v>
      </c>
      <c r="FV29" s="71">
        <v>3</v>
      </c>
      <c r="FW29" s="72">
        <v>1</v>
      </c>
      <c r="FX29" s="73">
        <v>4</v>
      </c>
      <c r="FY29" s="271"/>
      <c r="FZ29" s="72">
        <v>3</v>
      </c>
      <c r="GA29" s="72">
        <v>6</v>
      </c>
      <c r="GB29" s="72">
        <v>1</v>
      </c>
      <c r="GC29" s="72">
        <v>3</v>
      </c>
      <c r="GD29" s="72">
        <v>2</v>
      </c>
      <c r="GE29" s="73">
        <v>15</v>
      </c>
      <c r="GF29" s="74">
        <v>19</v>
      </c>
      <c r="GG29" s="71">
        <v>177</v>
      </c>
      <c r="GH29" s="72">
        <v>176</v>
      </c>
      <c r="GI29" s="73">
        <v>353</v>
      </c>
      <c r="GJ29" s="271"/>
      <c r="GK29" s="72">
        <v>273</v>
      </c>
      <c r="GL29" s="72">
        <v>198</v>
      </c>
      <c r="GM29" s="72">
        <v>139</v>
      </c>
      <c r="GN29" s="72">
        <v>156</v>
      </c>
      <c r="GO29" s="72">
        <v>133</v>
      </c>
      <c r="GP29" s="73">
        <v>899</v>
      </c>
      <c r="GQ29" s="74">
        <v>1252</v>
      </c>
      <c r="GR29" s="127">
        <v>265</v>
      </c>
      <c r="GS29" s="83">
        <v>233</v>
      </c>
      <c r="GT29" s="84">
        <v>498</v>
      </c>
      <c r="GU29" s="271"/>
      <c r="GV29" s="83">
        <v>414</v>
      </c>
      <c r="GW29" s="83">
        <v>297</v>
      </c>
      <c r="GX29" s="83">
        <v>228</v>
      </c>
      <c r="GY29" s="83">
        <v>216</v>
      </c>
      <c r="GZ29" s="83">
        <v>171</v>
      </c>
      <c r="HA29" s="85">
        <v>1326</v>
      </c>
      <c r="HB29" s="86">
        <v>1824</v>
      </c>
      <c r="HC29" s="71">
        <v>8</v>
      </c>
      <c r="HD29" s="72">
        <v>7</v>
      </c>
      <c r="HE29" s="73">
        <v>15</v>
      </c>
      <c r="HF29" s="271"/>
      <c r="HG29" s="72">
        <v>13</v>
      </c>
      <c r="HH29" s="72">
        <v>8</v>
      </c>
      <c r="HI29" s="72">
        <v>9</v>
      </c>
      <c r="HJ29" s="72">
        <v>2</v>
      </c>
      <c r="HK29" s="72">
        <v>5</v>
      </c>
      <c r="HL29" s="73">
        <v>37</v>
      </c>
      <c r="HM29" s="74">
        <v>52</v>
      </c>
      <c r="HN29" s="71">
        <v>19</v>
      </c>
      <c r="HO29" s="72">
        <v>13</v>
      </c>
      <c r="HP29" s="73">
        <v>32</v>
      </c>
      <c r="HQ29" s="271"/>
      <c r="HR29" s="72">
        <v>28</v>
      </c>
      <c r="HS29" s="72">
        <v>22</v>
      </c>
      <c r="HT29" s="72">
        <v>15</v>
      </c>
      <c r="HU29" s="72">
        <v>13</v>
      </c>
      <c r="HV29" s="72">
        <v>13</v>
      </c>
      <c r="HW29" s="73">
        <v>91</v>
      </c>
      <c r="HX29" s="74">
        <v>123</v>
      </c>
      <c r="HY29" s="71">
        <v>51</v>
      </c>
      <c r="HZ29" s="72">
        <v>27</v>
      </c>
      <c r="IA29" s="73">
        <v>78</v>
      </c>
      <c r="IB29" s="271"/>
      <c r="IC29" s="72">
        <v>59</v>
      </c>
      <c r="ID29" s="72">
        <v>35</v>
      </c>
      <c r="IE29" s="72">
        <v>27</v>
      </c>
      <c r="IF29" s="72">
        <v>16</v>
      </c>
      <c r="IG29" s="72">
        <v>16</v>
      </c>
      <c r="IH29" s="73">
        <v>153</v>
      </c>
      <c r="II29" s="74">
        <v>231</v>
      </c>
      <c r="IJ29" s="71">
        <v>67</v>
      </c>
      <c r="IK29" s="72">
        <v>59</v>
      </c>
      <c r="IL29" s="73">
        <v>126</v>
      </c>
      <c r="IM29" s="271"/>
      <c r="IN29" s="72">
        <v>96</v>
      </c>
      <c r="IO29" s="72">
        <v>61</v>
      </c>
      <c r="IP29" s="72">
        <v>52</v>
      </c>
      <c r="IQ29" s="72">
        <v>29</v>
      </c>
      <c r="IR29" s="72">
        <v>39</v>
      </c>
      <c r="IS29" s="73">
        <v>277</v>
      </c>
      <c r="IT29" s="74">
        <v>403</v>
      </c>
      <c r="IU29" s="71">
        <v>74</v>
      </c>
      <c r="IV29" s="72">
        <v>73</v>
      </c>
      <c r="IW29" s="73">
        <v>147</v>
      </c>
      <c r="IX29" s="271"/>
      <c r="IY29" s="72">
        <v>107</v>
      </c>
      <c r="IZ29" s="72">
        <v>63</v>
      </c>
      <c r="JA29" s="72">
        <v>50</v>
      </c>
      <c r="JB29" s="72">
        <v>67</v>
      </c>
      <c r="JC29" s="72">
        <v>31</v>
      </c>
      <c r="JD29" s="73">
        <v>318</v>
      </c>
      <c r="JE29" s="74">
        <v>465</v>
      </c>
      <c r="JF29" s="71">
        <v>46</v>
      </c>
      <c r="JG29" s="72">
        <v>54</v>
      </c>
      <c r="JH29" s="73">
        <v>100</v>
      </c>
      <c r="JI29" s="271"/>
      <c r="JJ29" s="72">
        <v>111</v>
      </c>
      <c r="JK29" s="72">
        <v>108</v>
      </c>
      <c r="JL29" s="72">
        <v>75</v>
      </c>
      <c r="JM29" s="72">
        <v>89</v>
      </c>
      <c r="JN29" s="72">
        <v>67</v>
      </c>
      <c r="JO29" s="73">
        <v>450</v>
      </c>
      <c r="JP29" s="74">
        <v>550</v>
      </c>
      <c r="JQ29" s="71">
        <v>5</v>
      </c>
      <c r="JR29" s="72">
        <v>2</v>
      </c>
      <c r="JS29" s="73">
        <v>7</v>
      </c>
      <c r="JT29" s="271"/>
      <c r="JU29" s="72">
        <v>7</v>
      </c>
      <c r="JV29" s="72">
        <v>8</v>
      </c>
      <c r="JW29" s="72">
        <v>2</v>
      </c>
      <c r="JX29" s="72">
        <v>5</v>
      </c>
      <c r="JY29" s="72">
        <v>4</v>
      </c>
      <c r="JZ29" s="73">
        <v>26</v>
      </c>
      <c r="KA29" s="74">
        <v>33</v>
      </c>
      <c r="KB29" s="71">
        <v>270</v>
      </c>
      <c r="KC29" s="72">
        <v>235</v>
      </c>
      <c r="KD29" s="73">
        <v>505</v>
      </c>
      <c r="KE29" s="271"/>
      <c r="KF29" s="72">
        <v>421</v>
      </c>
      <c r="KG29" s="72">
        <v>305</v>
      </c>
      <c r="KH29" s="72">
        <v>230</v>
      </c>
      <c r="KI29" s="72">
        <v>221</v>
      </c>
      <c r="KJ29" s="72">
        <v>175</v>
      </c>
      <c r="KK29" s="73">
        <v>1352</v>
      </c>
      <c r="KL29" s="74">
        <v>1857</v>
      </c>
    </row>
    <row r="30" spans="1:298" ht="19.5" customHeight="1" x14ac:dyDescent="0.2">
      <c r="A30" s="130" t="s">
        <v>27</v>
      </c>
      <c r="B30" s="353">
        <v>80</v>
      </c>
      <c r="C30" s="83">
        <v>102</v>
      </c>
      <c r="D30" s="84">
        <v>182</v>
      </c>
      <c r="E30" s="271"/>
      <c r="F30" s="83">
        <v>101</v>
      </c>
      <c r="G30" s="83">
        <v>84</v>
      </c>
      <c r="H30" s="83">
        <v>84</v>
      </c>
      <c r="I30" s="83">
        <v>60</v>
      </c>
      <c r="J30" s="83">
        <v>24</v>
      </c>
      <c r="K30" s="85">
        <v>353</v>
      </c>
      <c r="L30" s="86">
        <v>535</v>
      </c>
      <c r="M30" s="71">
        <v>4</v>
      </c>
      <c r="N30" s="72">
        <v>1</v>
      </c>
      <c r="O30" s="73">
        <v>5</v>
      </c>
      <c r="P30" s="271"/>
      <c r="Q30" s="72">
        <v>1</v>
      </c>
      <c r="R30" s="72">
        <v>7</v>
      </c>
      <c r="S30" s="72">
        <v>4</v>
      </c>
      <c r="T30" s="72">
        <v>0</v>
      </c>
      <c r="U30" s="72">
        <v>1</v>
      </c>
      <c r="V30" s="73">
        <v>13</v>
      </c>
      <c r="W30" s="74">
        <v>18</v>
      </c>
      <c r="X30" s="71">
        <v>13</v>
      </c>
      <c r="Y30" s="72">
        <v>8</v>
      </c>
      <c r="Z30" s="73">
        <v>21</v>
      </c>
      <c r="AA30" s="271"/>
      <c r="AB30" s="72">
        <v>11</v>
      </c>
      <c r="AC30" s="72">
        <v>11</v>
      </c>
      <c r="AD30" s="72">
        <v>14</v>
      </c>
      <c r="AE30" s="72">
        <v>8</v>
      </c>
      <c r="AF30" s="72">
        <v>2</v>
      </c>
      <c r="AG30" s="73">
        <v>46</v>
      </c>
      <c r="AH30" s="74">
        <v>67</v>
      </c>
      <c r="AI30" s="71">
        <v>12</v>
      </c>
      <c r="AJ30" s="72">
        <v>20</v>
      </c>
      <c r="AK30" s="73">
        <v>32</v>
      </c>
      <c r="AL30" s="271"/>
      <c r="AM30" s="72">
        <v>15</v>
      </c>
      <c r="AN30" s="72">
        <v>12</v>
      </c>
      <c r="AO30" s="72">
        <v>13</v>
      </c>
      <c r="AP30" s="72">
        <v>7</v>
      </c>
      <c r="AQ30" s="72">
        <v>5</v>
      </c>
      <c r="AR30" s="73">
        <v>52</v>
      </c>
      <c r="AS30" s="74">
        <v>84</v>
      </c>
      <c r="AT30" s="71">
        <v>21</v>
      </c>
      <c r="AU30" s="72">
        <v>28</v>
      </c>
      <c r="AV30" s="73">
        <v>49</v>
      </c>
      <c r="AW30" s="271"/>
      <c r="AX30" s="72">
        <v>28</v>
      </c>
      <c r="AY30" s="72">
        <v>13</v>
      </c>
      <c r="AZ30" s="72">
        <v>18</v>
      </c>
      <c r="BA30" s="72">
        <v>9</v>
      </c>
      <c r="BB30" s="72">
        <v>8</v>
      </c>
      <c r="BC30" s="73">
        <v>76</v>
      </c>
      <c r="BD30" s="74">
        <v>125</v>
      </c>
      <c r="BE30" s="71">
        <v>19</v>
      </c>
      <c r="BF30" s="72">
        <v>23</v>
      </c>
      <c r="BG30" s="73">
        <v>42</v>
      </c>
      <c r="BH30" s="271"/>
      <c r="BI30" s="72">
        <v>24</v>
      </c>
      <c r="BJ30" s="72">
        <v>25</v>
      </c>
      <c r="BK30" s="72">
        <v>19</v>
      </c>
      <c r="BL30" s="72">
        <v>19</v>
      </c>
      <c r="BM30" s="72">
        <v>5</v>
      </c>
      <c r="BN30" s="73">
        <v>92</v>
      </c>
      <c r="BO30" s="74">
        <v>134</v>
      </c>
      <c r="BP30" s="71">
        <v>11</v>
      </c>
      <c r="BQ30" s="72">
        <v>22</v>
      </c>
      <c r="BR30" s="73">
        <v>33</v>
      </c>
      <c r="BS30" s="271"/>
      <c r="BT30" s="72">
        <v>22</v>
      </c>
      <c r="BU30" s="72">
        <v>16</v>
      </c>
      <c r="BV30" s="72">
        <v>16</v>
      </c>
      <c r="BW30" s="72">
        <v>17</v>
      </c>
      <c r="BX30" s="72">
        <v>3</v>
      </c>
      <c r="BY30" s="73">
        <v>74</v>
      </c>
      <c r="BZ30" s="74">
        <v>107</v>
      </c>
      <c r="CA30" s="71">
        <v>1</v>
      </c>
      <c r="CB30" s="72">
        <v>2</v>
      </c>
      <c r="CC30" s="73">
        <v>3</v>
      </c>
      <c r="CD30" s="271"/>
      <c r="CE30" s="72">
        <v>5</v>
      </c>
      <c r="CF30" s="72">
        <v>2</v>
      </c>
      <c r="CG30" s="72">
        <v>5</v>
      </c>
      <c r="CH30" s="72">
        <v>3</v>
      </c>
      <c r="CI30" s="72">
        <v>1</v>
      </c>
      <c r="CJ30" s="73">
        <v>16</v>
      </c>
      <c r="CK30" s="74">
        <v>19</v>
      </c>
      <c r="CL30" s="71">
        <v>81</v>
      </c>
      <c r="CM30" s="72">
        <v>104</v>
      </c>
      <c r="CN30" s="73">
        <v>185</v>
      </c>
      <c r="CO30" s="271"/>
      <c r="CP30" s="72">
        <v>106</v>
      </c>
      <c r="CQ30" s="72">
        <v>86</v>
      </c>
      <c r="CR30" s="72">
        <v>89</v>
      </c>
      <c r="CS30" s="72">
        <v>63</v>
      </c>
      <c r="CT30" s="72">
        <v>25</v>
      </c>
      <c r="CU30" s="73">
        <v>369</v>
      </c>
      <c r="CV30" s="74">
        <v>554</v>
      </c>
      <c r="CW30" s="127">
        <v>234</v>
      </c>
      <c r="CX30" s="83">
        <v>158</v>
      </c>
      <c r="CY30" s="84">
        <v>392</v>
      </c>
      <c r="CZ30" s="271"/>
      <c r="DA30" s="83">
        <v>190</v>
      </c>
      <c r="DB30" s="83">
        <v>152</v>
      </c>
      <c r="DC30" s="83">
        <v>178</v>
      </c>
      <c r="DD30" s="83">
        <v>128</v>
      </c>
      <c r="DE30" s="83">
        <v>104</v>
      </c>
      <c r="DF30" s="85">
        <v>752</v>
      </c>
      <c r="DG30" s="86">
        <v>1144</v>
      </c>
      <c r="DH30" s="71">
        <v>4</v>
      </c>
      <c r="DI30" s="72">
        <v>4</v>
      </c>
      <c r="DJ30" s="73">
        <v>8</v>
      </c>
      <c r="DK30" s="271"/>
      <c r="DL30" s="72">
        <v>1</v>
      </c>
      <c r="DM30" s="72">
        <v>1</v>
      </c>
      <c r="DN30" s="72">
        <v>1</v>
      </c>
      <c r="DO30" s="72">
        <v>3</v>
      </c>
      <c r="DP30" s="72">
        <v>1</v>
      </c>
      <c r="DQ30" s="73">
        <v>7</v>
      </c>
      <c r="DR30" s="74">
        <v>15</v>
      </c>
      <c r="DS30" s="71">
        <v>14</v>
      </c>
      <c r="DT30" s="72">
        <v>11</v>
      </c>
      <c r="DU30" s="73">
        <v>25</v>
      </c>
      <c r="DV30" s="271"/>
      <c r="DW30" s="72">
        <v>8</v>
      </c>
      <c r="DX30" s="72">
        <v>9</v>
      </c>
      <c r="DY30" s="72">
        <v>12</v>
      </c>
      <c r="DZ30" s="72">
        <v>9</v>
      </c>
      <c r="EA30" s="72">
        <v>3</v>
      </c>
      <c r="EB30" s="73">
        <v>41</v>
      </c>
      <c r="EC30" s="74">
        <v>66</v>
      </c>
      <c r="ED30" s="71">
        <v>29</v>
      </c>
      <c r="EE30" s="72">
        <v>15</v>
      </c>
      <c r="EF30" s="73">
        <v>44</v>
      </c>
      <c r="EG30" s="271"/>
      <c r="EH30" s="72">
        <v>21</v>
      </c>
      <c r="EI30" s="72">
        <v>22</v>
      </c>
      <c r="EJ30" s="72">
        <v>12</v>
      </c>
      <c r="EK30" s="72">
        <v>10</v>
      </c>
      <c r="EL30" s="72">
        <v>10</v>
      </c>
      <c r="EM30" s="73">
        <v>75</v>
      </c>
      <c r="EN30" s="74">
        <v>119</v>
      </c>
      <c r="EO30" s="71">
        <v>61</v>
      </c>
      <c r="EP30" s="72">
        <v>42</v>
      </c>
      <c r="EQ30" s="73">
        <v>103</v>
      </c>
      <c r="ER30" s="271"/>
      <c r="ES30" s="72">
        <v>33</v>
      </c>
      <c r="ET30" s="72">
        <v>27</v>
      </c>
      <c r="EU30" s="72">
        <v>29</v>
      </c>
      <c r="EV30" s="72">
        <v>23</v>
      </c>
      <c r="EW30" s="72">
        <v>29</v>
      </c>
      <c r="EX30" s="73">
        <v>141</v>
      </c>
      <c r="EY30" s="74">
        <v>244</v>
      </c>
      <c r="EZ30" s="71">
        <v>77</v>
      </c>
      <c r="FA30" s="72">
        <v>46</v>
      </c>
      <c r="FB30" s="73">
        <v>123</v>
      </c>
      <c r="FC30" s="271"/>
      <c r="FD30" s="72">
        <v>62</v>
      </c>
      <c r="FE30" s="72">
        <v>44</v>
      </c>
      <c r="FF30" s="72">
        <v>51</v>
      </c>
      <c r="FG30" s="72">
        <v>22</v>
      </c>
      <c r="FH30" s="72">
        <v>27</v>
      </c>
      <c r="FI30" s="73">
        <v>206</v>
      </c>
      <c r="FJ30" s="74">
        <v>329</v>
      </c>
      <c r="FK30" s="71">
        <v>49</v>
      </c>
      <c r="FL30" s="72">
        <v>40</v>
      </c>
      <c r="FM30" s="73">
        <v>89</v>
      </c>
      <c r="FN30" s="271"/>
      <c r="FO30" s="72">
        <v>65</v>
      </c>
      <c r="FP30" s="72">
        <v>49</v>
      </c>
      <c r="FQ30" s="72">
        <v>73</v>
      </c>
      <c r="FR30" s="72">
        <v>61</v>
      </c>
      <c r="FS30" s="72">
        <v>34</v>
      </c>
      <c r="FT30" s="73">
        <v>282</v>
      </c>
      <c r="FU30" s="74">
        <v>371</v>
      </c>
      <c r="FV30" s="71">
        <v>0</v>
      </c>
      <c r="FW30" s="72">
        <v>3</v>
      </c>
      <c r="FX30" s="73">
        <v>3</v>
      </c>
      <c r="FY30" s="271"/>
      <c r="FZ30" s="72">
        <v>3</v>
      </c>
      <c r="GA30" s="72">
        <v>2</v>
      </c>
      <c r="GB30" s="72">
        <v>1</v>
      </c>
      <c r="GC30" s="72">
        <v>1</v>
      </c>
      <c r="GD30" s="72">
        <v>2</v>
      </c>
      <c r="GE30" s="73">
        <v>9</v>
      </c>
      <c r="GF30" s="74">
        <v>12</v>
      </c>
      <c r="GG30" s="71">
        <v>234</v>
      </c>
      <c r="GH30" s="72">
        <v>161</v>
      </c>
      <c r="GI30" s="73">
        <v>395</v>
      </c>
      <c r="GJ30" s="271"/>
      <c r="GK30" s="72">
        <v>193</v>
      </c>
      <c r="GL30" s="72">
        <v>154</v>
      </c>
      <c r="GM30" s="72">
        <v>179</v>
      </c>
      <c r="GN30" s="72">
        <v>129</v>
      </c>
      <c r="GO30" s="72">
        <v>106</v>
      </c>
      <c r="GP30" s="73">
        <v>761</v>
      </c>
      <c r="GQ30" s="74">
        <v>1156</v>
      </c>
      <c r="GR30" s="127">
        <v>314</v>
      </c>
      <c r="GS30" s="83">
        <v>260</v>
      </c>
      <c r="GT30" s="84">
        <v>574</v>
      </c>
      <c r="GU30" s="271"/>
      <c r="GV30" s="83">
        <v>291</v>
      </c>
      <c r="GW30" s="83">
        <v>236</v>
      </c>
      <c r="GX30" s="83">
        <v>262</v>
      </c>
      <c r="GY30" s="83">
        <v>188</v>
      </c>
      <c r="GZ30" s="83">
        <v>128</v>
      </c>
      <c r="HA30" s="85">
        <v>1105</v>
      </c>
      <c r="HB30" s="86">
        <v>1679</v>
      </c>
      <c r="HC30" s="71">
        <v>8</v>
      </c>
      <c r="HD30" s="72">
        <v>5</v>
      </c>
      <c r="HE30" s="73">
        <v>13</v>
      </c>
      <c r="HF30" s="271"/>
      <c r="HG30" s="72">
        <v>2</v>
      </c>
      <c r="HH30" s="72">
        <v>8</v>
      </c>
      <c r="HI30" s="72">
        <v>5</v>
      </c>
      <c r="HJ30" s="72">
        <v>3</v>
      </c>
      <c r="HK30" s="72">
        <v>2</v>
      </c>
      <c r="HL30" s="73">
        <v>20</v>
      </c>
      <c r="HM30" s="74">
        <v>33</v>
      </c>
      <c r="HN30" s="71">
        <v>27</v>
      </c>
      <c r="HO30" s="72">
        <v>19</v>
      </c>
      <c r="HP30" s="73">
        <v>46</v>
      </c>
      <c r="HQ30" s="271"/>
      <c r="HR30" s="72">
        <v>19</v>
      </c>
      <c r="HS30" s="72">
        <v>20</v>
      </c>
      <c r="HT30" s="72">
        <v>26</v>
      </c>
      <c r="HU30" s="72">
        <v>17</v>
      </c>
      <c r="HV30" s="72">
        <v>5</v>
      </c>
      <c r="HW30" s="73">
        <v>87</v>
      </c>
      <c r="HX30" s="74">
        <v>133</v>
      </c>
      <c r="HY30" s="71">
        <v>41</v>
      </c>
      <c r="HZ30" s="72">
        <v>35</v>
      </c>
      <c r="IA30" s="73">
        <v>76</v>
      </c>
      <c r="IB30" s="271"/>
      <c r="IC30" s="72">
        <v>36</v>
      </c>
      <c r="ID30" s="72">
        <v>34</v>
      </c>
      <c r="IE30" s="72">
        <v>25</v>
      </c>
      <c r="IF30" s="72">
        <v>17</v>
      </c>
      <c r="IG30" s="72">
        <v>15</v>
      </c>
      <c r="IH30" s="73">
        <v>127</v>
      </c>
      <c r="II30" s="74">
        <v>203</v>
      </c>
      <c r="IJ30" s="71">
        <v>82</v>
      </c>
      <c r="IK30" s="72">
        <v>70</v>
      </c>
      <c r="IL30" s="73">
        <v>152</v>
      </c>
      <c r="IM30" s="271"/>
      <c r="IN30" s="72">
        <v>61</v>
      </c>
      <c r="IO30" s="72">
        <v>40</v>
      </c>
      <c r="IP30" s="72">
        <v>47</v>
      </c>
      <c r="IQ30" s="72">
        <v>32</v>
      </c>
      <c r="IR30" s="72">
        <v>37</v>
      </c>
      <c r="IS30" s="73">
        <v>217</v>
      </c>
      <c r="IT30" s="74">
        <v>369</v>
      </c>
      <c r="IU30" s="71">
        <v>96</v>
      </c>
      <c r="IV30" s="72">
        <v>69</v>
      </c>
      <c r="IW30" s="73">
        <v>165</v>
      </c>
      <c r="IX30" s="271"/>
      <c r="IY30" s="72">
        <v>86</v>
      </c>
      <c r="IZ30" s="72">
        <v>69</v>
      </c>
      <c r="JA30" s="72">
        <v>70</v>
      </c>
      <c r="JB30" s="72">
        <v>41</v>
      </c>
      <c r="JC30" s="72">
        <v>32</v>
      </c>
      <c r="JD30" s="73">
        <v>298</v>
      </c>
      <c r="JE30" s="74">
        <v>463</v>
      </c>
      <c r="JF30" s="71">
        <v>60</v>
      </c>
      <c r="JG30" s="72">
        <v>62</v>
      </c>
      <c r="JH30" s="73">
        <v>122</v>
      </c>
      <c r="JI30" s="271"/>
      <c r="JJ30" s="72">
        <v>87</v>
      </c>
      <c r="JK30" s="72">
        <v>65</v>
      </c>
      <c r="JL30" s="72">
        <v>89</v>
      </c>
      <c r="JM30" s="72">
        <v>78</v>
      </c>
      <c r="JN30" s="72">
        <v>37</v>
      </c>
      <c r="JO30" s="73">
        <v>356</v>
      </c>
      <c r="JP30" s="74">
        <v>478</v>
      </c>
      <c r="JQ30" s="71">
        <v>1</v>
      </c>
      <c r="JR30" s="72">
        <v>5</v>
      </c>
      <c r="JS30" s="73">
        <v>6</v>
      </c>
      <c r="JT30" s="271"/>
      <c r="JU30" s="72">
        <v>8</v>
      </c>
      <c r="JV30" s="72">
        <v>4</v>
      </c>
      <c r="JW30" s="72">
        <v>6</v>
      </c>
      <c r="JX30" s="72">
        <v>4</v>
      </c>
      <c r="JY30" s="72">
        <v>3</v>
      </c>
      <c r="JZ30" s="73">
        <v>25</v>
      </c>
      <c r="KA30" s="74">
        <v>31</v>
      </c>
      <c r="KB30" s="71">
        <v>315</v>
      </c>
      <c r="KC30" s="72">
        <v>265</v>
      </c>
      <c r="KD30" s="73">
        <v>580</v>
      </c>
      <c r="KE30" s="271"/>
      <c r="KF30" s="72">
        <v>299</v>
      </c>
      <c r="KG30" s="72">
        <v>240</v>
      </c>
      <c r="KH30" s="72">
        <v>268</v>
      </c>
      <c r="KI30" s="72">
        <v>192</v>
      </c>
      <c r="KJ30" s="72">
        <v>131</v>
      </c>
      <c r="KK30" s="73">
        <v>1130</v>
      </c>
      <c r="KL30" s="74">
        <v>1710</v>
      </c>
    </row>
    <row r="31" spans="1:298" ht="19.5" customHeight="1" x14ac:dyDescent="0.2">
      <c r="A31" s="130" t="s">
        <v>28</v>
      </c>
      <c r="B31" s="353">
        <v>16</v>
      </c>
      <c r="C31" s="83">
        <v>20</v>
      </c>
      <c r="D31" s="84">
        <v>36</v>
      </c>
      <c r="E31" s="271"/>
      <c r="F31" s="83">
        <v>29</v>
      </c>
      <c r="G31" s="83">
        <v>42</v>
      </c>
      <c r="H31" s="83">
        <v>23</v>
      </c>
      <c r="I31" s="83">
        <v>16</v>
      </c>
      <c r="J31" s="83">
        <v>10</v>
      </c>
      <c r="K31" s="85">
        <v>120</v>
      </c>
      <c r="L31" s="86">
        <v>156</v>
      </c>
      <c r="M31" s="71">
        <v>0</v>
      </c>
      <c r="N31" s="72">
        <v>2</v>
      </c>
      <c r="O31" s="73">
        <v>2</v>
      </c>
      <c r="P31" s="271"/>
      <c r="Q31" s="72">
        <v>1</v>
      </c>
      <c r="R31" s="72">
        <v>2</v>
      </c>
      <c r="S31" s="72">
        <v>2</v>
      </c>
      <c r="T31" s="72">
        <v>0</v>
      </c>
      <c r="U31" s="72">
        <v>2</v>
      </c>
      <c r="V31" s="73">
        <v>7</v>
      </c>
      <c r="W31" s="74">
        <v>9</v>
      </c>
      <c r="X31" s="71">
        <v>2</v>
      </c>
      <c r="Y31" s="72">
        <v>4</v>
      </c>
      <c r="Z31" s="73">
        <v>6</v>
      </c>
      <c r="AA31" s="271"/>
      <c r="AB31" s="72">
        <v>2</v>
      </c>
      <c r="AC31" s="72">
        <v>7</v>
      </c>
      <c r="AD31" s="72">
        <v>3</v>
      </c>
      <c r="AE31" s="72">
        <v>2</v>
      </c>
      <c r="AF31" s="72">
        <v>0</v>
      </c>
      <c r="AG31" s="73">
        <v>14</v>
      </c>
      <c r="AH31" s="74">
        <v>20</v>
      </c>
      <c r="AI31" s="71">
        <v>4</v>
      </c>
      <c r="AJ31" s="72">
        <v>4</v>
      </c>
      <c r="AK31" s="73">
        <v>8</v>
      </c>
      <c r="AL31" s="271"/>
      <c r="AM31" s="72">
        <v>6</v>
      </c>
      <c r="AN31" s="72">
        <v>7</v>
      </c>
      <c r="AO31" s="72">
        <v>3</v>
      </c>
      <c r="AP31" s="72">
        <v>3</v>
      </c>
      <c r="AQ31" s="72">
        <v>1</v>
      </c>
      <c r="AR31" s="73">
        <v>20</v>
      </c>
      <c r="AS31" s="74">
        <v>28</v>
      </c>
      <c r="AT31" s="71">
        <v>5</v>
      </c>
      <c r="AU31" s="72">
        <v>5</v>
      </c>
      <c r="AV31" s="73">
        <v>10</v>
      </c>
      <c r="AW31" s="271"/>
      <c r="AX31" s="72">
        <v>5</v>
      </c>
      <c r="AY31" s="72">
        <v>8</v>
      </c>
      <c r="AZ31" s="72">
        <v>2</v>
      </c>
      <c r="BA31" s="72">
        <v>3</v>
      </c>
      <c r="BB31" s="72">
        <v>3</v>
      </c>
      <c r="BC31" s="73">
        <v>21</v>
      </c>
      <c r="BD31" s="74">
        <v>31</v>
      </c>
      <c r="BE31" s="71">
        <v>4</v>
      </c>
      <c r="BF31" s="72">
        <v>3</v>
      </c>
      <c r="BG31" s="73">
        <v>7</v>
      </c>
      <c r="BH31" s="271"/>
      <c r="BI31" s="72">
        <v>13</v>
      </c>
      <c r="BJ31" s="72">
        <v>4</v>
      </c>
      <c r="BK31" s="72">
        <v>7</v>
      </c>
      <c r="BL31" s="72">
        <v>5</v>
      </c>
      <c r="BM31" s="72">
        <v>2</v>
      </c>
      <c r="BN31" s="73">
        <v>31</v>
      </c>
      <c r="BO31" s="74">
        <v>38</v>
      </c>
      <c r="BP31" s="71">
        <v>1</v>
      </c>
      <c r="BQ31" s="72">
        <v>2</v>
      </c>
      <c r="BR31" s="73">
        <v>3</v>
      </c>
      <c r="BS31" s="271"/>
      <c r="BT31" s="72">
        <v>2</v>
      </c>
      <c r="BU31" s="72">
        <v>14</v>
      </c>
      <c r="BV31" s="72">
        <v>6</v>
      </c>
      <c r="BW31" s="72">
        <v>3</v>
      </c>
      <c r="BX31" s="72">
        <v>2</v>
      </c>
      <c r="BY31" s="73">
        <v>27</v>
      </c>
      <c r="BZ31" s="74">
        <v>30</v>
      </c>
      <c r="CA31" s="71">
        <v>0</v>
      </c>
      <c r="CB31" s="72">
        <v>1</v>
      </c>
      <c r="CC31" s="73">
        <v>1</v>
      </c>
      <c r="CD31" s="271"/>
      <c r="CE31" s="72">
        <v>0</v>
      </c>
      <c r="CF31" s="72">
        <v>1</v>
      </c>
      <c r="CG31" s="72">
        <v>0</v>
      </c>
      <c r="CH31" s="72">
        <v>1</v>
      </c>
      <c r="CI31" s="72">
        <v>3</v>
      </c>
      <c r="CJ31" s="73">
        <v>5</v>
      </c>
      <c r="CK31" s="74">
        <v>6</v>
      </c>
      <c r="CL31" s="71">
        <v>16</v>
      </c>
      <c r="CM31" s="72">
        <v>21</v>
      </c>
      <c r="CN31" s="73">
        <v>37</v>
      </c>
      <c r="CO31" s="271"/>
      <c r="CP31" s="72">
        <v>29</v>
      </c>
      <c r="CQ31" s="72">
        <v>43</v>
      </c>
      <c r="CR31" s="72">
        <v>23</v>
      </c>
      <c r="CS31" s="72">
        <v>17</v>
      </c>
      <c r="CT31" s="72">
        <v>13</v>
      </c>
      <c r="CU31" s="73">
        <v>125</v>
      </c>
      <c r="CV31" s="74">
        <v>162</v>
      </c>
      <c r="CW31" s="127">
        <v>24</v>
      </c>
      <c r="CX31" s="83">
        <v>33</v>
      </c>
      <c r="CY31" s="84">
        <v>57</v>
      </c>
      <c r="CZ31" s="271"/>
      <c r="DA31" s="83">
        <v>53</v>
      </c>
      <c r="DB31" s="83">
        <v>70</v>
      </c>
      <c r="DC31" s="83">
        <v>41</v>
      </c>
      <c r="DD31" s="83">
        <v>50</v>
      </c>
      <c r="DE31" s="83">
        <v>36</v>
      </c>
      <c r="DF31" s="85">
        <v>250</v>
      </c>
      <c r="DG31" s="86">
        <v>307</v>
      </c>
      <c r="DH31" s="71">
        <v>3</v>
      </c>
      <c r="DI31" s="72">
        <v>3</v>
      </c>
      <c r="DJ31" s="73">
        <v>6</v>
      </c>
      <c r="DK31" s="271"/>
      <c r="DL31" s="72">
        <v>2</v>
      </c>
      <c r="DM31" s="72">
        <v>2</v>
      </c>
      <c r="DN31" s="72">
        <v>1</v>
      </c>
      <c r="DO31" s="72">
        <v>0</v>
      </c>
      <c r="DP31" s="72">
        <v>0</v>
      </c>
      <c r="DQ31" s="73">
        <v>5</v>
      </c>
      <c r="DR31" s="74">
        <v>11</v>
      </c>
      <c r="DS31" s="71">
        <v>3</v>
      </c>
      <c r="DT31" s="72">
        <v>2</v>
      </c>
      <c r="DU31" s="73">
        <v>5</v>
      </c>
      <c r="DV31" s="271"/>
      <c r="DW31" s="72">
        <v>2</v>
      </c>
      <c r="DX31" s="72">
        <v>3</v>
      </c>
      <c r="DY31" s="72">
        <v>1</v>
      </c>
      <c r="DZ31" s="72">
        <v>3</v>
      </c>
      <c r="EA31" s="72">
        <v>1</v>
      </c>
      <c r="EB31" s="73">
        <v>10</v>
      </c>
      <c r="EC31" s="74">
        <v>15</v>
      </c>
      <c r="ED31" s="71">
        <v>5</v>
      </c>
      <c r="EE31" s="72">
        <v>6</v>
      </c>
      <c r="EF31" s="73">
        <v>11</v>
      </c>
      <c r="EG31" s="271"/>
      <c r="EH31" s="72">
        <v>10</v>
      </c>
      <c r="EI31" s="72">
        <v>6</v>
      </c>
      <c r="EJ31" s="72">
        <v>6</v>
      </c>
      <c r="EK31" s="72">
        <v>7</v>
      </c>
      <c r="EL31" s="72">
        <v>3</v>
      </c>
      <c r="EM31" s="73">
        <v>32</v>
      </c>
      <c r="EN31" s="74">
        <v>43</v>
      </c>
      <c r="EO31" s="71">
        <v>9</v>
      </c>
      <c r="EP31" s="72">
        <v>7</v>
      </c>
      <c r="EQ31" s="73">
        <v>16</v>
      </c>
      <c r="ER31" s="271"/>
      <c r="ES31" s="72">
        <v>11</v>
      </c>
      <c r="ET31" s="72">
        <v>24</v>
      </c>
      <c r="EU31" s="72">
        <v>3</v>
      </c>
      <c r="EV31" s="72">
        <v>7</v>
      </c>
      <c r="EW31" s="72">
        <v>9</v>
      </c>
      <c r="EX31" s="73">
        <v>54</v>
      </c>
      <c r="EY31" s="74">
        <v>70</v>
      </c>
      <c r="EZ31" s="71">
        <v>3</v>
      </c>
      <c r="FA31" s="72">
        <v>10</v>
      </c>
      <c r="FB31" s="73">
        <v>13</v>
      </c>
      <c r="FC31" s="271"/>
      <c r="FD31" s="72">
        <v>16</v>
      </c>
      <c r="FE31" s="72">
        <v>10</v>
      </c>
      <c r="FF31" s="72">
        <v>13</v>
      </c>
      <c r="FG31" s="72">
        <v>16</v>
      </c>
      <c r="FH31" s="72">
        <v>7</v>
      </c>
      <c r="FI31" s="73">
        <v>62</v>
      </c>
      <c r="FJ31" s="74">
        <v>75</v>
      </c>
      <c r="FK31" s="71">
        <v>1</v>
      </c>
      <c r="FL31" s="72">
        <v>5</v>
      </c>
      <c r="FM31" s="73">
        <v>6</v>
      </c>
      <c r="FN31" s="271"/>
      <c r="FO31" s="72">
        <v>12</v>
      </c>
      <c r="FP31" s="72">
        <v>25</v>
      </c>
      <c r="FQ31" s="72">
        <v>17</v>
      </c>
      <c r="FR31" s="72">
        <v>17</v>
      </c>
      <c r="FS31" s="72">
        <v>16</v>
      </c>
      <c r="FT31" s="73">
        <v>87</v>
      </c>
      <c r="FU31" s="74">
        <v>93</v>
      </c>
      <c r="FV31" s="71">
        <v>0</v>
      </c>
      <c r="FW31" s="72">
        <v>0</v>
      </c>
      <c r="FX31" s="73">
        <v>0</v>
      </c>
      <c r="FY31" s="271"/>
      <c r="FZ31" s="72">
        <v>0</v>
      </c>
      <c r="GA31" s="72">
        <v>1</v>
      </c>
      <c r="GB31" s="72">
        <v>0</v>
      </c>
      <c r="GC31" s="72">
        <v>1</v>
      </c>
      <c r="GD31" s="72">
        <v>1</v>
      </c>
      <c r="GE31" s="73">
        <v>3</v>
      </c>
      <c r="GF31" s="74">
        <v>3</v>
      </c>
      <c r="GG31" s="71">
        <v>24</v>
      </c>
      <c r="GH31" s="72">
        <v>33</v>
      </c>
      <c r="GI31" s="73">
        <v>57</v>
      </c>
      <c r="GJ31" s="271"/>
      <c r="GK31" s="72">
        <v>53</v>
      </c>
      <c r="GL31" s="72">
        <v>71</v>
      </c>
      <c r="GM31" s="72">
        <v>41</v>
      </c>
      <c r="GN31" s="72">
        <v>51</v>
      </c>
      <c r="GO31" s="72">
        <v>37</v>
      </c>
      <c r="GP31" s="73">
        <v>253</v>
      </c>
      <c r="GQ31" s="74">
        <v>310</v>
      </c>
      <c r="GR31" s="127">
        <v>40</v>
      </c>
      <c r="GS31" s="83">
        <v>53</v>
      </c>
      <c r="GT31" s="84">
        <v>93</v>
      </c>
      <c r="GU31" s="271"/>
      <c r="GV31" s="83">
        <v>82</v>
      </c>
      <c r="GW31" s="83">
        <v>112</v>
      </c>
      <c r="GX31" s="83">
        <v>64</v>
      </c>
      <c r="GY31" s="83">
        <v>66</v>
      </c>
      <c r="GZ31" s="83">
        <v>46</v>
      </c>
      <c r="HA31" s="85">
        <v>370</v>
      </c>
      <c r="HB31" s="86">
        <v>463</v>
      </c>
      <c r="HC31" s="71">
        <v>3</v>
      </c>
      <c r="HD31" s="72">
        <v>5</v>
      </c>
      <c r="HE31" s="73">
        <v>8</v>
      </c>
      <c r="HF31" s="271"/>
      <c r="HG31" s="72">
        <v>3</v>
      </c>
      <c r="HH31" s="72">
        <v>4</v>
      </c>
      <c r="HI31" s="72">
        <v>3</v>
      </c>
      <c r="HJ31" s="72">
        <v>0</v>
      </c>
      <c r="HK31" s="72">
        <v>2</v>
      </c>
      <c r="HL31" s="73">
        <v>12</v>
      </c>
      <c r="HM31" s="74">
        <v>20</v>
      </c>
      <c r="HN31" s="71">
        <v>5</v>
      </c>
      <c r="HO31" s="72">
        <v>6</v>
      </c>
      <c r="HP31" s="73">
        <v>11</v>
      </c>
      <c r="HQ31" s="271"/>
      <c r="HR31" s="72">
        <v>4</v>
      </c>
      <c r="HS31" s="72">
        <v>10</v>
      </c>
      <c r="HT31" s="72">
        <v>4</v>
      </c>
      <c r="HU31" s="72">
        <v>5</v>
      </c>
      <c r="HV31" s="72">
        <v>1</v>
      </c>
      <c r="HW31" s="73">
        <v>24</v>
      </c>
      <c r="HX31" s="74">
        <v>35</v>
      </c>
      <c r="HY31" s="71">
        <v>9</v>
      </c>
      <c r="HZ31" s="72">
        <v>10</v>
      </c>
      <c r="IA31" s="73">
        <v>19</v>
      </c>
      <c r="IB31" s="271"/>
      <c r="IC31" s="72">
        <v>16</v>
      </c>
      <c r="ID31" s="72">
        <v>13</v>
      </c>
      <c r="IE31" s="72">
        <v>9</v>
      </c>
      <c r="IF31" s="72">
        <v>10</v>
      </c>
      <c r="IG31" s="72">
        <v>4</v>
      </c>
      <c r="IH31" s="73">
        <v>52</v>
      </c>
      <c r="II31" s="74">
        <v>71</v>
      </c>
      <c r="IJ31" s="71">
        <v>14</v>
      </c>
      <c r="IK31" s="72">
        <v>12</v>
      </c>
      <c r="IL31" s="73">
        <v>26</v>
      </c>
      <c r="IM31" s="271"/>
      <c r="IN31" s="72">
        <v>16</v>
      </c>
      <c r="IO31" s="72">
        <v>32</v>
      </c>
      <c r="IP31" s="72">
        <v>5</v>
      </c>
      <c r="IQ31" s="72">
        <v>10</v>
      </c>
      <c r="IR31" s="72">
        <v>12</v>
      </c>
      <c r="IS31" s="73">
        <v>75</v>
      </c>
      <c r="IT31" s="74">
        <v>101</v>
      </c>
      <c r="IU31" s="71">
        <v>7</v>
      </c>
      <c r="IV31" s="72">
        <v>13</v>
      </c>
      <c r="IW31" s="73">
        <v>20</v>
      </c>
      <c r="IX31" s="271"/>
      <c r="IY31" s="72">
        <v>29</v>
      </c>
      <c r="IZ31" s="72">
        <v>14</v>
      </c>
      <c r="JA31" s="72">
        <v>20</v>
      </c>
      <c r="JB31" s="72">
        <v>21</v>
      </c>
      <c r="JC31" s="72">
        <v>9</v>
      </c>
      <c r="JD31" s="73">
        <v>93</v>
      </c>
      <c r="JE31" s="74">
        <v>113</v>
      </c>
      <c r="JF31" s="71">
        <v>2</v>
      </c>
      <c r="JG31" s="72">
        <v>7</v>
      </c>
      <c r="JH31" s="73">
        <v>9</v>
      </c>
      <c r="JI31" s="271"/>
      <c r="JJ31" s="72">
        <v>14</v>
      </c>
      <c r="JK31" s="72">
        <v>39</v>
      </c>
      <c r="JL31" s="72">
        <v>23</v>
      </c>
      <c r="JM31" s="72">
        <v>20</v>
      </c>
      <c r="JN31" s="72">
        <v>18</v>
      </c>
      <c r="JO31" s="73">
        <v>114</v>
      </c>
      <c r="JP31" s="74">
        <v>123</v>
      </c>
      <c r="JQ31" s="71">
        <v>0</v>
      </c>
      <c r="JR31" s="72">
        <v>1</v>
      </c>
      <c r="JS31" s="73">
        <v>1</v>
      </c>
      <c r="JT31" s="271"/>
      <c r="JU31" s="72">
        <v>0</v>
      </c>
      <c r="JV31" s="72">
        <v>2</v>
      </c>
      <c r="JW31" s="72">
        <v>0</v>
      </c>
      <c r="JX31" s="72">
        <v>2</v>
      </c>
      <c r="JY31" s="72">
        <v>4</v>
      </c>
      <c r="JZ31" s="73">
        <v>8</v>
      </c>
      <c r="KA31" s="74">
        <v>9</v>
      </c>
      <c r="KB31" s="71">
        <v>40</v>
      </c>
      <c r="KC31" s="72">
        <v>54</v>
      </c>
      <c r="KD31" s="73">
        <v>94</v>
      </c>
      <c r="KE31" s="271"/>
      <c r="KF31" s="72">
        <v>82</v>
      </c>
      <c r="KG31" s="72">
        <v>114</v>
      </c>
      <c r="KH31" s="72">
        <v>64</v>
      </c>
      <c r="KI31" s="72">
        <v>68</v>
      </c>
      <c r="KJ31" s="72">
        <v>50</v>
      </c>
      <c r="KK31" s="73">
        <v>378</v>
      </c>
      <c r="KL31" s="74">
        <v>472</v>
      </c>
    </row>
    <row r="32" spans="1:298" ht="19.5" customHeight="1" x14ac:dyDescent="0.2">
      <c r="A32" s="130" t="s">
        <v>29</v>
      </c>
      <c r="B32" s="353">
        <v>17</v>
      </c>
      <c r="C32" s="83">
        <v>24</v>
      </c>
      <c r="D32" s="84">
        <v>41</v>
      </c>
      <c r="E32" s="271"/>
      <c r="F32" s="83">
        <v>44</v>
      </c>
      <c r="G32" s="83">
        <v>62</v>
      </c>
      <c r="H32" s="83">
        <v>36</v>
      </c>
      <c r="I32" s="83">
        <v>38</v>
      </c>
      <c r="J32" s="83">
        <v>17</v>
      </c>
      <c r="K32" s="85">
        <v>197</v>
      </c>
      <c r="L32" s="86">
        <v>238</v>
      </c>
      <c r="M32" s="71">
        <v>0</v>
      </c>
      <c r="N32" s="72">
        <v>2</v>
      </c>
      <c r="O32" s="73">
        <v>2</v>
      </c>
      <c r="P32" s="271"/>
      <c r="Q32" s="72">
        <v>3</v>
      </c>
      <c r="R32" s="72">
        <v>2</v>
      </c>
      <c r="S32" s="72">
        <v>2</v>
      </c>
      <c r="T32" s="72">
        <v>0</v>
      </c>
      <c r="U32" s="72">
        <v>1</v>
      </c>
      <c r="V32" s="73">
        <v>8</v>
      </c>
      <c r="W32" s="74">
        <v>10</v>
      </c>
      <c r="X32" s="71">
        <v>3</v>
      </c>
      <c r="Y32" s="72">
        <v>4</v>
      </c>
      <c r="Z32" s="73">
        <v>7</v>
      </c>
      <c r="AA32" s="271"/>
      <c r="AB32" s="72">
        <v>6</v>
      </c>
      <c r="AC32" s="72">
        <v>9</v>
      </c>
      <c r="AD32" s="72">
        <v>3</v>
      </c>
      <c r="AE32" s="72">
        <v>3</v>
      </c>
      <c r="AF32" s="72">
        <v>3</v>
      </c>
      <c r="AG32" s="73">
        <v>24</v>
      </c>
      <c r="AH32" s="74">
        <v>31</v>
      </c>
      <c r="AI32" s="71">
        <v>8</v>
      </c>
      <c r="AJ32" s="72">
        <v>7</v>
      </c>
      <c r="AK32" s="73">
        <v>15</v>
      </c>
      <c r="AL32" s="271"/>
      <c r="AM32" s="72">
        <v>7</v>
      </c>
      <c r="AN32" s="72">
        <v>7</v>
      </c>
      <c r="AO32" s="72">
        <v>6</v>
      </c>
      <c r="AP32" s="72">
        <v>10</v>
      </c>
      <c r="AQ32" s="72">
        <v>2</v>
      </c>
      <c r="AR32" s="73">
        <v>32</v>
      </c>
      <c r="AS32" s="74">
        <v>47</v>
      </c>
      <c r="AT32" s="71">
        <v>2</v>
      </c>
      <c r="AU32" s="72">
        <v>3</v>
      </c>
      <c r="AV32" s="73">
        <v>5</v>
      </c>
      <c r="AW32" s="271"/>
      <c r="AX32" s="72">
        <v>8</v>
      </c>
      <c r="AY32" s="72">
        <v>18</v>
      </c>
      <c r="AZ32" s="72">
        <v>9</v>
      </c>
      <c r="BA32" s="72">
        <v>12</v>
      </c>
      <c r="BB32" s="72">
        <v>5</v>
      </c>
      <c r="BC32" s="73">
        <v>52</v>
      </c>
      <c r="BD32" s="74">
        <v>57</v>
      </c>
      <c r="BE32" s="71">
        <v>1</v>
      </c>
      <c r="BF32" s="72">
        <v>5</v>
      </c>
      <c r="BG32" s="73">
        <v>6</v>
      </c>
      <c r="BH32" s="271"/>
      <c r="BI32" s="72">
        <v>14</v>
      </c>
      <c r="BJ32" s="72">
        <v>15</v>
      </c>
      <c r="BK32" s="72">
        <v>10</v>
      </c>
      <c r="BL32" s="72">
        <v>8</v>
      </c>
      <c r="BM32" s="72">
        <v>4</v>
      </c>
      <c r="BN32" s="73">
        <v>51</v>
      </c>
      <c r="BO32" s="74">
        <v>57</v>
      </c>
      <c r="BP32" s="71">
        <v>3</v>
      </c>
      <c r="BQ32" s="72">
        <v>3</v>
      </c>
      <c r="BR32" s="73">
        <v>6</v>
      </c>
      <c r="BS32" s="271"/>
      <c r="BT32" s="72">
        <v>6</v>
      </c>
      <c r="BU32" s="72">
        <v>11</v>
      </c>
      <c r="BV32" s="72">
        <v>6</v>
      </c>
      <c r="BW32" s="72">
        <v>5</v>
      </c>
      <c r="BX32" s="72">
        <v>2</v>
      </c>
      <c r="BY32" s="73">
        <v>30</v>
      </c>
      <c r="BZ32" s="74">
        <v>36</v>
      </c>
      <c r="CA32" s="71">
        <v>1</v>
      </c>
      <c r="CB32" s="72">
        <v>1</v>
      </c>
      <c r="CC32" s="73">
        <v>2</v>
      </c>
      <c r="CD32" s="271"/>
      <c r="CE32" s="72">
        <v>2</v>
      </c>
      <c r="CF32" s="72">
        <v>3</v>
      </c>
      <c r="CG32" s="72">
        <v>4</v>
      </c>
      <c r="CH32" s="72">
        <v>1</v>
      </c>
      <c r="CI32" s="72">
        <v>1</v>
      </c>
      <c r="CJ32" s="73">
        <v>11</v>
      </c>
      <c r="CK32" s="74">
        <v>13</v>
      </c>
      <c r="CL32" s="71">
        <v>18</v>
      </c>
      <c r="CM32" s="72">
        <v>25</v>
      </c>
      <c r="CN32" s="73">
        <v>43</v>
      </c>
      <c r="CO32" s="271"/>
      <c r="CP32" s="72">
        <v>46</v>
      </c>
      <c r="CQ32" s="72">
        <v>65</v>
      </c>
      <c r="CR32" s="72">
        <v>40</v>
      </c>
      <c r="CS32" s="72">
        <v>39</v>
      </c>
      <c r="CT32" s="72">
        <v>18</v>
      </c>
      <c r="CU32" s="73">
        <v>208</v>
      </c>
      <c r="CV32" s="74">
        <v>251</v>
      </c>
      <c r="CW32" s="127">
        <v>38</v>
      </c>
      <c r="CX32" s="83">
        <v>51</v>
      </c>
      <c r="CY32" s="84">
        <v>89</v>
      </c>
      <c r="CZ32" s="271"/>
      <c r="DA32" s="83">
        <v>85</v>
      </c>
      <c r="DB32" s="83">
        <v>63</v>
      </c>
      <c r="DC32" s="83">
        <v>54</v>
      </c>
      <c r="DD32" s="83">
        <v>74</v>
      </c>
      <c r="DE32" s="83">
        <v>54</v>
      </c>
      <c r="DF32" s="85">
        <v>330</v>
      </c>
      <c r="DG32" s="86">
        <v>419</v>
      </c>
      <c r="DH32" s="71">
        <v>3</v>
      </c>
      <c r="DI32" s="72">
        <v>2</v>
      </c>
      <c r="DJ32" s="73">
        <v>5</v>
      </c>
      <c r="DK32" s="271"/>
      <c r="DL32" s="72">
        <v>1</v>
      </c>
      <c r="DM32" s="72">
        <v>3</v>
      </c>
      <c r="DN32" s="72">
        <v>1</v>
      </c>
      <c r="DO32" s="72">
        <v>3</v>
      </c>
      <c r="DP32" s="72">
        <v>2</v>
      </c>
      <c r="DQ32" s="73">
        <v>10</v>
      </c>
      <c r="DR32" s="74">
        <v>15</v>
      </c>
      <c r="DS32" s="71">
        <v>4</v>
      </c>
      <c r="DT32" s="72">
        <v>2</v>
      </c>
      <c r="DU32" s="73">
        <v>6</v>
      </c>
      <c r="DV32" s="271"/>
      <c r="DW32" s="72">
        <v>5</v>
      </c>
      <c r="DX32" s="72">
        <v>3</v>
      </c>
      <c r="DY32" s="72">
        <v>5</v>
      </c>
      <c r="DZ32" s="72">
        <v>2</v>
      </c>
      <c r="EA32" s="72">
        <v>3</v>
      </c>
      <c r="EB32" s="73">
        <v>18</v>
      </c>
      <c r="EC32" s="74">
        <v>24</v>
      </c>
      <c r="ED32" s="71">
        <v>6</v>
      </c>
      <c r="EE32" s="72">
        <v>11</v>
      </c>
      <c r="EF32" s="73">
        <v>17</v>
      </c>
      <c r="EG32" s="271"/>
      <c r="EH32" s="72">
        <v>8</v>
      </c>
      <c r="EI32" s="72">
        <v>7</v>
      </c>
      <c r="EJ32" s="72">
        <v>4</v>
      </c>
      <c r="EK32" s="72">
        <v>9</v>
      </c>
      <c r="EL32" s="72">
        <v>5</v>
      </c>
      <c r="EM32" s="73">
        <v>33</v>
      </c>
      <c r="EN32" s="74">
        <v>50</v>
      </c>
      <c r="EO32" s="71">
        <v>6</v>
      </c>
      <c r="EP32" s="72">
        <v>13</v>
      </c>
      <c r="EQ32" s="73">
        <v>19</v>
      </c>
      <c r="ER32" s="271"/>
      <c r="ES32" s="72">
        <v>25</v>
      </c>
      <c r="ET32" s="72">
        <v>12</v>
      </c>
      <c r="EU32" s="72">
        <v>9</v>
      </c>
      <c r="EV32" s="72">
        <v>16</v>
      </c>
      <c r="EW32" s="72">
        <v>10</v>
      </c>
      <c r="EX32" s="73">
        <v>72</v>
      </c>
      <c r="EY32" s="74">
        <v>91</v>
      </c>
      <c r="EZ32" s="71">
        <v>14</v>
      </c>
      <c r="FA32" s="72">
        <v>17</v>
      </c>
      <c r="FB32" s="73">
        <v>31</v>
      </c>
      <c r="FC32" s="271"/>
      <c r="FD32" s="72">
        <v>29</v>
      </c>
      <c r="FE32" s="72">
        <v>15</v>
      </c>
      <c r="FF32" s="72">
        <v>15</v>
      </c>
      <c r="FG32" s="72">
        <v>20</v>
      </c>
      <c r="FH32" s="72">
        <v>11</v>
      </c>
      <c r="FI32" s="73">
        <v>90</v>
      </c>
      <c r="FJ32" s="74">
        <v>121</v>
      </c>
      <c r="FK32" s="71">
        <v>5</v>
      </c>
      <c r="FL32" s="72">
        <v>6</v>
      </c>
      <c r="FM32" s="73">
        <v>11</v>
      </c>
      <c r="FN32" s="271"/>
      <c r="FO32" s="72">
        <v>17</v>
      </c>
      <c r="FP32" s="72">
        <v>23</v>
      </c>
      <c r="FQ32" s="72">
        <v>20</v>
      </c>
      <c r="FR32" s="72">
        <v>24</v>
      </c>
      <c r="FS32" s="72">
        <v>23</v>
      </c>
      <c r="FT32" s="73">
        <v>107</v>
      </c>
      <c r="FU32" s="74">
        <v>118</v>
      </c>
      <c r="FV32" s="71">
        <v>1</v>
      </c>
      <c r="FW32" s="72">
        <v>1</v>
      </c>
      <c r="FX32" s="73">
        <v>2</v>
      </c>
      <c r="FY32" s="271"/>
      <c r="FZ32" s="72">
        <v>1</v>
      </c>
      <c r="GA32" s="72">
        <v>1</v>
      </c>
      <c r="GB32" s="72">
        <v>1</v>
      </c>
      <c r="GC32" s="72">
        <v>0</v>
      </c>
      <c r="GD32" s="72">
        <v>0</v>
      </c>
      <c r="GE32" s="73">
        <v>3</v>
      </c>
      <c r="GF32" s="74">
        <v>5</v>
      </c>
      <c r="GG32" s="71">
        <v>39</v>
      </c>
      <c r="GH32" s="72">
        <v>52</v>
      </c>
      <c r="GI32" s="73">
        <v>91</v>
      </c>
      <c r="GJ32" s="271"/>
      <c r="GK32" s="72">
        <v>86</v>
      </c>
      <c r="GL32" s="72">
        <v>64</v>
      </c>
      <c r="GM32" s="72">
        <v>55</v>
      </c>
      <c r="GN32" s="72">
        <v>74</v>
      </c>
      <c r="GO32" s="72">
        <v>54</v>
      </c>
      <c r="GP32" s="73">
        <v>333</v>
      </c>
      <c r="GQ32" s="74">
        <v>424</v>
      </c>
      <c r="GR32" s="127">
        <v>55</v>
      </c>
      <c r="GS32" s="83">
        <v>75</v>
      </c>
      <c r="GT32" s="84">
        <v>130</v>
      </c>
      <c r="GU32" s="271"/>
      <c r="GV32" s="83">
        <v>129</v>
      </c>
      <c r="GW32" s="83">
        <v>125</v>
      </c>
      <c r="GX32" s="83">
        <v>90</v>
      </c>
      <c r="GY32" s="83">
        <v>112</v>
      </c>
      <c r="GZ32" s="83">
        <v>71</v>
      </c>
      <c r="HA32" s="85">
        <v>527</v>
      </c>
      <c r="HB32" s="86">
        <v>657</v>
      </c>
      <c r="HC32" s="71">
        <v>3</v>
      </c>
      <c r="HD32" s="72">
        <v>4</v>
      </c>
      <c r="HE32" s="73">
        <v>7</v>
      </c>
      <c r="HF32" s="271"/>
      <c r="HG32" s="72">
        <v>4</v>
      </c>
      <c r="HH32" s="72">
        <v>5</v>
      </c>
      <c r="HI32" s="72">
        <v>3</v>
      </c>
      <c r="HJ32" s="72">
        <v>3</v>
      </c>
      <c r="HK32" s="72">
        <v>3</v>
      </c>
      <c r="HL32" s="73">
        <v>18</v>
      </c>
      <c r="HM32" s="74">
        <v>25</v>
      </c>
      <c r="HN32" s="71">
        <v>7</v>
      </c>
      <c r="HO32" s="72">
        <v>6</v>
      </c>
      <c r="HP32" s="73">
        <v>13</v>
      </c>
      <c r="HQ32" s="271"/>
      <c r="HR32" s="72">
        <v>11</v>
      </c>
      <c r="HS32" s="72">
        <v>12</v>
      </c>
      <c r="HT32" s="72">
        <v>8</v>
      </c>
      <c r="HU32" s="72">
        <v>5</v>
      </c>
      <c r="HV32" s="72">
        <v>6</v>
      </c>
      <c r="HW32" s="73">
        <v>42</v>
      </c>
      <c r="HX32" s="74">
        <v>55</v>
      </c>
      <c r="HY32" s="71">
        <v>14</v>
      </c>
      <c r="HZ32" s="72">
        <v>18</v>
      </c>
      <c r="IA32" s="73">
        <v>32</v>
      </c>
      <c r="IB32" s="271"/>
      <c r="IC32" s="72">
        <v>15</v>
      </c>
      <c r="ID32" s="72">
        <v>14</v>
      </c>
      <c r="IE32" s="72">
        <v>10</v>
      </c>
      <c r="IF32" s="72">
        <v>19</v>
      </c>
      <c r="IG32" s="72">
        <v>7</v>
      </c>
      <c r="IH32" s="73">
        <v>65</v>
      </c>
      <c r="II32" s="74">
        <v>97</v>
      </c>
      <c r="IJ32" s="71">
        <v>8</v>
      </c>
      <c r="IK32" s="72">
        <v>16</v>
      </c>
      <c r="IL32" s="73">
        <v>24</v>
      </c>
      <c r="IM32" s="271"/>
      <c r="IN32" s="72">
        <v>33</v>
      </c>
      <c r="IO32" s="72">
        <v>30</v>
      </c>
      <c r="IP32" s="72">
        <v>18</v>
      </c>
      <c r="IQ32" s="72">
        <v>28</v>
      </c>
      <c r="IR32" s="72">
        <v>15</v>
      </c>
      <c r="IS32" s="73">
        <v>124</v>
      </c>
      <c r="IT32" s="74">
        <v>148</v>
      </c>
      <c r="IU32" s="71">
        <v>15</v>
      </c>
      <c r="IV32" s="72">
        <v>22</v>
      </c>
      <c r="IW32" s="73">
        <v>37</v>
      </c>
      <c r="IX32" s="271"/>
      <c r="IY32" s="72">
        <v>43</v>
      </c>
      <c r="IZ32" s="72">
        <v>30</v>
      </c>
      <c r="JA32" s="72">
        <v>25</v>
      </c>
      <c r="JB32" s="72">
        <v>28</v>
      </c>
      <c r="JC32" s="72">
        <v>15</v>
      </c>
      <c r="JD32" s="73">
        <v>141</v>
      </c>
      <c r="JE32" s="74">
        <v>178</v>
      </c>
      <c r="JF32" s="71">
        <v>8</v>
      </c>
      <c r="JG32" s="72">
        <v>9</v>
      </c>
      <c r="JH32" s="73">
        <v>17</v>
      </c>
      <c r="JI32" s="271"/>
      <c r="JJ32" s="72">
        <v>23</v>
      </c>
      <c r="JK32" s="72">
        <v>34</v>
      </c>
      <c r="JL32" s="72">
        <v>26</v>
      </c>
      <c r="JM32" s="72">
        <v>29</v>
      </c>
      <c r="JN32" s="72">
        <v>25</v>
      </c>
      <c r="JO32" s="73">
        <v>137</v>
      </c>
      <c r="JP32" s="74">
        <v>154</v>
      </c>
      <c r="JQ32" s="71">
        <v>2</v>
      </c>
      <c r="JR32" s="72">
        <v>2</v>
      </c>
      <c r="JS32" s="73">
        <v>4</v>
      </c>
      <c r="JT32" s="271"/>
      <c r="JU32" s="72">
        <v>3</v>
      </c>
      <c r="JV32" s="72">
        <v>4</v>
      </c>
      <c r="JW32" s="72">
        <v>5</v>
      </c>
      <c r="JX32" s="72">
        <v>1</v>
      </c>
      <c r="JY32" s="72">
        <v>1</v>
      </c>
      <c r="JZ32" s="73">
        <v>14</v>
      </c>
      <c r="KA32" s="74">
        <v>18</v>
      </c>
      <c r="KB32" s="71">
        <v>57</v>
      </c>
      <c r="KC32" s="72">
        <v>77</v>
      </c>
      <c r="KD32" s="73">
        <v>134</v>
      </c>
      <c r="KE32" s="271"/>
      <c r="KF32" s="72">
        <v>132</v>
      </c>
      <c r="KG32" s="72">
        <v>129</v>
      </c>
      <c r="KH32" s="72">
        <v>95</v>
      </c>
      <c r="KI32" s="72">
        <v>113</v>
      </c>
      <c r="KJ32" s="72">
        <v>72</v>
      </c>
      <c r="KK32" s="73">
        <v>541</v>
      </c>
      <c r="KL32" s="74">
        <v>675</v>
      </c>
    </row>
    <row r="33" spans="1:298" ht="19.5" customHeight="1" x14ac:dyDescent="0.2">
      <c r="A33" s="130" t="s">
        <v>30</v>
      </c>
      <c r="B33" s="353">
        <v>12</v>
      </c>
      <c r="C33" s="83">
        <v>9</v>
      </c>
      <c r="D33" s="84">
        <v>21</v>
      </c>
      <c r="E33" s="271"/>
      <c r="F33" s="83">
        <v>45</v>
      </c>
      <c r="G33" s="83">
        <v>49</v>
      </c>
      <c r="H33" s="83">
        <v>31</v>
      </c>
      <c r="I33" s="83">
        <v>29</v>
      </c>
      <c r="J33" s="83">
        <v>10</v>
      </c>
      <c r="K33" s="85">
        <v>164</v>
      </c>
      <c r="L33" s="86">
        <v>185</v>
      </c>
      <c r="M33" s="71">
        <v>3</v>
      </c>
      <c r="N33" s="72">
        <v>0</v>
      </c>
      <c r="O33" s="73">
        <v>3</v>
      </c>
      <c r="P33" s="271"/>
      <c r="Q33" s="72">
        <v>5</v>
      </c>
      <c r="R33" s="72">
        <v>4</v>
      </c>
      <c r="S33" s="72">
        <v>1</v>
      </c>
      <c r="T33" s="72">
        <v>1</v>
      </c>
      <c r="U33" s="72">
        <v>0</v>
      </c>
      <c r="V33" s="73">
        <v>11</v>
      </c>
      <c r="W33" s="74">
        <v>14</v>
      </c>
      <c r="X33" s="71">
        <v>3</v>
      </c>
      <c r="Y33" s="72">
        <v>1</v>
      </c>
      <c r="Z33" s="73">
        <v>4</v>
      </c>
      <c r="AA33" s="271"/>
      <c r="AB33" s="72">
        <v>6</v>
      </c>
      <c r="AC33" s="72">
        <v>4</v>
      </c>
      <c r="AD33" s="72">
        <v>2</v>
      </c>
      <c r="AE33" s="72">
        <v>4</v>
      </c>
      <c r="AF33" s="72">
        <v>3</v>
      </c>
      <c r="AG33" s="73">
        <v>19</v>
      </c>
      <c r="AH33" s="74">
        <v>23</v>
      </c>
      <c r="AI33" s="71">
        <v>0</v>
      </c>
      <c r="AJ33" s="72">
        <v>3</v>
      </c>
      <c r="AK33" s="73">
        <v>3</v>
      </c>
      <c r="AL33" s="271"/>
      <c r="AM33" s="72">
        <v>4</v>
      </c>
      <c r="AN33" s="72">
        <v>3</v>
      </c>
      <c r="AO33" s="72">
        <v>6</v>
      </c>
      <c r="AP33" s="72">
        <v>3</v>
      </c>
      <c r="AQ33" s="72">
        <v>1</v>
      </c>
      <c r="AR33" s="73">
        <v>17</v>
      </c>
      <c r="AS33" s="74">
        <v>20</v>
      </c>
      <c r="AT33" s="71">
        <v>2</v>
      </c>
      <c r="AU33" s="72">
        <v>2</v>
      </c>
      <c r="AV33" s="73">
        <v>4</v>
      </c>
      <c r="AW33" s="271"/>
      <c r="AX33" s="72">
        <v>11</v>
      </c>
      <c r="AY33" s="72">
        <v>13</v>
      </c>
      <c r="AZ33" s="72">
        <v>10</v>
      </c>
      <c r="BA33" s="72">
        <v>8</v>
      </c>
      <c r="BB33" s="72">
        <v>3</v>
      </c>
      <c r="BC33" s="73">
        <v>45</v>
      </c>
      <c r="BD33" s="74">
        <v>49</v>
      </c>
      <c r="BE33" s="71">
        <v>4</v>
      </c>
      <c r="BF33" s="72">
        <v>2</v>
      </c>
      <c r="BG33" s="73">
        <v>6</v>
      </c>
      <c r="BH33" s="271"/>
      <c r="BI33" s="72">
        <v>10</v>
      </c>
      <c r="BJ33" s="72">
        <v>13</v>
      </c>
      <c r="BK33" s="72">
        <v>6</v>
      </c>
      <c r="BL33" s="72">
        <v>5</v>
      </c>
      <c r="BM33" s="72">
        <v>2</v>
      </c>
      <c r="BN33" s="73">
        <v>36</v>
      </c>
      <c r="BO33" s="74">
        <v>42</v>
      </c>
      <c r="BP33" s="71">
        <v>0</v>
      </c>
      <c r="BQ33" s="72">
        <v>1</v>
      </c>
      <c r="BR33" s="73">
        <v>1</v>
      </c>
      <c r="BS33" s="271"/>
      <c r="BT33" s="72">
        <v>9</v>
      </c>
      <c r="BU33" s="72">
        <v>12</v>
      </c>
      <c r="BV33" s="72">
        <v>6</v>
      </c>
      <c r="BW33" s="72">
        <v>8</v>
      </c>
      <c r="BX33" s="72">
        <v>1</v>
      </c>
      <c r="BY33" s="73">
        <v>36</v>
      </c>
      <c r="BZ33" s="74">
        <v>37</v>
      </c>
      <c r="CA33" s="71">
        <v>0</v>
      </c>
      <c r="CB33" s="72">
        <v>0</v>
      </c>
      <c r="CC33" s="73">
        <v>0</v>
      </c>
      <c r="CD33" s="271"/>
      <c r="CE33" s="72">
        <v>1</v>
      </c>
      <c r="CF33" s="72">
        <v>0</v>
      </c>
      <c r="CG33" s="72">
        <v>2</v>
      </c>
      <c r="CH33" s="72">
        <v>2</v>
      </c>
      <c r="CI33" s="72">
        <v>1</v>
      </c>
      <c r="CJ33" s="73">
        <v>6</v>
      </c>
      <c r="CK33" s="74">
        <v>6</v>
      </c>
      <c r="CL33" s="71">
        <v>12</v>
      </c>
      <c r="CM33" s="72">
        <v>9</v>
      </c>
      <c r="CN33" s="73">
        <v>21</v>
      </c>
      <c r="CO33" s="271"/>
      <c r="CP33" s="72">
        <v>46</v>
      </c>
      <c r="CQ33" s="72">
        <v>49</v>
      </c>
      <c r="CR33" s="72">
        <v>33</v>
      </c>
      <c r="CS33" s="72">
        <v>31</v>
      </c>
      <c r="CT33" s="72">
        <v>11</v>
      </c>
      <c r="CU33" s="73">
        <v>170</v>
      </c>
      <c r="CV33" s="74">
        <v>191</v>
      </c>
      <c r="CW33" s="127">
        <v>38</v>
      </c>
      <c r="CX33" s="83">
        <v>40</v>
      </c>
      <c r="CY33" s="84">
        <v>78</v>
      </c>
      <c r="CZ33" s="271"/>
      <c r="DA33" s="83">
        <v>87</v>
      </c>
      <c r="DB33" s="83">
        <v>72</v>
      </c>
      <c r="DC33" s="83">
        <v>80</v>
      </c>
      <c r="DD33" s="83">
        <v>65</v>
      </c>
      <c r="DE33" s="83">
        <v>43</v>
      </c>
      <c r="DF33" s="85">
        <v>347</v>
      </c>
      <c r="DG33" s="86">
        <v>425</v>
      </c>
      <c r="DH33" s="71">
        <v>0</v>
      </c>
      <c r="DI33" s="72">
        <v>0</v>
      </c>
      <c r="DJ33" s="73">
        <v>0</v>
      </c>
      <c r="DK33" s="271"/>
      <c r="DL33" s="72">
        <v>2</v>
      </c>
      <c r="DM33" s="72">
        <v>0</v>
      </c>
      <c r="DN33" s="72">
        <v>1</v>
      </c>
      <c r="DO33" s="72">
        <v>1</v>
      </c>
      <c r="DP33" s="72">
        <v>2</v>
      </c>
      <c r="DQ33" s="73">
        <v>6</v>
      </c>
      <c r="DR33" s="74">
        <v>6</v>
      </c>
      <c r="DS33" s="71">
        <v>5</v>
      </c>
      <c r="DT33" s="72">
        <v>3</v>
      </c>
      <c r="DU33" s="73">
        <v>8</v>
      </c>
      <c r="DV33" s="271"/>
      <c r="DW33" s="72">
        <v>3</v>
      </c>
      <c r="DX33" s="72">
        <v>5</v>
      </c>
      <c r="DY33" s="72">
        <v>4</v>
      </c>
      <c r="DZ33" s="72">
        <v>1</v>
      </c>
      <c r="EA33" s="72">
        <v>4</v>
      </c>
      <c r="EB33" s="73">
        <v>17</v>
      </c>
      <c r="EC33" s="74">
        <v>25</v>
      </c>
      <c r="ED33" s="71">
        <v>8</v>
      </c>
      <c r="EE33" s="72">
        <v>4</v>
      </c>
      <c r="EF33" s="73">
        <v>12</v>
      </c>
      <c r="EG33" s="271"/>
      <c r="EH33" s="72">
        <v>11</v>
      </c>
      <c r="EI33" s="72">
        <v>5</v>
      </c>
      <c r="EJ33" s="72">
        <v>11</v>
      </c>
      <c r="EK33" s="72">
        <v>5</v>
      </c>
      <c r="EL33" s="72">
        <v>3</v>
      </c>
      <c r="EM33" s="73">
        <v>35</v>
      </c>
      <c r="EN33" s="74">
        <v>47</v>
      </c>
      <c r="EO33" s="71">
        <v>9</v>
      </c>
      <c r="EP33" s="72">
        <v>14</v>
      </c>
      <c r="EQ33" s="73">
        <v>23</v>
      </c>
      <c r="ER33" s="271"/>
      <c r="ES33" s="72">
        <v>30</v>
      </c>
      <c r="ET33" s="72">
        <v>14</v>
      </c>
      <c r="EU33" s="72">
        <v>12</v>
      </c>
      <c r="EV33" s="72">
        <v>7</v>
      </c>
      <c r="EW33" s="72">
        <v>14</v>
      </c>
      <c r="EX33" s="73">
        <v>77</v>
      </c>
      <c r="EY33" s="74">
        <v>100</v>
      </c>
      <c r="EZ33" s="71">
        <v>11</v>
      </c>
      <c r="FA33" s="72">
        <v>8</v>
      </c>
      <c r="FB33" s="73">
        <v>19</v>
      </c>
      <c r="FC33" s="271"/>
      <c r="FD33" s="72">
        <v>16</v>
      </c>
      <c r="FE33" s="72">
        <v>23</v>
      </c>
      <c r="FF33" s="72">
        <v>19</v>
      </c>
      <c r="FG33" s="72">
        <v>22</v>
      </c>
      <c r="FH33" s="72">
        <v>7</v>
      </c>
      <c r="FI33" s="73">
        <v>87</v>
      </c>
      <c r="FJ33" s="74">
        <v>106</v>
      </c>
      <c r="FK33" s="71">
        <v>5</v>
      </c>
      <c r="FL33" s="72">
        <v>11</v>
      </c>
      <c r="FM33" s="73">
        <v>16</v>
      </c>
      <c r="FN33" s="271"/>
      <c r="FO33" s="72">
        <v>25</v>
      </c>
      <c r="FP33" s="72">
        <v>25</v>
      </c>
      <c r="FQ33" s="72">
        <v>33</v>
      </c>
      <c r="FR33" s="72">
        <v>29</v>
      </c>
      <c r="FS33" s="72">
        <v>13</v>
      </c>
      <c r="FT33" s="73">
        <v>125</v>
      </c>
      <c r="FU33" s="74">
        <v>141</v>
      </c>
      <c r="FV33" s="71">
        <v>0</v>
      </c>
      <c r="FW33" s="72">
        <v>0</v>
      </c>
      <c r="FX33" s="73">
        <v>0</v>
      </c>
      <c r="FY33" s="271"/>
      <c r="FZ33" s="72">
        <v>0</v>
      </c>
      <c r="GA33" s="72">
        <v>0</v>
      </c>
      <c r="GB33" s="72">
        <v>1</v>
      </c>
      <c r="GC33" s="72">
        <v>1</v>
      </c>
      <c r="GD33" s="72">
        <v>1</v>
      </c>
      <c r="GE33" s="73">
        <v>3</v>
      </c>
      <c r="GF33" s="74">
        <v>3</v>
      </c>
      <c r="GG33" s="71">
        <v>38</v>
      </c>
      <c r="GH33" s="72">
        <v>40</v>
      </c>
      <c r="GI33" s="73">
        <v>78</v>
      </c>
      <c r="GJ33" s="271"/>
      <c r="GK33" s="72">
        <v>87</v>
      </c>
      <c r="GL33" s="72">
        <v>72</v>
      </c>
      <c r="GM33" s="72">
        <v>81</v>
      </c>
      <c r="GN33" s="72">
        <v>66</v>
      </c>
      <c r="GO33" s="72">
        <v>44</v>
      </c>
      <c r="GP33" s="73">
        <v>350</v>
      </c>
      <c r="GQ33" s="74">
        <v>428</v>
      </c>
      <c r="GR33" s="127">
        <v>50</v>
      </c>
      <c r="GS33" s="83">
        <v>49</v>
      </c>
      <c r="GT33" s="84">
        <v>99</v>
      </c>
      <c r="GU33" s="271"/>
      <c r="GV33" s="83">
        <v>132</v>
      </c>
      <c r="GW33" s="83">
        <v>121</v>
      </c>
      <c r="GX33" s="83">
        <v>111</v>
      </c>
      <c r="GY33" s="83">
        <v>94</v>
      </c>
      <c r="GZ33" s="83">
        <v>53</v>
      </c>
      <c r="HA33" s="85">
        <v>511</v>
      </c>
      <c r="HB33" s="86">
        <v>610</v>
      </c>
      <c r="HC33" s="71">
        <v>3</v>
      </c>
      <c r="HD33" s="72">
        <v>0</v>
      </c>
      <c r="HE33" s="73">
        <v>3</v>
      </c>
      <c r="HF33" s="271"/>
      <c r="HG33" s="72">
        <v>7</v>
      </c>
      <c r="HH33" s="72">
        <v>4</v>
      </c>
      <c r="HI33" s="72">
        <v>2</v>
      </c>
      <c r="HJ33" s="72">
        <v>2</v>
      </c>
      <c r="HK33" s="72">
        <v>2</v>
      </c>
      <c r="HL33" s="73">
        <v>17</v>
      </c>
      <c r="HM33" s="74">
        <v>20</v>
      </c>
      <c r="HN33" s="71">
        <v>8</v>
      </c>
      <c r="HO33" s="72">
        <v>4</v>
      </c>
      <c r="HP33" s="73">
        <v>12</v>
      </c>
      <c r="HQ33" s="271"/>
      <c r="HR33" s="72">
        <v>9</v>
      </c>
      <c r="HS33" s="72">
        <v>9</v>
      </c>
      <c r="HT33" s="72">
        <v>6</v>
      </c>
      <c r="HU33" s="72">
        <v>5</v>
      </c>
      <c r="HV33" s="72">
        <v>7</v>
      </c>
      <c r="HW33" s="73">
        <v>36</v>
      </c>
      <c r="HX33" s="74">
        <v>48</v>
      </c>
      <c r="HY33" s="71">
        <v>8</v>
      </c>
      <c r="HZ33" s="72">
        <v>7</v>
      </c>
      <c r="IA33" s="73">
        <v>15</v>
      </c>
      <c r="IB33" s="271"/>
      <c r="IC33" s="72">
        <v>15</v>
      </c>
      <c r="ID33" s="72">
        <v>8</v>
      </c>
      <c r="IE33" s="72">
        <v>17</v>
      </c>
      <c r="IF33" s="72">
        <v>8</v>
      </c>
      <c r="IG33" s="72">
        <v>4</v>
      </c>
      <c r="IH33" s="73">
        <v>52</v>
      </c>
      <c r="II33" s="74">
        <v>67</v>
      </c>
      <c r="IJ33" s="71">
        <v>11</v>
      </c>
      <c r="IK33" s="72">
        <v>16</v>
      </c>
      <c r="IL33" s="73">
        <v>27</v>
      </c>
      <c r="IM33" s="271"/>
      <c r="IN33" s="72">
        <v>41</v>
      </c>
      <c r="IO33" s="72">
        <v>27</v>
      </c>
      <c r="IP33" s="72">
        <v>22</v>
      </c>
      <c r="IQ33" s="72">
        <v>15</v>
      </c>
      <c r="IR33" s="72">
        <v>17</v>
      </c>
      <c r="IS33" s="73">
        <v>122</v>
      </c>
      <c r="IT33" s="74">
        <v>149</v>
      </c>
      <c r="IU33" s="71">
        <v>15</v>
      </c>
      <c r="IV33" s="72">
        <v>10</v>
      </c>
      <c r="IW33" s="73">
        <v>25</v>
      </c>
      <c r="IX33" s="271"/>
      <c r="IY33" s="72">
        <v>26</v>
      </c>
      <c r="IZ33" s="72">
        <v>36</v>
      </c>
      <c r="JA33" s="72">
        <v>25</v>
      </c>
      <c r="JB33" s="72">
        <v>27</v>
      </c>
      <c r="JC33" s="72">
        <v>9</v>
      </c>
      <c r="JD33" s="73">
        <v>123</v>
      </c>
      <c r="JE33" s="74">
        <v>148</v>
      </c>
      <c r="JF33" s="71">
        <v>5</v>
      </c>
      <c r="JG33" s="72">
        <v>12</v>
      </c>
      <c r="JH33" s="73">
        <v>17</v>
      </c>
      <c r="JI33" s="271"/>
      <c r="JJ33" s="72">
        <v>34</v>
      </c>
      <c r="JK33" s="72">
        <v>37</v>
      </c>
      <c r="JL33" s="72">
        <v>39</v>
      </c>
      <c r="JM33" s="72">
        <v>37</v>
      </c>
      <c r="JN33" s="72">
        <v>14</v>
      </c>
      <c r="JO33" s="73">
        <v>161</v>
      </c>
      <c r="JP33" s="74">
        <v>178</v>
      </c>
      <c r="JQ33" s="71">
        <v>0</v>
      </c>
      <c r="JR33" s="72">
        <v>0</v>
      </c>
      <c r="JS33" s="73">
        <v>0</v>
      </c>
      <c r="JT33" s="271"/>
      <c r="JU33" s="72">
        <v>1</v>
      </c>
      <c r="JV33" s="72">
        <v>0</v>
      </c>
      <c r="JW33" s="72">
        <v>3</v>
      </c>
      <c r="JX33" s="72">
        <v>3</v>
      </c>
      <c r="JY33" s="72">
        <v>2</v>
      </c>
      <c r="JZ33" s="73">
        <v>9</v>
      </c>
      <c r="KA33" s="74">
        <v>9</v>
      </c>
      <c r="KB33" s="71">
        <v>50</v>
      </c>
      <c r="KC33" s="72">
        <v>49</v>
      </c>
      <c r="KD33" s="73">
        <v>99</v>
      </c>
      <c r="KE33" s="271"/>
      <c r="KF33" s="72">
        <v>133</v>
      </c>
      <c r="KG33" s="72">
        <v>121</v>
      </c>
      <c r="KH33" s="72">
        <v>114</v>
      </c>
      <c r="KI33" s="72">
        <v>97</v>
      </c>
      <c r="KJ33" s="72">
        <v>55</v>
      </c>
      <c r="KK33" s="73">
        <v>520</v>
      </c>
      <c r="KL33" s="74">
        <v>619</v>
      </c>
    </row>
    <row r="34" spans="1:298" ht="19.5" customHeight="1" x14ac:dyDescent="0.2">
      <c r="A34" s="130" t="s">
        <v>31</v>
      </c>
      <c r="B34" s="353">
        <v>17</v>
      </c>
      <c r="C34" s="83">
        <v>37</v>
      </c>
      <c r="D34" s="84">
        <v>54</v>
      </c>
      <c r="E34" s="271"/>
      <c r="F34" s="83">
        <v>57</v>
      </c>
      <c r="G34" s="83">
        <v>62</v>
      </c>
      <c r="H34" s="83">
        <v>36</v>
      </c>
      <c r="I34" s="83">
        <v>20</v>
      </c>
      <c r="J34" s="83">
        <v>13</v>
      </c>
      <c r="K34" s="85">
        <v>188</v>
      </c>
      <c r="L34" s="86">
        <v>242</v>
      </c>
      <c r="M34" s="71">
        <v>1</v>
      </c>
      <c r="N34" s="72">
        <v>1</v>
      </c>
      <c r="O34" s="73">
        <v>2</v>
      </c>
      <c r="P34" s="271"/>
      <c r="Q34" s="72">
        <v>3</v>
      </c>
      <c r="R34" s="72">
        <v>2</v>
      </c>
      <c r="S34" s="72">
        <v>4</v>
      </c>
      <c r="T34" s="72">
        <v>1</v>
      </c>
      <c r="U34" s="72">
        <v>1</v>
      </c>
      <c r="V34" s="73">
        <v>11</v>
      </c>
      <c r="W34" s="74">
        <v>13</v>
      </c>
      <c r="X34" s="71">
        <v>2</v>
      </c>
      <c r="Y34" s="72">
        <v>5</v>
      </c>
      <c r="Z34" s="73">
        <v>7</v>
      </c>
      <c r="AA34" s="271"/>
      <c r="AB34" s="72">
        <v>8</v>
      </c>
      <c r="AC34" s="72">
        <v>7</v>
      </c>
      <c r="AD34" s="72">
        <v>6</v>
      </c>
      <c r="AE34" s="72">
        <v>4</v>
      </c>
      <c r="AF34" s="72">
        <v>3</v>
      </c>
      <c r="AG34" s="73">
        <v>28</v>
      </c>
      <c r="AH34" s="74">
        <v>35</v>
      </c>
      <c r="AI34" s="71">
        <v>2</v>
      </c>
      <c r="AJ34" s="72">
        <v>2</v>
      </c>
      <c r="AK34" s="73">
        <v>4</v>
      </c>
      <c r="AL34" s="271"/>
      <c r="AM34" s="72">
        <v>8</v>
      </c>
      <c r="AN34" s="72">
        <v>9</v>
      </c>
      <c r="AO34" s="72">
        <v>3</v>
      </c>
      <c r="AP34" s="72">
        <v>3</v>
      </c>
      <c r="AQ34" s="72">
        <v>3</v>
      </c>
      <c r="AR34" s="73">
        <v>26</v>
      </c>
      <c r="AS34" s="74">
        <v>30</v>
      </c>
      <c r="AT34" s="71">
        <v>2</v>
      </c>
      <c r="AU34" s="72">
        <v>8</v>
      </c>
      <c r="AV34" s="73">
        <v>10</v>
      </c>
      <c r="AW34" s="271"/>
      <c r="AX34" s="72">
        <v>15</v>
      </c>
      <c r="AY34" s="72">
        <v>16</v>
      </c>
      <c r="AZ34" s="72">
        <v>4</v>
      </c>
      <c r="BA34" s="72">
        <v>2</v>
      </c>
      <c r="BB34" s="72">
        <v>3</v>
      </c>
      <c r="BC34" s="73">
        <v>40</v>
      </c>
      <c r="BD34" s="74">
        <v>50</v>
      </c>
      <c r="BE34" s="71">
        <v>6</v>
      </c>
      <c r="BF34" s="72">
        <v>13</v>
      </c>
      <c r="BG34" s="73">
        <v>19</v>
      </c>
      <c r="BH34" s="271"/>
      <c r="BI34" s="72">
        <v>12</v>
      </c>
      <c r="BJ34" s="72">
        <v>13</v>
      </c>
      <c r="BK34" s="72">
        <v>9</v>
      </c>
      <c r="BL34" s="72">
        <v>5</v>
      </c>
      <c r="BM34" s="72">
        <v>2</v>
      </c>
      <c r="BN34" s="73">
        <v>41</v>
      </c>
      <c r="BO34" s="74">
        <v>60</v>
      </c>
      <c r="BP34" s="71">
        <v>4</v>
      </c>
      <c r="BQ34" s="72">
        <v>8</v>
      </c>
      <c r="BR34" s="73">
        <v>12</v>
      </c>
      <c r="BS34" s="271"/>
      <c r="BT34" s="72">
        <v>11</v>
      </c>
      <c r="BU34" s="72">
        <v>15</v>
      </c>
      <c r="BV34" s="72">
        <v>10</v>
      </c>
      <c r="BW34" s="72">
        <v>5</v>
      </c>
      <c r="BX34" s="72">
        <v>1</v>
      </c>
      <c r="BY34" s="73">
        <v>42</v>
      </c>
      <c r="BZ34" s="74">
        <v>54</v>
      </c>
      <c r="CA34" s="71">
        <v>0</v>
      </c>
      <c r="CB34" s="72">
        <v>1</v>
      </c>
      <c r="CC34" s="73">
        <v>1</v>
      </c>
      <c r="CD34" s="271"/>
      <c r="CE34" s="72">
        <v>2</v>
      </c>
      <c r="CF34" s="72">
        <v>2</v>
      </c>
      <c r="CG34" s="72">
        <v>1</v>
      </c>
      <c r="CH34" s="72">
        <v>2</v>
      </c>
      <c r="CI34" s="72">
        <v>0</v>
      </c>
      <c r="CJ34" s="73">
        <v>7</v>
      </c>
      <c r="CK34" s="74">
        <v>8</v>
      </c>
      <c r="CL34" s="71">
        <v>17</v>
      </c>
      <c r="CM34" s="72">
        <v>38</v>
      </c>
      <c r="CN34" s="73">
        <v>55</v>
      </c>
      <c r="CO34" s="271"/>
      <c r="CP34" s="72">
        <v>59</v>
      </c>
      <c r="CQ34" s="72">
        <v>64</v>
      </c>
      <c r="CR34" s="72">
        <v>37</v>
      </c>
      <c r="CS34" s="72">
        <v>22</v>
      </c>
      <c r="CT34" s="72">
        <v>13</v>
      </c>
      <c r="CU34" s="73">
        <v>195</v>
      </c>
      <c r="CV34" s="74">
        <v>250</v>
      </c>
      <c r="CW34" s="127">
        <v>59</v>
      </c>
      <c r="CX34" s="83">
        <v>79</v>
      </c>
      <c r="CY34" s="84">
        <v>138</v>
      </c>
      <c r="CZ34" s="271"/>
      <c r="DA34" s="83">
        <v>92</v>
      </c>
      <c r="DB34" s="83">
        <v>94</v>
      </c>
      <c r="DC34" s="83">
        <v>81</v>
      </c>
      <c r="DD34" s="83">
        <v>52</v>
      </c>
      <c r="DE34" s="83">
        <v>44</v>
      </c>
      <c r="DF34" s="85">
        <v>363</v>
      </c>
      <c r="DG34" s="86">
        <v>501</v>
      </c>
      <c r="DH34" s="71">
        <v>0</v>
      </c>
      <c r="DI34" s="72">
        <v>3</v>
      </c>
      <c r="DJ34" s="73">
        <v>3</v>
      </c>
      <c r="DK34" s="271"/>
      <c r="DL34" s="72">
        <v>0</v>
      </c>
      <c r="DM34" s="72">
        <v>0</v>
      </c>
      <c r="DN34" s="72">
        <v>3</v>
      </c>
      <c r="DO34" s="72">
        <v>2</v>
      </c>
      <c r="DP34" s="72">
        <v>1</v>
      </c>
      <c r="DQ34" s="73">
        <v>6</v>
      </c>
      <c r="DR34" s="74">
        <v>9</v>
      </c>
      <c r="DS34" s="71">
        <v>2</v>
      </c>
      <c r="DT34" s="72">
        <v>4</v>
      </c>
      <c r="DU34" s="73">
        <v>6</v>
      </c>
      <c r="DV34" s="271"/>
      <c r="DW34" s="72">
        <v>9</v>
      </c>
      <c r="DX34" s="72">
        <v>7</v>
      </c>
      <c r="DY34" s="72">
        <v>6</v>
      </c>
      <c r="DZ34" s="72">
        <v>2</v>
      </c>
      <c r="EA34" s="72">
        <v>3</v>
      </c>
      <c r="EB34" s="73">
        <v>27</v>
      </c>
      <c r="EC34" s="74">
        <v>33</v>
      </c>
      <c r="ED34" s="71">
        <v>7</v>
      </c>
      <c r="EE34" s="72">
        <v>9</v>
      </c>
      <c r="EF34" s="73">
        <v>16</v>
      </c>
      <c r="EG34" s="271"/>
      <c r="EH34" s="72">
        <v>8</v>
      </c>
      <c r="EI34" s="72">
        <v>5</v>
      </c>
      <c r="EJ34" s="72">
        <v>3</v>
      </c>
      <c r="EK34" s="72">
        <v>4</v>
      </c>
      <c r="EL34" s="72">
        <v>4</v>
      </c>
      <c r="EM34" s="73">
        <v>24</v>
      </c>
      <c r="EN34" s="74">
        <v>40</v>
      </c>
      <c r="EO34" s="71">
        <v>20</v>
      </c>
      <c r="EP34" s="72">
        <v>17</v>
      </c>
      <c r="EQ34" s="73">
        <v>37</v>
      </c>
      <c r="ER34" s="271"/>
      <c r="ES34" s="72">
        <v>21</v>
      </c>
      <c r="ET34" s="72">
        <v>16</v>
      </c>
      <c r="EU34" s="72">
        <v>12</v>
      </c>
      <c r="EV34" s="72">
        <v>6</v>
      </c>
      <c r="EW34" s="72">
        <v>2</v>
      </c>
      <c r="EX34" s="73">
        <v>57</v>
      </c>
      <c r="EY34" s="74">
        <v>94</v>
      </c>
      <c r="EZ34" s="71">
        <v>23</v>
      </c>
      <c r="FA34" s="72">
        <v>22</v>
      </c>
      <c r="FB34" s="73">
        <v>45</v>
      </c>
      <c r="FC34" s="271"/>
      <c r="FD34" s="72">
        <v>22</v>
      </c>
      <c r="FE34" s="72">
        <v>30</v>
      </c>
      <c r="FF34" s="72">
        <v>26</v>
      </c>
      <c r="FG34" s="72">
        <v>9</v>
      </c>
      <c r="FH34" s="72">
        <v>13</v>
      </c>
      <c r="FI34" s="73">
        <v>100</v>
      </c>
      <c r="FJ34" s="74">
        <v>145</v>
      </c>
      <c r="FK34" s="71">
        <v>7</v>
      </c>
      <c r="FL34" s="72">
        <v>24</v>
      </c>
      <c r="FM34" s="73">
        <v>31</v>
      </c>
      <c r="FN34" s="271"/>
      <c r="FO34" s="72">
        <v>32</v>
      </c>
      <c r="FP34" s="72">
        <v>36</v>
      </c>
      <c r="FQ34" s="72">
        <v>31</v>
      </c>
      <c r="FR34" s="72">
        <v>29</v>
      </c>
      <c r="FS34" s="72">
        <v>21</v>
      </c>
      <c r="FT34" s="73">
        <v>149</v>
      </c>
      <c r="FU34" s="74">
        <v>180</v>
      </c>
      <c r="FV34" s="71">
        <v>0</v>
      </c>
      <c r="FW34" s="72">
        <v>0</v>
      </c>
      <c r="FX34" s="73">
        <v>0</v>
      </c>
      <c r="FY34" s="271"/>
      <c r="FZ34" s="72">
        <v>2</v>
      </c>
      <c r="GA34" s="72">
        <v>0</v>
      </c>
      <c r="GB34" s="72">
        <v>2</v>
      </c>
      <c r="GC34" s="72">
        <v>0</v>
      </c>
      <c r="GD34" s="72">
        <v>1</v>
      </c>
      <c r="GE34" s="73">
        <v>5</v>
      </c>
      <c r="GF34" s="74">
        <v>5</v>
      </c>
      <c r="GG34" s="71">
        <v>59</v>
      </c>
      <c r="GH34" s="72">
        <v>79</v>
      </c>
      <c r="GI34" s="73">
        <v>138</v>
      </c>
      <c r="GJ34" s="271"/>
      <c r="GK34" s="72">
        <v>94</v>
      </c>
      <c r="GL34" s="72">
        <v>94</v>
      </c>
      <c r="GM34" s="72">
        <v>83</v>
      </c>
      <c r="GN34" s="72">
        <v>52</v>
      </c>
      <c r="GO34" s="72">
        <v>45</v>
      </c>
      <c r="GP34" s="73">
        <v>368</v>
      </c>
      <c r="GQ34" s="74">
        <v>506</v>
      </c>
      <c r="GR34" s="127">
        <v>76</v>
      </c>
      <c r="GS34" s="83">
        <v>116</v>
      </c>
      <c r="GT34" s="84">
        <v>192</v>
      </c>
      <c r="GU34" s="271"/>
      <c r="GV34" s="83">
        <v>149</v>
      </c>
      <c r="GW34" s="83">
        <v>156</v>
      </c>
      <c r="GX34" s="83">
        <v>117</v>
      </c>
      <c r="GY34" s="83">
        <v>72</v>
      </c>
      <c r="GZ34" s="83">
        <v>57</v>
      </c>
      <c r="HA34" s="85">
        <v>551</v>
      </c>
      <c r="HB34" s="86">
        <v>743</v>
      </c>
      <c r="HC34" s="71">
        <v>1</v>
      </c>
      <c r="HD34" s="72">
        <v>4</v>
      </c>
      <c r="HE34" s="73">
        <v>5</v>
      </c>
      <c r="HF34" s="271"/>
      <c r="HG34" s="72">
        <v>3</v>
      </c>
      <c r="HH34" s="72">
        <v>2</v>
      </c>
      <c r="HI34" s="72">
        <v>7</v>
      </c>
      <c r="HJ34" s="72">
        <v>3</v>
      </c>
      <c r="HK34" s="72">
        <v>2</v>
      </c>
      <c r="HL34" s="73">
        <v>17</v>
      </c>
      <c r="HM34" s="74">
        <v>22</v>
      </c>
      <c r="HN34" s="71">
        <v>4</v>
      </c>
      <c r="HO34" s="72">
        <v>9</v>
      </c>
      <c r="HP34" s="73">
        <v>13</v>
      </c>
      <c r="HQ34" s="271"/>
      <c r="HR34" s="72">
        <v>17</v>
      </c>
      <c r="HS34" s="72">
        <v>14</v>
      </c>
      <c r="HT34" s="72">
        <v>12</v>
      </c>
      <c r="HU34" s="72">
        <v>6</v>
      </c>
      <c r="HV34" s="72">
        <v>6</v>
      </c>
      <c r="HW34" s="73">
        <v>55</v>
      </c>
      <c r="HX34" s="74">
        <v>68</v>
      </c>
      <c r="HY34" s="71">
        <v>9</v>
      </c>
      <c r="HZ34" s="72">
        <v>11</v>
      </c>
      <c r="IA34" s="73">
        <v>20</v>
      </c>
      <c r="IB34" s="271"/>
      <c r="IC34" s="72">
        <v>16</v>
      </c>
      <c r="ID34" s="72">
        <v>14</v>
      </c>
      <c r="IE34" s="72">
        <v>6</v>
      </c>
      <c r="IF34" s="72">
        <v>7</v>
      </c>
      <c r="IG34" s="72">
        <v>7</v>
      </c>
      <c r="IH34" s="73">
        <v>50</v>
      </c>
      <c r="II34" s="74">
        <v>70</v>
      </c>
      <c r="IJ34" s="71">
        <v>22</v>
      </c>
      <c r="IK34" s="72">
        <v>25</v>
      </c>
      <c r="IL34" s="73">
        <v>47</v>
      </c>
      <c r="IM34" s="271"/>
      <c r="IN34" s="72">
        <v>36</v>
      </c>
      <c r="IO34" s="72">
        <v>32</v>
      </c>
      <c r="IP34" s="72">
        <v>16</v>
      </c>
      <c r="IQ34" s="72">
        <v>8</v>
      </c>
      <c r="IR34" s="72">
        <v>5</v>
      </c>
      <c r="IS34" s="73">
        <v>97</v>
      </c>
      <c r="IT34" s="74">
        <v>144</v>
      </c>
      <c r="IU34" s="71">
        <v>29</v>
      </c>
      <c r="IV34" s="72">
        <v>35</v>
      </c>
      <c r="IW34" s="73">
        <v>64</v>
      </c>
      <c r="IX34" s="271"/>
      <c r="IY34" s="72">
        <v>34</v>
      </c>
      <c r="IZ34" s="72">
        <v>43</v>
      </c>
      <c r="JA34" s="72">
        <v>35</v>
      </c>
      <c r="JB34" s="72">
        <v>14</v>
      </c>
      <c r="JC34" s="72">
        <v>15</v>
      </c>
      <c r="JD34" s="73">
        <v>141</v>
      </c>
      <c r="JE34" s="74">
        <v>205</v>
      </c>
      <c r="JF34" s="71">
        <v>11</v>
      </c>
      <c r="JG34" s="72">
        <v>32</v>
      </c>
      <c r="JH34" s="73">
        <v>43</v>
      </c>
      <c r="JI34" s="271"/>
      <c r="JJ34" s="72">
        <v>43</v>
      </c>
      <c r="JK34" s="72">
        <v>51</v>
      </c>
      <c r="JL34" s="72">
        <v>41</v>
      </c>
      <c r="JM34" s="72">
        <v>34</v>
      </c>
      <c r="JN34" s="72">
        <v>22</v>
      </c>
      <c r="JO34" s="73">
        <v>191</v>
      </c>
      <c r="JP34" s="74">
        <v>234</v>
      </c>
      <c r="JQ34" s="71">
        <v>0</v>
      </c>
      <c r="JR34" s="72">
        <v>1</v>
      </c>
      <c r="JS34" s="73">
        <v>1</v>
      </c>
      <c r="JT34" s="271"/>
      <c r="JU34" s="72">
        <v>4</v>
      </c>
      <c r="JV34" s="72">
        <v>2</v>
      </c>
      <c r="JW34" s="72">
        <v>3</v>
      </c>
      <c r="JX34" s="72">
        <v>2</v>
      </c>
      <c r="JY34" s="72">
        <v>1</v>
      </c>
      <c r="JZ34" s="73">
        <v>12</v>
      </c>
      <c r="KA34" s="74">
        <v>13</v>
      </c>
      <c r="KB34" s="71">
        <v>76</v>
      </c>
      <c r="KC34" s="72">
        <v>117</v>
      </c>
      <c r="KD34" s="73">
        <v>193</v>
      </c>
      <c r="KE34" s="271"/>
      <c r="KF34" s="72">
        <v>153</v>
      </c>
      <c r="KG34" s="72">
        <v>158</v>
      </c>
      <c r="KH34" s="72">
        <v>120</v>
      </c>
      <c r="KI34" s="72">
        <v>74</v>
      </c>
      <c r="KJ34" s="72">
        <v>58</v>
      </c>
      <c r="KK34" s="73">
        <v>563</v>
      </c>
      <c r="KL34" s="74">
        <v>756</v>
      </c>
    </row>
    <row r="35" spans="1:298" ht="19.5" customHeight="1" x14ac:dyDescent="0.2">
      <c r="A35" s="130" t="s">
        <v>32</v>
      </c>
      <c r="B35" s="353">
        <v>26</v>
      </c>
      <c r="C35" s="83">
        <v>23</v>
      </c>
      <c r="D35" s="84">
        <v>49</v>
      </c>
      <c r="E35" s="271"/>
      <c r="F35" s="83">
        <v>65</v>
      </c>
      <c r="G35" s="83">
        <v>55</v>
      </c>
      <c r="H35" s="83">
        <v>37</v>
      </c>
      <c r="I35" s="83">
        <v>21</v>
      </c>
      <c r="J35" s="83">
        <v>15</v>
      </c>
      <c r="K35" s="85">
        <v>193</v>
      </c>
      <c r="L35" s="86">
        <v>242</v>
      </c>
      <c r="M35" s="71">
        <v>1</v>
      </c>
      <c r="N35" s="72">
        <v>4</v>
      </c>
      <c r="O35" s="73">
        <v>5</v>
      </c>
      <c r="P35" s="271"/>
      <c r="Q35" s="72">
        <v>4</v>
      </c>
      <c r="R35" s="72">
        <v>0</v>
      </c>
      <c r="S35" s="72">
        <v>2</v>
      </c>
      <c r="T35" s="72">
        <v>3</v>
      </c>
      <c r="U35" s="72">
        <v>1</v>
      </c>
      <c r="V35" s="73">
        <v>10</v>
      </c>
      <c r="W35" s="74">
        <v>15</v>
      </c>
      <c r="X35" s="71">
        <v>6</v>
      </c>
      <c r="Y35" s="72">
        <v>2</v>
      </c>
      <c r="Z35" s="73">
        <v>8</v>
      </c>
      <c r="AA35" s="271"/>
      <c r="AB35" s="72">
        <v>10</v>
      </c>
      <c r="AC35" s="72">
        <v>7</v>
      </c>
      <c r="AD35" s="72">
        <v>4</v>
      </c>
      <c r="AE35" s="72">
        <v>3</v>
      </c>
      <c r="AF35" s="72">
        <v>1</v>
      </c>
      <c r="AG35" s="73">
        <v>25</v>
      </c>
      <c r="AH35" s="74">
        <v>33</v>
      </c>
      <c r="AI35" s="71">
        <v>5</v>
      </c>
      <c r="AJ35" s="72">
        <v>1</v>
      </c>
      <c r="AK35" s="73">
        <v>6</v>
      </c>
      <c r="AL35" s="271"/>
      <c r="AM35" s="72">
        <v>13</v>
      </c>
      <c r="AN35" s="72">
        <v>9</v>
      </c>
      <c r="AO35" s="72">
        <v>5</v>
      </c>
      <c r="AP35" s="72">
        <v>2</v>
      </c>
      <c r="AQ35" s="72">
        <v>4</v>
      </c>
      <c r="AR35" s="73">
        <v>33</v>
      </c>
      <c r="AS35" s="74">
        <v>39</v>
      </c>
      <c r="AT35" s="71">
        <v>6</v>
      </c>
      <c r="AU35" s="72">
        <v>6</v>
      </c>
      <c r="AV35" s="73">
        <v>12</v>
      </c>
      <c r="AW35" s="271"/>
      <c r="AX35" s="72">
        <v>11</v>
      </c>
      <c r="AY35" s="72">
        <v>14</v>
      </c>
      <c r="AZ35" s="72">
        <v>9</v>
      </c>
      <c r="BA35" s="72">
        <v>6</v>
      </c>
      <c r="BB35" s="72">
        <v>5</v>
      </c>
      <c r="BC35" s="73">
        <v>45</v>
      </c>
      <c r="BD35" s="74">
        <v>57</v>
      </c>
      <c r="BE35" s="71">
        <v>6</v>
      </c>
      <c r="BF35" s="72">
        <v>7</v>
      </c>
      <c r="BG35" s="73">
        <v>13</v>
      </c>
      <c r="BH35" s="271"/>
      <c r="BI35" s="72">
        <v>18</v>
      </c>
      <c r="BJ35" s="72">
        <v>16</v>
      </c>
      <c r="BK35" s="72">
        <v>13</v>
      </c>
      <c r="BL35" s="72">
        <v>4</v>
      </c>
      <c r="BM35" s="72">
        <v>3</v>
      </c>
      <c r="BN35" s="73">
        <v>54</v>
      </c>
      <c r="BO35" s="74">
        <v>67</v>
      </c>
      <c r="BP35" s="71">
        <v>2</v>
      </c>
      <c r="BQ35" s="72">
        <v>3</v>
      </c>
      <c r="BR35" s="73">
        <v>5</v>
      </c>
      <c r="BS35" s="271"/>
      <c r="BT35" s="72">
        <v>9</v>
      </c>
      <c r="BU35" s="72">
        <v>9</v>
      </c>
      <c r="BV35" s="72">
        <v>4</v>
      </c>
      <c r="BW35" s="72">
        <v>3</v>
      </c>
      <c r="BX35" s="72">
        <v>1</v>
      </c>
      <c r="BY35" s="73">
        <v>26</v>
      </c>
      <c r="BZ35" s="74">
        <v>31</v>
      </c>
      <c r="CA35" s="71">
        <v>1</v>
      </c>
      <c r="CB35" s="72">
        <v>1</v>
      </c>
      <c r="CC35" s="73">
        <v>2</v>
      </c>
      <c r="CD35" s="271"/>
      <c r="CE35" s="72">
        <v>6</v>
      </c>
      <c r="CF35" s="72">
        <v>4</v>
      </c>
      <c r="CG35" s="72">
        <v>1</v>
      </c>
      <c r="CH35" s="72">
        <v>3</v>
      </c>
      <c r="CI35" s="72">
        <v>4</v>
      </c>
      <c r="CJ35" s="73">
        <v>18</v>
      </c>
      <c r="CK35" s="74">
        <v>20</v>
      </c>
      <c r="CL35" s="71">
        <v>27</v>
      </c>
      <c r="CM35" s="72">
        <v>24</v>
      </c>
      <c r="CN35" s="73">
        <v>51</v>
      </c>
      <c r="CO35" s="271"/>
      <c r="CP35" s="72">
        <v>71</v>
      </c>
      <c r="CQ35" s="72">
        <v>59</v>
      </c>
      <c r="CR35" s="72">
        <v>38</v>
      </c>
      <c r="CS35" s="72">
        <v>24</v>
      </c>
      <c r="CT35" s="72">
        <v>19</v>
      </c>
      <c r="CU35" s="73">
        <v>211</v>
      </c>
      <c r="CV35" s="74">
        <v>262</v>
      </c>
      <c r="CW35" s="127">
        <v>42</v>
      </c>
      <c r="CX35" s="83">
        <v>73</v>
      </c>
      <c r="CY35" s="84">
        <v>115</v>
      </c>
      <c r="CZ35" s="271"/>
      <c r="DA35" s="83">
        <v>114</v>
      </c>
      <c r="DB35" s="83">
        <v>83</v>
      </c>
      <c r="DC35" s="83">
        <v>67</v>
      </c>
      <c r="DD35" s="83">
        <v>78</v>
      </c>
      <c r="DE35" s="83">
        <v>32</v>
      </c>
      <c r="DF35" s="85">
        <v>374</v>
      </c>
      <c r="DG35" s="86">
        <v>489</v>
      </c>
      <c r="DH35" s="71">
        <v>1</v>
      </c>
      <c r="DI35" s="72">
        <v>1</v>
      </c>
      <c r="DJ35" s="73">
        <v>2</v>
      </c>
      <c r="DK35" s="271"/>
      <c r="DL35" s="72">
        <v>6</v>
      </c>
      <c r="DM35" s="72">
        <v>2</v>
      </c>
      <c r="DN35" s="72">
        <v>1</v>
      </c>
      <c r="DO35" s="72">
        <v>3</v>
      </c>
      <c r="DP35" s="72">
        <v>1</v>
      </c>
      <c r="DQ35" s="73">
        <v>13</v>
      </c>
      <c r="DR35" s="74">
        <v>15</v>
      </c>
      <c r="DS35" s="71">
        <v>3</v>
      </c>
      <c r="DT35" s="72">
        <v>4</v>
      </c>
      <c r="DU35" s="73">
        <v>7</v>
      </c>
      <c r="DV35" s="271"/>
      <c r="DW35" s="72">
        <v>7</v>
      </c>
      <c r="DX35" s="72">
        <v>1</v>
      </c>
      <c r="DY35" s="72">
        <v>3</v>
      </c>
      <c r="DZ35" s="72">
        <v>5</v>
      </c>
      <c r="EA35" s="72">
        <v>5</v>
      </c>
      <c r="EB35" s="73">
        <v>21</v>
      </c>
      <c r="EC35" s="74">
        <v>28</v>
      </c>
      <c r="ED35" s="71">
        <v>6</v>
      </c>
      <c r="EE35" s="72">
        <v>11</v>
      </c>
      <c r="EF35" s="73">
        <v>17</v>
      </c>
      <c r="EG35" s="271"/>
      <c r="EH35" s="72">
        <v>14</v>
      </c>
      <c r="EI35" s="72">
        <v>8</v>
      </c>
      <c r="EJ35" s="72">
        <v>8</v>
      </c>
      <c r="EK35" s="72">
        <v>5</v>
      </c>
      <c r="EL35" s="72">
        <v>1</v>
      </c>
      <c r="EM35" s="73">
        <v>36</v>
      </c>
      <c r="EN35" s="74">
        <v>53</v>
      </c>
      <c r="EO35" s="71">
        <v>12</v>
      </c>
      <c r="EP35" s="72">
        <v>18</v>
      </c>
      <c r="EQ35" s="73">
        <v>30</v>
      </c>
      <c r="ER35" s="271"/>
      <c r="ES35" s="72">
        <v>23</v>
      </c>
      <c r="ET35" s="72">
        <v>20</v>
      </c>
      <c r="EU35" s="72">
        <v>7</v>
      </c>
      <c r="EV35" s="72">
        <v>8</v>
      </c>
      <c r="EW35" s="72">
        <v>8</v>
      </c>
      <c r="EX35" s="73">
        <v>66</v>
      </c>
      <c r="EY35" s="74">
        <v>96</v>
      </c>
      <c r="EZ35" s="71">
        <v>14</v>
      </c>
      <c r="FA35" s="72">
        <v>13</v>
      </c>
      <c r="FB35" s="73">
        <v>27</v>
      </c>
      <c r="FC35" s="271"/>
      <c r="FD35" s="72">
        <v>43</v>
      </c>
      <c r="FE35" s="72">
        <v>24</v>
      </c>
      <c r="FF35" s="72">
        <v>23</v>
      </c>
      <c r="FG35" s="72">
        <v>16</v>
      </c>
      <c r="FH35" s="72">
        <v>4</v>
      </c>
      <c r="FI35" s="73">
        <v>110</v>
      </c>
      <c r="FJ35" s="74">
        <v>137</v>
      </c>
      <c r="FK35" s="71">
        <v>6</v>
      </c>
      <c r="FL35" s="72">
        <v>26</v>
      </c>
      <c r="FM35" s="73">
        <v>32</v>
      </c>
      <c r="FN35" s="271"/>
      <c r="FO35" s="72">
        <v>21</v>
      </c>
      <c r="FP35" s="72">
        <v>28</v>
      </c>
      <c r="FQ35" s="72">
        <v>25</v>
      </c>
      <c r="FR35" s="72">
        <v>41</v>
      </c>
      <c r="FS35" s="72">
        <v>13</v>
      </c>
      <c r="FT35" s="73">
        <v>128</v>
      </c>
      <c r="FU35" s="74">
        <v>160</v>
      </c>
      <c r="FV35" s="71">
        <v>2</v>
      </c>
      <c r="FW35" s="72">
        <v>1</v>
      </c>
      <c r="FX35" s="73">
        <v>3</v>
      </c>
      <c r="FY35" s="271"/>
      <c r="FZ35" s="72">
        <v>3</v>
      </c>
      <c r="GA35" s="72">
        <v>3</v>
      </c>
      <c r="GB35" s="72">
        <v>0</v>
      </c>
      <c r="GC35" s="72">
        <v>0</v>
      </c>
      <c r="GD35" s="72">
        <v>2</v>
      </c>
      <c r="GE35" s="73">
        <v>8</v>
      </c>
      <c r="GF35" s="74">
        <v>11</v>
      </c>
      <c r="GG35" s="71">
        <v>44</v>
      </c>
      <c r="GH35" s="72">
        <v>74</v>
      </c>
      <c r="GI35" s="73">
        <v>118</v>
      </c>
      <c r="GJ35" s="271"/>
      <c r="GK35" s="72">
        <v>117</v>
      </c>
      <c r="GL35" s="72">
        <v>86</v>
      </c>
      <c r="GM35" s="72">
        <v>67</v>
      </c>
      <c r="GN35" s="72">
        <v>78</v>
      </c>
      <c r="GO35" s="72">
        <v>34</v>
      </c>
      <c r="GP35" s="73">
        <v>382</v>
      </c>
      <c r="GQ35" s="74">
        <v>500</v>
      </c>
      <c r="GR35" s="127">
        <v>68</v>
      </c>
      <c r="GS35" s="83">
        <v>96</v>
      </c>
      <c r="GT35" s="84">
        <v>164</v>
      </c>
      <c r="GU35" s="271"/>
      <c r="GV35" s="83">
        <v>179</v>
      </c>
      <c r="GW35" s="83">
        <v>138</v>
      </c>
      <c r="GX35" s="83">
        <v>104</v>
      </c>
      <c r="GY35" s="83">
        <v>99</v>
      </c>
      <c r="GZ35" s="83">
        <v>47</v>
      </c>
      <c r="HA35" s="85">
        <v>567</v>
      </c>
      <c r="HB35" s="86">
        <v>731</v>
      </c>
      <c r="HC35" s="71">
        <v>2</v>
      </c>
      <c r="HD35" s="72">
        <v>5</v>
      </c>
      <c r="HE35" s="73">
        <v>7</v>
      </c>
      <c r="HF35" s="271"/>
      <c r="HG35" s="72">
        <v>10</v>
      </c>
      <c r="HH35" s="72">
        <v>2</v>
      </c>
      <c r="HI35" s="72">
        <v>3</v>
      </c>
      <c r="HJ35" s="72">
        <v>6</v>
      </c>
      <c r="HK35" s="72">
        <v>2</v>
      </c>
      <c r="HL35" s="73">
        <v>23</v>
      </c>
      <c r="HM35" s="74">
        <v>30</v>
      </c>
      <c r="HN35" s="71">
        <v>9</v>
      </c>
      <c r="HO35" s="72">
        <v>6</v>
      </c>
      <c r="HP35" s="73">
        <v>15</v>
      </c>
      <c r="HQ35" s="271"/>
      <c r="HR35" s="72">
        <v>17</v>
      </c>
      <c r="HS35" s="72">
        <v>8</v>
      </c>
      <c r="HT35" s="72">
        <v>7</v>
      </c>
      <c r="HU35" s="72">
        <v>8</v>
      </c>
      <c r="HV35" s="72">
        <v>6</v>
      </c>
      <c r="HW35" s="73">
        <v>46</v>
      </c>
      <c r="HX35" s="74">
        <v>61</v>
      </c>
      <c r="HY35" s="71">
        <v>11</v>
      </c>
      <c r="HZ35" s="72">
        <v>12</v>
      </c>
      <c r="IA35" s="73">
        <v>23</v>
      </c>
      <c r="IB35" s="271"/>
      <c r="IC35" s="72">
        <v>27</v>
      </c>
      <c r="ID35" s="72">
        <v>17</v>
      </c>
      <c r="IE35" s="72">
        <v>13</v>
      </c>
      <c r="IF35" s="72">
        <v>7</v>
      </c>
      <c r="IG35" s="72">
        <v>5</v>
      </c>
      <c r="IH35" s="73">
        <v>69</v>
      </c>
      <c r="II35" s="74">
        <v>92</v>
      </c>
      <c r="IJ35" s="71">
        <v>18</v>
      </c>
      <c r="IK35" s="72">
        <v>24</v>
      </c>
      <c r="IL35" s="73">
        <v>42</v>
      </c>
      <c r="IM35" s="271"/>
      <c r="IN35" s="72">
        <v>34</v>
      </c>
      <c r="IO35" s="72">
        <v>34</v>
      </c>
      <c r="IP35" s="72">
        <v>16</v>
      </c>
      <c r="IQ35" s="72">
        <v>14</v>
      </c>
      <c r="IR35" s="72">
        <v>13</v>
      </c>
      <c r="IS35" s="73">
        <v>111</v>
      </c>
      <c r="IT35" s="74">
        <v>153</v>
      </c>
      <c r="IU35" s="71">
        <v>20</v>
      </c>
      <c r="IV35" s="72">
        <v>20</v>
      </c>
      <c r="IW35" s="73">
        <v>40</v>
      </c>
      <c r="IX35" s="271"/>
      <c r="IY35" s="72">
        <v>61</v>
      </c>
      <c r="IZ35" s="72">
        <v>40</v>
      </c>
      <c r="JA35" s="72">
        <v>36</v>
      </c>
      <c r="JB35" s="72">
        <v>20</v>
      </c>
      <c r="JC35" s="72">
        <v>7</v>
      </c>
      <c r="JD35" s="73">
        <v>164</v>
      </c>
      <c r="JE35" s="74">
        <v>204</v>
      </c>
      <c r="JF35" s="71">
        <v>8</v>
      </c>
      <c r="JG35" s="72">
        <v>29</v>
      </c>
      <c r="JH35" s="73">
        <v>37</v>
      </c>
      <c r="JI35" s="271"/>
      <c r="JJ35" s="72">
        <v>30</v>
      </c>
      <c r="JK35" s="72">
        <v>37</v>
      </c>
      <c r="JL35" s="72">
        <v>29</v>
      </c>
      <c r="JM35" s="72">
        <v>44</v>
      </c>
      <c r="JN35" s="72">
        <v>14</v>
      </c>
      <c r="JO35" s="73">
        <v>154</v>
      </c>
      <c r="JP35" s="74">
        <v>191</v>
      </c>
      <c r="JQ35" s="71">
        <v>3</v>
      </c>
      <c r="JR35" s="72">
        <v>2</v>
      </c>
      <c r="JS35" s="73">
        <v>5</v>
      </c>
      <c r="JT35" s="271"/>
      <c r="JU35" s="72">
        <v>9</v>
      </c>
      <c r="JV35" s="72">
        <v>7</v>
      </c>
      <c r="JW35" s="72">
        <v>1</v>
      </c>
      <c r="JX35" s="72">
        <v>3</v>
      </c>
      <c r="JY35" s="72">
        <v>6</v>
      </c>
      <c r="JZ35" s="73">
        <v>26</v>
      </c>
      <c r="KA35" s="74">
        <v>31</v>
      </c>
      <c r="KB35" s="71">
        <v>71</v>
      </c>
      <c r="KC35" s="72">
        <v>98</v>
      </c>
      <c r="KD35" s="73">
        <v>169</v>
      </c>
      <c r="KE35" s="271"/>
      <c r="KF35" s="72">
        <v>188</v>
      </c>
      <c r="KG35" s="72">
        <v>145</v>
      </c>
      <c r="KH35" s="72">
        <v>105</v>
      </c>
      <c r="KI35" s="72">
        <v>102</v>
      </c>
      <c r="KJ35" s="72">
        <v>53</v>
      </c>
      <c r="KK35" s="73">
        <v>593</v>
      </c>
      <c r="KL35" s="74">
        <v>762</v>
      </c>
    </row>
    <row r="36" spans="1:298" ht="19.5" customHeight="1" x14ac:dyDescent="0.2">
      <c r="A36" s="130" t="s">
        <v>33</v>
      </c>
      <c r="B36" s="353">
        <v>32</v>
      </c>
      <c r="C36" s="83">
        <v>17</v>
      </c>
      <c r="D36" s="84">
        <v>49</v>
      </c>
      <c r="E36" s="271"/>
      <c r="F36" s="83">
        <v>51</v>
      </c>
      <c r="G36" s="83">
        <v>45</v>
      </c>
      <c r="H36" s="83">
        <v>32</v>
      </c>
      <c r="I36" s="83">
        <v>18</v>
      </c>
      <c r="J36" s="83">
        <v>16</v>
      </c>
      <c r="K36" s="85">
        <v>162</v>
      </c>
      <c r="L36" s="86">
        <v>211</v>
      </c>
      <c r="M36" s="71">
        <v>2</v>
      </c>
      <c r="N36" s="72">
        <v>1</v>
      </c>
      <c r="O36" s="73">
        <v>3</v>
      </c>
      <c r="P36" s="271"/>
      <c r="Q36" s="72">
        <v>2</v>
      </c>
      <c r="R36" s="72">
        <v>3</v>
      </c>
      <c r="S36" s="72">
        <v>2</v>
      </c>
      <c r="T36" s="72">
        <v>3</v>
      </c>
      <c r="U36" s="72">
        <v>0</v>
      </c>
      <c r="V36" s="73">
        <v>10</v>
      </c>
      <c r="W36" s="74">
        <v>13</v>
      </c>
      <c r="X36" s="71">
        <v>4</v>
      </c>
      <c r="Y36" s="72">
        <v>5</v>
      </c>
      <c r="Z36" s="73">
        <v>9</v>
      </c>
      <c r="AA36" s="271"/>
      <c r="AB36" s="72">
        <v>7</v>
      </c>
      <c r="AC36" s="72">
        <v>8</v>
      </c>
      <c r="AD36" s="72">
        <v>4</v>
      </c>
      <c r="AE36" s="72">
        <v>5</v>
      </c>
      <c r="AF36" s="72">
        <v>4</v>
      </c>
      <c r="AG36" s="73">
        <v>28</v>
      </c>
      <c r="AH36" s="74">
        <v>37</v>
      </c>
      <c r="AI36" s="71">
        <v>7</v>
      </c>
      <c r="AJ36" s="72">
        <v>2</v>
      </c>
      <c r="AK36" s="73">
        <v>9</v>
      </c>
      <c r="AL36" s="271"/>
      <c r="AM36" s="72">
        <v>11</v>
      </c>
      <c r="AN36" s="72">
        <v>5</v>
      </c>
      <c r="AO36" s="72">
        <v>10</v>
      </c>
      <c r="AP36" s="72">
        <v>2</v>
      </c>
      <c r="AQ36" s="72">
        <v>2</v>
      </c>
      <c r="AR36" s="73">
        <v>30</v>
      </c>
      <c r="AS36" s="74">
        <v>39</v>
      </c>
      <c r="AT36" s="71">
        <v>5</v>
      </c>
      <c r="AU36" s="72">
        <v>6</v>
      </c>
      <c r="AV36" s="73">
        <v>11</v>
      </c>
      <c r="AW36" s="271"/>
      <c r="AX36" s="72">
        <v>11</v>
      </c>
      <c r="AY36" s="72">
        <v>11</v>
      </c>
      <c r="AZ36" s="72">
        <v>4</v>
      </c>
      <c r="BA36" s="72">
        <v>2</v>
      </c>
      <c r="BB36" s="72">
        <v>4</v>
      </c>
      <c r="BC36" s="73">
        <v>32</v>
      </c>
      <c r="BD36" s="74">
        <v>43</v>
      </c>
      <c r="BE36" s="71">
        <v>11</v>
      </c>
      <c r="BF36" s="72">
        <v>2</v>
      </c>
      <c r="BG36" s="73">
        <v>13</v>
      </c>
      <c r="BH36" s="271"/>
      <c r="BI36" s="72">
        <v>12</v>
      </c>
      <c r="BJ36" s="72">
        <v>11</v>
      </c>
      <c r="BK36" s="72">
        <v>10</v>
      </c>
      <c r="BL36" s="72">
        <v>3</v>
      </c>
      <c r="BM36" s="72">
        <v>4</v>
      </c>
      <c r="BN36" s="73">
        <v>40</v>
      </c>
      <c r="BO36" s="74">
        <v>53</v>
      </c>
      <c r="BP36" s="71">
        <v>3</v>
      </c>
      <c r="BQ36" s="72">
        <v>1</v>
      </c>
      <c r="BR36" s="73">
        <v>4</v>
      </c>
      <c r="BS36" s="271"/>
      <c r="BT36" s="72">
        <v>8</v>
      </c>
      <c r="BU36" s="72">
        <v>7</v>
      </c>
      <c r="BV36" s="72">
        <v>2</v>
      </c>
      <c r="BW36" s="72">
        <v>3</v>
      </c>
      <c r="BX36" s="72">
        <v>2</v>
      </c>
      <c r="BY36" s="73">
        <v>22</v>
      </c>
      <c r="BZ36" s="74">
        <v>26</v>
      </c>
      <c r="CA36" s="71">
        <v>2</v>
      </c>
      <c r="CB36" s="72">
        <v>0</v>
      </c>
      <c r="CC36" s="73">
        <v>2</v>
      </c>
      <c r="CD36" s="271"/>
      <c r="CE36" s="72">
        <v>1</v>
      </c>
      <c r="CF36" s="72">
        <v>1</v>
      </c>
      <c r="CG36" s="72">
        <v>0</v>
      </c>
      <c r="CH36" s="72">
        <v>0</v>
      </c>
      <c r="CI36" s="72">
        <v>0</v>
      </c>
      <c r="CJ36" s="73">
        <v>2</v>
      </c>
      <c r="CK36" s="74">
        <v>4</v>
      </c>
      <c r="CL36" s="71">
        <v>34</v>
      </c>
      <c r="CM36" s="72">
        <v>17</v>
      </c>
      <c r="CN36" s="73">
        <v>51</v>
      </c>
      <c r="CO36" s="271"/>
      <c r="CP36" s="72">
        <v>52</v>
      </c>
      <c r="CQ36" s="72">
        <v>46</v>
      </c>
      <c r="CR36" s="72">
        <v>32</v>
      </c>
      <c r="CS36" s="72">
        <v>18</v>
      </c>
      <c r="CT36" s="72">
        <v>16</v>
      </c>
      <c r="CU36" s="73">
        <v>164</v>
      </c>
      <c r="CV36" s="74">
        <v>215</v>
      </c>
      <c r="CW36" s="127">
        <v>60</v>
      </c>
      <c r="CX36" s="83">
        <v>71</v>
      </c>
      <c r="CY36" s="84">
        <v>131</v>
      </c>
      <c r="CZ36" s="271"/>
      <c r="DA36" s="83">
        <v>108</v>
      </c>
      <c r="DB36" s="83">
        <v>88</v>
      </c>
      <c r="DC36" s="83">
        <v>73</v>
      </c>
      <c r="DD36" s="83">
        <v>58</v>
      </c>
      <c r="DE36" s="83">
        <v>56</v>
      </c>
      <c r="DF36" s="85">
        <v>383</v>
      </c>
      <c r="DG36" s="86">
        <v>514</v>
      </c>
      <c r="DH36" s="71">
        <v>2</v>
      </c>
      <c r="DI36" s="72">
        <v>3</v>
      </c>
      <c r="DJ36" s="73">
        <v>5</v>
      </c>
      <c r="DK36" s="271"/>
      <c r="DL36" s="72">
        <v>1</v>
      </c>
      <c r="DM36" s="72">
        <v>1</v>
      </c>
      <c r="DN36" s="72">
        <v>1</v>
      </c>
      <c r="DO36" s="72">
        <v>1</v>
      </c>
      <c r="DP36" s="72">
        <v>3</v>
      </c>
      <c r="DQ36" s="73">
        <v>7</v>
      </c>
      <c r="DR36" s="74">
        <v>12</v>
      </c>
      <c r="DS36" s="71">
        <v>6</v>
      </c>
      <c r="DT36" s="72">
        <v>5</v>
      </c>
      <c r="DU36" s="73">
        <v>11</v>
      </c>
      <c r="DV36" s="271"/>
      <c r="DW36" s="72">
        <v>3</v>
      </c>
      <c r="DX36" s="72">
        <v>6</v>
      </c>
      <c r="DY36" s="72">
        <v>4</v>
      </c>
      <c r="DZ36" s="72">
        <v>5</v>
      </c>
      <c r="EA36" s="72">
        <v>2</v>
      </c>
      <c r="EB36" s="73">
        <v>20</v>
      </c>
      <c r="EC36" s="74">
        <v>31</v>
      </c>
      <c r="ED36" s="71">
        <v>1</v>
      </c>
      <c r="EE36" s="72">
        <v>4</v>
      </c>
      <c r="EF36" s="73">
        <v>5</v>
      </c>
      <c r="EG36" s="271"/>
      <c r="EH36" s="72">
        <v>15</v>
      </c>
      <c r="EI36" s="72">
        <v>8</v>
      </c>
      <c r="EJ36" s="72">
        <v>6</v>
      </c>
      <c r="EK36" s="72">
        <v>3</v>
      </c>
      <c r="EL36" s="72">
        <v>5</v>
      </c>
      <c r="EM36" s="73">
        <v>37</v>
      </c>
      <c r="EN36" s="74">
        <v>42</v>
      </c>
      <c r="EO36" s="71">
        <v>14</v>
      </c>
      <c r="EP36" s="72">
        <v>15</v>
      </c>
      <c r="EQ36" s="73">
        <v>29</v>
      </c>
      <c r="ER36" s="271"/>
      <c r="ES36" s="72">
        <v>35</v>
      </c>
      <c r="ET36" s="72">
        <v>21</v>
      </c>
      <c r="EU36" s="72">
        <v>9</v>
      </c>
      <c r="EV36" s="72">
        <v>16</v>
      </c>
      <c r="EW36" s="72">
        <v>10</v>
      </c>
      <c r="EX36" s="73">
        <v>91</v>
      </c>
      <c r="EY36" s="74">
        <v>120</v>
      </c>
      <c r="EZ36" s="71">
        <v>27</v>
      </c>
      <c r="FA36" s="72">
        <v>26</v>
      </c>
      <c r="FB36" s="73">
        <v>53</v>
      </c>
      <c r="FC36" s="271"/>
      <c r="FD36" s="72">
        <v>22</v>
      </c>
      <c r="FE36" s="72">
        <v>20</v>
      </c>
      <c r="FF36" s="72">
        <v>18</v>
      </c>
      <c r="FG36" s="72">
        <v>8</v>
      </c>
      <c r="FH36" s="72">
        <v>15</v>
      </c>
      <c r="FI36" s="73">
        <v>83</v>
      </c>
      <c r="FJ36" s="74">
        <v>136</v>
      </c>
      <c r="FK36" s="71">
        <v>10</v>
      </c>
      <c r="FL36" s="72">
        <v>18</v>
      </c>
      <c r="FM36" s="73">
        <v>28</v>
      </c>
      <c r="FN36" s="271"/>
      <c r="FO36" s="72">
        <v>32</v>
      </c>
      <c r="FP36" s="72">
        <v>32</v>
      </c>
      <c r="FQ36" s="72">
        <v>35</v>
      </c>
      <c r="FR36" s="72">
        <v>25</v>
      </c>
      <c r="FS36" s="72">
        <v>21</v>
      </c>
      <c r="FT36" s="73">
        <v>145</v>
      </c>
      <c r="FU36" s="74">
        <v>173</v>
      </c>
      <c r="FV36" s="71">
        <v>0</v>
      </c>
      <c r="FW36" s="72">
        <v>0</v>
      </c>
      <c r="FX36" s="73">
        <v>0</v>
      </c>
      <c r="FY36" s="271"/>
      <c r="FZ36" s="72">
        <v>1</v>
      </c>
      <c r="GA36" s="72">
        <v>0</v>
      </c>
      <c r="GB36" s="72">
        <v>0</v>
      </c>
      <c r="GC36" s="72">
        <v>2</v>
      </c>
      <c r="GD36" s="72">
        <v>1</v>
      </c>
      <c r="GE36" s="73">
        <v>4</v>
      </c>
      <c r="GF36" s="74">
        <v>4</v>
      </c>
      <c r="GG36" s="71">
        <v>60</v>
      </c>
      <c r="GH36" s="72">
        <v>71</v>
      </c>
      <c r="GI36" s="73">
        <v>131</v>
      </c>
      <c r="GJ36" s="271"/>
      <c r="GK36" s="72">
        <v>109</v>
      </c>
      <c r="GL36" s="72">
        <v>88</v>
      </c>
      <c r="GM36" s="72">
        <v>73</v>
      </c>
      <c r="GN36" s="72">
        <v>60</v>
      </c>
      <c r="GO36" s="72">
        <v>57</v>
      </c>
      <c r="GP36" s="73">
        <v>387</v>
      </c>
      <c r="GQ36" s="74">
        <v>518</v>
      </c>
      <c r="GR36" s="127">
        <v>92</v>
      </c>
      <c r="GS36" s="83">
        <v>88</v>
      </c>
      <c r="GT36" s="84">
        <v>180</v>
      </c>
      <c r="GU36" s="271"/>
      <c r="GV36" s="83">
        <v>159</v>
      </c>
      <c r="GW36" s="83">
        <v>133</v>
      </c>
      <c r="GX36" s="83">
        <v>105</v>
      </c>
      <c r="GY36" s="83">
        <v>76</v>
      </c>
      <c r="GZ36" s="83">
        <v>72</v>
      </c>
      <c r="HA36" s="85">
        <v>545</v>
      </c>
      <c r="HB36" s="86">
        <v>725</v>
      </c>
      <c r="HC36" s="71">
        <v>4</v>
      </c>
      <c r="HD36" s="72">
        <v>4</v>
      </c>
      <c r="HE36" s="73">
        <v>8</v>
      </c>
      <c r="HF36" s="271"/>
      <c r="HG36" s="72">
        <v>3</v>
      </c>
      <c r="HH36" s="72">
        <v>4</v>
      </c>
      <c r="HI36" s="72">
        <v>3</v>
      </c>
      <c r="HJ36" s="72">
        <v>4</v>
      </c>
      <c r="HK36" s="72">
        <v>3</v>
      </c>
      <c r="HL36" s="73">
        <v>17</v>
      </c>
      <c r="HM36" s="74">
        <v>25</v>
      </c>
      <c r="HN36" s="71">
        <v>10</v>
      </c>
      <c r="HO36" s="72">
        <v>10</v>
      </c>
      <c r="HP36" s="73">
        <v>20</v>
      </c>
      <c r="HQ36" s="271"/>
      <c r="HR36" s="72">
        <v>10</v>
      </c>
      <c r="HS36" s="72">
        <v>14</v>
      </c>
      <c r="HT36" s="72">
        <v>8</v>
      </c>
      <c r="HU36" s="72">
        <v>10</v>
      </c>
      <c r="HV36" s="72">
        <v>6</v>
      </c>
      <c r="HW36" s="73">
        <v>48</v>
      </c>
      <c r="HX36" s="74">
        <v>68</v>
      </c>
      <c r="HY36" s="71">
        <v>8</v>
      </c>
      <c r="HZ36" s="72">
        <v>6</v>
      </c>
      <c r="IA36" s="73">
        <v>14</v>
      </c>
      <c r="IB36" s="271"/>
      <c r="IC36" s="72">
        <v>26</v>
      </c>
      <c r="ID36" s="72">
        <v>13</v>
      </c>
      <c r="IE36" s="72">
        <v>16</v>
      </c>
      <c r="IF36" s="72">
        <v>5</v>
      </c>
      <c r="IG36" s="72">
        <v>7</v>
      </c>
      <c r="IH36" s="73">
        <v>67</v>
      </c>
      <c r="II36" s="74">
        <v>81</v>
      </c>
      <c r="IJ36" s="71">
        <v>19</v>
      </c>
      <c r="IK36" s="72">
        <v>21</v>
      </c>
      <c r="IL36" s="73">
        <v>40</v>
      </c>
      <c r="IM36" s="271"/>
      <c r="IN36" s="72">
        <v>46</v>
      </c>
      <c r="IO36" s="72">
        <v>32</v>
      </c>
      <c r="IP36" s="72">
        <v>13</v>
      </c>
      <c r="IQ36" s="72">
        <v>18</v>
      </c>
      <c r="IR36" s="72">
        <v>14</v>
      </c>
      <c r="IS36" s="73">
        <v>123</v>
      </c>
      <c r="IT36" s="74">
        <v>163</v>
      </c>
      <c r="IU36" s="71">
        <v>38</v>
      </c>
      <c r="IV36" s="72">
        <v>28</v>
      </c>
      <c r="IW36" s="73">
        <v>66</v>
      </c>
      <c r="IX36" s="271"/>
      <c r="IY36" s="72">
        <v>34</v>
      </c>
      <c r="IZ36" s="72">
        <v>31</v>
      </c>
      <c r="JA36" s="72">
        <v>28</v>
      </c>
      <c r="JB36" s="72">
        <v>11</v>
      </c>
      <c r="JC36" s="72">
        <v>19</v>
      </c>
      <c r="JD36" s="73">
        <v>123</v>
      </c>
      <c r="JE36" s="74">
        <v>189</v>
      </c>
      <c r="JF36" s="71">
        <v>13</v>
      </c>
      <c r="JG36" s="72">
        <v>19</v>
      </c>
      <c r="JH36" s="73">
        <v>32</v>
      </c>
      <c r="JI36" s="271"/>
      <c r="JJ36" s="72">
        <v>40</v>
      </c>
      <c r="JK36" s="72">
        <v>39</v>
      </c>
      <c r="JL36" s="72">
        <v>37</v>
      </c>
      <c r="JM36" s="72">
        <v>28</v>
      </c>
      <c r="JN36" s="72">
        <v>23</v>
      </c>
      <c r="JO36" s="73">
        <v>167</v>
      </c>
      <c r="JP36" s="74">
        <v>199</v>
      </c>
      <c r="JQ36" s="71">
        <v>2</v>
      </c>
      <c r="JR36" s="72">
        <v>0</v>
      </c>
      <c r="JS36" s="73">
        <v>2</v>
      </c>
      <c r="JT36" s="271"/>
      <c r="JU36" s="72">
        <v>2</v>
      </c>
      <c r="JV36" s="72">
        <v>1</v>
      </c>
      <c r="JW36" s="72">
        <v>0</v>
      </c>
      <c r="JX36" s="72">
        <v>2</v>
      </c>
      <c r="JY36" s="72">
        <v>1</v>
      </c>
      <c r="JZ36" s="73">
        <v>6</v>
      </c>
      <c r="KA36" s="74">
        <v>8</v>
      </c>
      <c r="KB36" s="71">
        <v>94</v>
      </c>
      <c r="KC36" s="72">
        <v>88</v>
      </c>
      <c r="KD36" s="73">
        <v>182</v>
      </c>
      <c r="KE36" s="271"/>
      <c r="KF36" s="72">
        <v>161</v>
      </c>
      <c r="KG36" s="72">
        <v>134</v>
      </c>
      <c r="KH36" s="72">
        <v>105</v>
      </c>
      <c r="KI36" s="72">
        <v>78</v>
      </c>
      <c r="KJ36" s="72">
        <v>73</v>
      </c>
      <c r="KK36" s="73">
        <v>551</v>
      </c>
      <c r="KL36" s="74">
        <v>733</v>
      </c>
    </row>
    <row r="37" spans="1:298" ht="19.5" customHeight="1" x14ac:dyDescent="0.2">
      <c r="A37" s="130" t="s">
        <v>34</v>
      </c>
      <c r="B37" s="353">
        <v>19</v>
      </c>
      <c r="C37" s="83">
        <v>21</v>
      </c>
      <c r="D37" s="84">
        <v>40</v>
      </c>
      <c r="E37" s="271"/>
      <c r="F37" s="83">
        <v>46</v>
      </c>
      <c r="G37" s="83">
        <v>29</v>
      </c>
      <c r="H37" s="83">
        <v>18</v>
      </c>
      <c r="I37" s="83">
        <v>26</v>
      </c>
      <c r="J37" s="83">
        <v>9</v>
      </c>
      <c r="K37" s="85">
        <v>128</v>
      </c>
      <c r="L37" s="86">
        <v>168</v>
      </c>
      <c r="M37" s="71">
        <v>1</v>
      </c>
      <c r="N37" s="72">
        <v>3</v>
      </c>
      <c r="O37" s="73">
        <v>4</v>
      </c>
      <c r="P37" s="271"/>
      <c r="Q37" s="72">
        <v>3</v>
      </c>
      <c r="R37" s="72">
        <v>3</v>
      </c>
      <c r="S37" s="72">
        <v>0</v>
      </c>
      <c r="T37" s="72">
        <v>4</v>
      </c>
      <c r="U37" s="72">
        <v>1</v>
      </c>
      <c r="V37" s="73">
        <v>11</v>
      </c>
      <c r="W37" s="74">
        <v>15</v>
      </c>
      <c r="X37" s="71">
        <v>1</v>
      </c>
      <c r="Y37" s="72">
        <v>3</v>
      </c>
      <c r="Z37" s="73">
        <v>4</v>
      </c>
      <c r="AA37" s="271"/>
      <c r="AB37" s="72">
        <v>4</v>
      </c>
      <c r="AC37" s="72">
        <v>3</v>
      </c>
      <c r="AD37" s="72">
        <v>3</v>
      </c>
      <c r="AE37" s="72">
        <v>4</v>
      </c>
      <c r="AF37" s="72">
        <v>1</v>
      </c>
      <c r="AG37" s="73">
        <v>15</v>
      </c>
      <c r="AH37" s="74">
        <v>19</v>
      </c>
      <c r="AI37" s="71">
        <v>5</v>
      </c>
      <c r="AJ37" s="72">
        <v>2</v>
      </c>
      <c r="AK37" s="73">
        <v>7</v>
      </c>
      <c r="AL37" s="271"/>
      <c r="AM37" s="72">
        <v>4</v>
      </c>
      <c r="AN37" s="72">
        <v>4</v>
      </c>
      <c r="AO37" s="72">
        <v>4</v>
      </c>
      <c r="AP37" s="72">
        <v>6</v>
      </c>
      <c r="AQ37" s="72">
        <v>4</v>
      </c>
      <c r="AR37" s="73">
        <v>22</v>
      </c>
      <c r="AS37" s="74">
        <v>29</v>
      </c>
      <c r="AT37" s="71">
        <v>6</v>
      </c>
      <c r="AU37" s="72">
        <v>7</v>
      </c>
      <c r="AV37" s="73">
        <v>13</v>
      </c>
      <c r="AW37" s="271"/>
      <c r="AX37" s="72">
        <v>14</v>
      </c>
      <c r="AY37" s="72">
        <v>8</v>
      </c>
      <c r="AZ37" s="72">
        <v>5</v>
      </c>
      <c r="BA37" s="72">
        <v>6</v>
      </c>
      <c r="BB37" s="72">
        <v>1</v>
      </c>
      <c r="BC37" s="73">
        <v>34</v>
      </c>
      <c r="BD37" s="74">
        <v>47</v>
      </c>
      <c r="BE37" s="71">
        <v>6</v>
      </c>
      <c r="BF37" s="72">
        <v>4</v>
      </c>
      <c r="BG37" s="73">
        <v>10</v>
      </c>
      <c r="BH37" s="271"/>
      <c r="BI37" s="72">
        <v>10</v>
      </c>
      <c r="BJ37" s="72">
        <v>8</v>
      </c>
      <c r="BK37" s="72">
        <v>4</v>
      </c>
      <c r="BL37" s="72">
        <v>5</v>
      </c>
      <c r="BM37" s="72">
        <v>1</v>
      </c>
      <c r="BN37" s="73">
        <v>28</v>
      </c>
      <c r="BO37" s="74">
        <v>38</v>
      </c>
      <c r="BP37" s="71">
        <v>0</v>
      </c>
      <c r="BQ37" s="72">
        <v>2</v>
      </c>
      <c r="BR37" s="73">
        <v>2</v>
      </c>
      <c r="BS37" s="271"/>
      <c r="BT37" s="72">
        <v>11</v>
      </c>
      <c r="BU37" s="72">
        <v>3</v>
      </c>
      <c r="BV37" s="72">
        <v>2</v>
      </c>
      <c r="BW37" s="72">
        <v>1</v>
      </c>
      <c r="BX37" s="72">
        <v>1</v>
      </c>
      <c r="BY37" s="73">
        <v>18</v>
      </c>
      <c r="BZ37" s="74">
        <v>20</v>
      </c>
      <c r="CA37" s="71">
        <v>0</v>
      </c>
      <c r="CB37" s="72">
        <v>0</v>
      </c>
      <c r="CC37" s="73">
        <v>0</v>
      </c>
      <c r="CD37" s="271"/>
      <c r="CE37" s="72">
        <v>4</v>
      </c>
      <c r="CF37" s="72">
        <v>0</v>
      </c>
      <c r="CG37" s="72">
        <v>1</v>
      </c>
      <c r="CH37" s="72">
        <v>1</v>
      </c>
      <c r="CI37" s="72">
        <v>1</v>
      </c>
      <c r="CJ37" s="73">
        <v>7</v>
      </c>
      <c r="CK37" s="74">
        <v>7</v>
      </c>
      <c r="CL37" s="71">
        <v>19</v>
      </c>
      <c r="CM37" s="72">
        <v>21</v>
      </c>
      <c r="CN37" s="73">
        <v>40</v>
      </c>
      <c r="CO37" s="271"/>
      <c r="CP37" s="72">
        <v>50</v>
      </c>
      <c r="CQ37" s="72">
        <v>29</v>
      </c>
      <c r="CR37" s="72">
        <v>19</v>
      </c>
      <c r="CS37" s="72">
        <v>27</v>
      </c>
      <c r="CT37" s="72">
        <v>10</v>
      </c>
      <c r="CU37" s="73">
        <v>135</v>
      </c>
      <c r="CV37" s="74">
        <v>175</v>
      </c>
      <c r="CW37" s="127">
        <v>42</v>
      </c>
      <c r="CX37" s="83">
        <v>42</v>
      </c>
      <c r="CY37" s="84">
        <v>84</v>
      </c>
      <c r="CZ37" s="271"/>
      <c r="DA37" s="83">
        <v>75</v>
      </c>
      <c r="DB37" s="83">
        <v>68</v>
      </c>
      <c r="DC37" s="83">
        <v>44</v>
      </c>
      <c r="DD37" s="83">
        <v>44</v>
      </c>
      <c r="DE37" s="83">
        <v>31</v>
      </c>
      <c r="DF37" s="85">
        <v>262</v>
      </c>
      <c r="DG37" s="86">
        <v>346</v>
      </c>
      <c r="DH37" s="71">
        <v>1</v>
      </c>
      <c r="DI37" s="72">
        <v>0</v>
      </c>
      <c r="DJ37" s="73">
        <v>1</v>
      </c>
      <c r="DK37" s="271"/>
      <c r="DL37" s="72">
        <v>1</v>
      </c>
      <c r="DM37" s="72">
        <v>2</v>
      </c>
      <c r="DN37" s="72">
        <v>0</v>
      </c>
      <c r="DO37" s="72">
        <v>1</v>
      </c>
      <c r="DP37" s="72">
        <v>2</v>
      </c>
      <c r="DQ37" s="73">
        <v>6</v>
      </c>
      <c r="DR37" s="74">
        <v>7</v>
      </c>
      <c r="DS37" s="71">
        <v>4</v>
      </c>
      <c r="DT37" s="72">
        <v>0</v>
      </c>
      <c r="DU37" s="73">
        <v>4</v>
      </c>
      <c r="DV37" s="271"/>
      <c r="DW37" s="72">
        <v>3</v>
      </c>
      <c r="DX37" s="72">
        <v>4</v>
      </c>
      <c r="DY37" s="72">
        <v>1</v>
      </c>
      <c r="DZ37" s="72">
        <v>0</v>
      </c>
      <c r="EA37" s="72">
        <v>3</v>
      </c>
      <c r="EB37" s="73">
        <v>11</v>
      </c>
      <c r="EC37" s="74">
        <v>15</v>
      </c>
      <c r="ED37" s="71">
        <v>2</v>
      </c>
      <c r="EE37" s="72">
        <v>2</v>
      </c>
      <c r="EF37" s="73">
        <v>4</v>
      </c>
      <c r="EG37" s="271"/>
      <c r="EH37" s="72">
        <v>12</v>
      </c>
      <c r="EI37" s="72">
        <v>4</v>
      </c>
      <c r="EJ37" s="72">
        <v>4</v>
      </c>
      <c r="EK37" s="72">
        <v>4</v>
      </c>
      <c r="EL37" s="72">
        <v>4</v>
      </c>
      <c r="EM37" s="73">
        <v>28</v>
      </c>
      <c r="EN37" s="74">
        <v>32</v>
      </c>
      <c r="EO37" s="71">
        <v>13</v>
      </c>
      <c r="EP37" s="72">
        <v>12</v>
      </c>
      <c r="EQ37" s="73">
        <v>25</v>
      </c>
      <c r="ER37" s="271"/>
      <c r="ES37" s="72">
        <v>14</v>
      </c>
      <c r="ET37" s="72">
        <v>14</v>
      </c>
      <c r="EU37" s="72">
        <v>4</v>
      </c>
      <c r="EV37" s="72">
        <v>8</v>
      </c>
      <c r="EW37" s="72">
        <v>1</v>
      </c>
      <c r="EX37" s="73">
        <v>41</v>
      </c>
      <c r="EY37" s="74">
        <v>66</v>
      </c>
      <c r="EZ37" s="71">
        <v>12</v>
      </c>
      <c r="FA37" s="72">
        <v>14</v>
      </c>
      <c r="FB37" s="73">
        <v>26</v>
      </c>
      <c r="FC37" s="271"/>
      <c r="FD37" s="72">
        <v>27</v>
      </c>
      <c r="FE37" s="72">
        <v>21</v>
      </c>
      <c r="FF37" s="72">
        <v>15</v>
      </c>
      <c r="FG37" s="72">
        <v>15</v>
      </c>
      <c r="FH37" s="72">
        <v>10</v>
      </c>
      <c r="FI37" s="73">
        <v>88</v>
      </c>
      <c r="FJ37" s="74">
        <v>114</v>
      </c>
      <c r="FK37" s="71">
        <v>10</v>
      </c>
      <c r="FL37" s="72">
        <v>14</v>
      </c>
      <c r="FM37" s="73">
        <v>24</v>
      </c>
      <c r="FN37" s="271"/>
      <c r="FO37" s="72">
        <v>18</v>
      </c>
      <c r="FP37" s="72">
        <v>23</v>
      </c>
      <c r="FQ37" s="72">
        <v>20</v>
      </c>
      <c r="FR37" s="72">
        <v>16</v>
      </c>
      <c r="FS37" s="72">
        <v>11</v>
      </c>
      <c r="FT37" s="73">
        <v>88</v>
      </c>
      <c r="FU37" s="74">
        <v>112</v>
      </c>
      <c r="FV37" s="71">
        <v>0</v>
      </c>
      <c r="FW37" s="72">
        <v>0</v>
      </c>
      <c r="FX37" s="73">
        <v>0</v>
      </c>
      <c r="FY37" s="271"/>
      <c r="FZ37" s="72">
        <v>1</v>
      </c>
      <c r="GA37" s="72">
        <v>2</v>
      </c>
      <c r="GB37" s="72">
        <v>0</v>
      </c>
      <c r="GC37" s="72">
        <v>0</v>
      </c>
      <c r="GD37" s="72">
        <v>1</v>
      </c>
      <c r="GE37" s="73">
        <v>4</v>
      </c>
      <c r="GF37" s="74">
        <v>4</v>
      </c>
      <c r="GG37" s="71">
        <v>42</v>
      </c>
      <c r="GH37" s="72">
        <v>42</v>
      </c>
      <c r="GI37" s="73">
        <v>84</v>
      </c>
      <c r="GJ37" s="271"/>
      <c r="GK37" s="72">
        <v>76</v>
      </c>
      <c r="GL37" s="72">
        <v>70</v>
      </c>
      <c r="GM37" s="72">
        <v>44</v>
      </c>
      <c r="GN37" s="72">
        <v>44</v>
      </c>
      <c r="GO37" s="72">
        <v>32</v>
      </c>
      <c r="GP37" s="73">
        <v>266</v>
      </c>
      <c r="GQ37" s="74">
        <v>350</v>
      </c>
      <c r="GR37" s="127">
        <v>61</v>
      </c>
      <c r="GS37" s="83">
        <v>63</v>
      </c>
      <c r="GT37" s="84">
        <v>124</v>
      </c>
      <c r="GU37" s="271"/>
      <c r="GV37" s="83">
        <v>121</v>
      </c>
      <c r="GW37" s="83">
        <v>97</v>
      </c>
      <c r="GX37" s="83">
        <v>62</v>
      </c>
      <c r="GY37" s="83">
        <v>70</v>
      </c>
      <c r="GZ37" s="83">
        <v>40</v>
      </c>
      <c r="HA37" s="85">
        <v>390</v>
      </c>
      <c r="HB37" s="86">
        <v>514</v>
      </c>
      <c r="HC37" s="71">
        <v>2</v>
      </c>
      <c r="HD37" s="72">
        <v>3</v>
      </c>
      <c r="HE37" s="73">
        <v>5</v>
      </c>
      <c r="HF37" s="271"/>
      <c r="HG37" s="72">
        <v>4</v>
      </c>
      <c r="HH37" s="72">
        <v>5</v>
      </c>
      <c r="HI37" s="72">
        <v>0</v>
      </c>
      <c r="HJ37" s="72">
        <v>5</v>
      </c>
      <c r="HK37" s="72">
        <v>3</v>
      </c>
      <c r="HL37" s="73">
        <v>17</v>
      </c>
      <c r="HM37" s="74">
        <v>22</v>
      </c>
      <c r="HN37" s="71">
        <v>5</v>
      </c>
      <c r="HO37" s="72">
        <v>3</v>
      </c>
      <c r="HP37" s="73">
        <v>8</v>
      </c>
      <c r="HQ37" s="271"/>
      <c r="HR37" s="72">
        <v>7</v>
      </c>
      <c r="HS37" s="72">
        <v>7</v>
      </c>
      <c r="HT37" s="72">
        <v>4</v>
      </c>
      <c r="HU37" s="72">
        <v>4</v>
      </c>
      <c r="HV37" s="72">
        <v>4</v>
      </c>
      <c r="HW37" s="73">
        <v>26</v>
      </c>
      <c r="HX37" s="74">
        <v>34</v>
      </c>
      <c r="HY37" s="71">
        <v>7</v>
      </c>
      <c r="HZ37" s="72">
        <v>4</v>
      </c>
      <c r="IA37" s="73">
        <v>11</v>
      </c>
      <c r="IB37" s="271"/>
      <c r="IC37" s="72">
        <v>16</v>
      </c>
      <c r="ID37" s="72">
        <v>8</v>
      </c>
      <c r="IE37" s="72">
        <v>8</v>
      </c>
      <c r="IF37" s="72">
        <v>10</v>
      </c>
      <c r="IG37" s="72">
        <v>8</v>
      </c>
      <c r="IH37" s="73">
        <v>50</v>
      </c>
      <c r="II37" s="74">
        <v>61</v>
      </c>
      <c r="IJ37" s="71">
        <v>19</v>
      </c>
      <c r="IK37" s="72">
        <v>19</v>
      </c>
      <c r="IL37" s="73">
        <v>38</v>
      </c>
      <c r="IM37" s="271"/>
      <c r="IN37" s="72">
        <v>28</v>
      </c>
      <c r="IO37" s="72">
        <v>22</v>
      </c>
      <c r="IP37" s="72">
        <v>9</v>
      </c>
      <c r="IQ37" s="72">
        <v>14</v>
      </c>
      <c r="IR37" s="72">
        <v>2</v>
      </c>
      <c r="IS37" s="73">
        <v>75</v>
      </c>
      <c r="IT37" s="74">
        <v>113</v>
      </c>
      <c r="IU37" s="71">
        <v>18</v>
      </c>
      <c r="IV37" s="72">
        <v>18</v>
      </c>
      <c r="IW37" s="73">
        <v>36</v>
      </c>
      <c r="IX37" s="271"/>
      <c r="IY37" s="72">
        <v>37</v>
      </c>
      <c r="IZ37" s="72">
        <v>29</v>
      </c>
      <c r="JA37" s="72">
        <v>19</v>
      </c>
      <c r="JB37" s="72">
        <v>20</v>
      </c>
      <c r="JC37" s="72">
        <v>11</v>
      </c>
      <c r="JD37" s="73">
        <v>116</v>
      </c>
      <c r="JE37" s="74">
        <v>152</v>
      </c>
      <c r="JF37" s="71">
        <v>10</v>
      </c>
      <c r="JG37" s="72">
        <v>16</v>
      </c>
      <c r="JH37" s="73">
        <v>26</v>
      </c>
      <c r="JI37" s="271"/>
      <c r="JJ37" s="72">
        <v>29</v>
      </c>
      <c r="JK37" s="72">
        <v>26</v>
      </c>
      <c r="JL37" s="72">
        <v>22</v>
      </c>
      <c r="JM37" s="72">
        <v>17</v>
      </c>
      <c r="JN37" s="72">
        <v>12</v>
      </c>
      <c r="JO37" s="73">
        <v>106</v>
      </c>
      <c r="JP37" s="74">
        <v>132</v>
      </c>
      <c r="JQ37" s="71">
        <v>0</v>
      </c>
      <c r="JR37" s="72">
        <v>0</v>
      </c>
      <c r="JS37" s="73">
        <v>0</v>
      </c>
      <c r="JT37" s="271"/>
      <c r="JU37" s="72">
        <v>5</v>
      </c>
      <c r="JV37" s="72">
        <v>2</v>
      </c>
      <c r="JW37" s="72">
        <v>1</v>
      </c>
      <c r="JX37" s="72">
        <v>1</v>
      </c>
      <c r="JY37" s="72">
        <v>2</v>
      </c>
      <c r="JZ37" s="73">
        <v>11</v>
      </c>
      <c r="KA37" s="74">
        <v>11</v>
      </c>
      <c r="KB37" s="71">
        <v>61</v>
      </c>
      <c r="KC37" s="72">
        <v>63</v>
      </c>
      <c r="KD37" s="73">
        <v>124</v>
      </c>
      <c r="KE37" s="271"/>
      <c r="KF37" s="72">
        <v>126</v>
      </c>
      <c r="KG37" s="72">
        <v>99</v>
      </c>
      <c r="KH37" s="72">
        <v>63</v>
      </c>
      <c r="KI37" s="72">
        <v>71</v>
      </c>
      <c r="KJ37" s="72">
        <v>42</v>
      </c>
      <c r="KK37" s="73">
        <v>401</v>
      </c>
      <c r="KL37" s="74">
        <v>525</v>
      </c>
    </row>
    <row r="38" spans="1:298" ht="19.5" customHeight="1" x14ac:dyDescent="0.2">
      <c r="A38" s="130" t="s">
        <v>35</v>
      </c>
      <c r="B38" s="353">
        <v>45</v>
      </c>
      <c r="C38" s="83">
        <v>50</v>
      </c>
      <c r="D38" s="84">
        <v>95</v>
      </c>
      <c r="E38" s="271"/>
      <c r="F38" s="83">
        <v>152</v>
      </c>
      <c r="G38" s="83">
        <v>108</v>
      </c>
      <c r="H38" s="83">
        <v>60</v>
      </c>
      <c r="I38" s="83">
        <v>59</v>
      </c>
      <c r="J38" s="83">
        <v>23</v>
      </c>
      <c r="K38" s="85">
        <v>402</v>
      </c>
      <c r="L38" s="86">
        <v>497</v>
      </c>
      <c r="M38" s="71">
        <v>2</v>
      </c>
      <c r="N38" s="72">
        <v>3</v>
      </c>
      <c r="O38" s="73">
        <v>5</v>
      </c>
      <c r="P38" s="271"/>
      <c r="Q38" s="72">
        <v>8</v>
      </c>
      <c r="R38" s="72">
        <v>3</v>
      </c>
      <c r="S38" s="72">
        <v>9</v>
      </c>
      <c r="T38" s="72">
        <v>2</v>
      </c>
      <c r="U38" s="72">
        <v>1</v>
      </c>
      <c r="V38" s="73">
        <v>23</v>
      </c>
      <c r="W38" s="74">
        <v>28</v>
      </c>
      <c r="X38" s="71">
        <v>3</v>
      </c>
      <c r="Y38" s="72">
        <v>6</v>
      </c>
      <c r="Z38" s="73">
        <v>9</v>
      </c>
      <c r="AA38" s="271"/>
      <c r="AB38" s="72">
        <v>10</v>
      </c>
      <c r="AC38" s="72">
        <v>10</v>
      </c>
      <c r="AD38" s="72">
        <v>7</v>
      </c>
      <c r="AE38" s="72">
        <v>5</v>
      </c>
      <c r="AF38" s="72">
        <v>7</v>
      </c>
      <c r="AG38" s="73">
        <v>39</v>
      </c>
      <c r="AH38" s="74">
        <v>48</v>
      </c>
      <c r="AI38" s="71">
        <v>11</v>
      </c>
      <c r="AJ38" s="72">
        <v>9</v>
      </c>
      <c r="AK38" s="73">
        <v>20</v>
      </c>
      <c r="AL38" s="271"/>
      <c r="AM38" s="72">
        <v>30</v>
      </c>
      <c r="AN38" s="72">
        <v>17</v>
      </c>
      <c r="AO38" s="72">
        <v>10</v>
      </c>
      <c r="AP38" s="72">
        <v>13</v>
      </c>
      <c r="AQ38" s="72">
        <v>3</v>
      </c>
      <c r="AR38" s="73">
        <v>73</v>
      </c>
      <c r="AS38" s="74">
        <v>93</v>
      </c>
      <c r="AT38" s="71">
        <v>14</v>
      </c>
      <c r="AU38" s="72">
        <v>14</v>
      </c>
      <c r="AV38" s="73">
        <v>28</v>
      </c>
      <c r="AW38" s="271"/>
      <c r="AX38" s="72">
        <v>33</v>
      </c>
      <c r="AY38" s="72">
        <v>23</v>
      </c>
      <c r="AZ38" s="72">
        <v>12</v>
      </c>
      <c r="BA38" s="72">
        <v>13</v>
      </c>
      <c r="BB38" s="72">
        <v>4</v>
      </c>
      <c r="BC38" s="73">
        <v>85</v>
      </c>
      <c r="BD38" s="74">
        <v>113</v>
      </c>
      <c r="BE38" s="71">
        <v>9</v>
      </c>
      <c r="BF38" s="72">
        <v>11</v>
      </c>
      <c r="BG38" s="73">
        <v>20</v>
      </c>
      <c r="BH38" s="271"/>
      <c r="BI38" s="72">
        <v>45</v>
      </c>
      <c r="BJ38" s="72">
        <v>29</v>
      </c>
      <c r="BK38" s="72">
        <v>6</v>
      </c>
      <c r="BL38" s="72">
        <v>12</v>
      </c>
      <c r="BM38" s="72">
        <v>3</v>
      </c>
      <c r="BN38" s="73">
        <v>95</v>
      </c>
      <c r="BO38" s="74">
        <v>115</v>
      </c>
      <c r="BP38" s="71">
        <v>6</v>
      </c>
      <c r="BQ38" s="72">
        <v>7</v>
      </c>
      <c r="BR38" s="73">
        <v>13</v>
      </c>
      <c r="BS38" s="271"/>
      <c r="BT38" s="72">
        <v>26</v>
      </c>
      <c r="BU38" s="72">
        <v>26</v>
      </c>
      <c r="BV38" s="72">
        <v>16</v>
      </c>
      <c r="BW38" s="72">
        <v>14</v>
      </c>
      <c r="BX38" s="72">
        <v>5</v>
      </c>
      <c r="BY38" s="73">
        <v>87</v>
      </c>
      <c r="BZ38" s="74">
        <v>100</v>
      </c>
      <c r="CA38" s="71">
        <v>0</v>
      </c>
      <c r="CB38" s="72">
        <v>3</v>
      </c>
      <c r="CC38" s="73">
        <v>3</v>
      </c>
      <c r="CD38" s="271"/>
      <c r="CE38" s="72">
        <v>4</v>
      </c>
      <c r="CF38" s="72">
        <v>1</v>
      </c>
      <c r="CG38" s="72">
        <v>2</v>
      </c>
      <c r="CH38" s="72">
        <v>0</v>
      </c>
      <c r="CI38" s="72">
        <v>1</v>
      </c>
      <c r="CJ38" s="73">
        <v>8</v>
      </c>
      <c r="CK38" s="74">
        <v>11</v>
      </c>
      <c r="CL38" s="71">
        <v>45</v>
      </c>
      <c r="CM38" s="72">
        <v>53</v>
      </c>
      <c r="CN38" s="73">
        <v>98</v>
      </c>
      <c r="CO38" s="271"/>
      <c r="CP38" s="72">
        <v>156</v>
      </c>
      <c r="CQ38" s="72">
        <v>109</v>
      </c>
      <c r="CR38" s="72">
        <v>62</v>
      </c>
      <c r="CS38" s="72">
        <v>59</v>
      </c>
      <c r="CT38" s="72">
        <v>24</v>
      </c>
      <c r="CU38" s="73">
        <v>410</v>
      </c>
      <c r="CV38" s="74">
        <v>508</v>
      </c>
      <c r="CW38" s="127">
        <v>130</v>
      </c>
      <c r="CX38" s="83">
        <v>168</v>
      </c>
      <c r="CY38" s="84">
        <v>298</v>
      </c>
      <c r="CZ38" s="271"/>
      <c r="DA38" s="83">
        <v>298</v>
      </c>
      <c r="DB38" s="83">
        <v>186</v>
      </c>
      <c r="DC38" s="83">
        <v>151</v>
      </c>
      <c r="DD38" s="83">
        <v>142</v>
      </c>
      <c r="DE38" s="83">
        <v>90</v>
      </c>
      <c r="DF38" s="85">
        <v>867</v>
      </c>
      <c r="DG38" s="86">
        <v>1165</v>
      </c>
      <c r="DH38" s="71">
        <v>3</v>
      </c>
      <c r="DI38" s="72">
        <v>3</v>
      </c>
      <c r="DJ38" s="73">
        <v>6</v>
      </c>
      <c r="DK38" s="271"/>
      <c r="DL38" s="72">
        <v>4</v>
      </c>
      <c r="DM38" s="72">
        <v>5</v>
      </c>
      <c r="DN38" s="72">
        <v>5</v>
      </c>
      <c r="DO38" s="72">
        <v>6</v>
      </c>
      <c r="DP38" s="72">
        <v>1</v>
      </c>
      <c r="DQ38" s="73">
        <v>21</v>
      </c>
      <c r="DR38" s="74">
        <v>27</v>
      </c>
      <c r="DS38" s="71">
        <v>6</v>
      </c>
      <c r="DT38" s="72">
        <v>13</v>
      </c>
      <c r="DU38" s="73">
        <v>19</v>
      </c>
      <c r="DV38" s="271"/>
      <c r="DW38" s="72">
        <v>22</v>
      </c>
      <c r="DX38" s="72">
        <v>9</v>
      </c>
      <c r="DY38" s="72">
        <v>5</v>
      </c>
      <c r="DZ38" s="72">
        <v>2</v>
      </c>
      <c r="EA38" s="72">
        <v>3</v>
      </c>
      <c r="EB38" s="73">
        <v>41</v>
      </c>
      <c r="EC38" s="74">
        <v>60</v>
      </c>
      <c r="ED38" s="71">
        <v>22</v>
      </c>
      <c r="EE38" s="72">
        <v>29</v>
      </c>
      <c r="EF38" s="73">
        <v>51</v>
      </c>
      <c r="EG38" s="271"/>
      <c r="EH38" s="72">
        <v>33</v>
      </c>
      <c r="EI38" s="72">
        <v>15</v>
      </c>
      <c r="EJ38" s="72">
        <v>7</v>
      </c>
      <c r="EK38" s="72">
        <v>15</v>
      </c>
      <c r="EL38" s="72">
        <v>11</v>
      </c>
      <c r="EM38" s="73">
        <v>81</v>
      </c>
      <c r="EN38" s="74">
        <v>132</v>
      </c>
      <c r="EO38" s="71">
        <v>29</v>
      </c>
      <c r="EP38" s="72">
        <v>32</v>
      </c>
      <c r="EQ38" s="73">
        <v>61</v>
      </c>
      <c r="ER38" s="271"/>
      <c r="ES38" s="72">
        <v>72</v>
      </c>
      <c r="ET38" s="72">
        <v>43</v>
      </c>
      <c r="EU38" s="72">
        <v>32</v>
      </c>
      <c r="EV38" s="72">
        <v>21</v>
      </c>
      <c r="EW38" s="72">
        <v>10</v>
      </c>
      <c r="EX38" s="73">
        <v>178</v>
      </c>
      <c r="EY38" s="74">
        <v>239</v>
      </c>
      <c r="EZ38" s="71">
        <v>40</v>
      </c>
      <c r="FA38" s="72">
        <v>58</v>
      </c>
      <c r="FB38" s="73">
        <v>98</v>
      </c>
      <c r="FC38" s="271"/>
      <c r="FD38" s="72">
        <v>94</v>
      </c>
      <c r="FE38" s="72">
        <v>53</v>
      </c>
      <c r="FF38" s="72">
        <v>36</v>
      </c>
      <c r="FG38" s="72">
        <v>34</v>
      </c>
      <c r="FH38" s="72">
        <v>21</v>
      </c>
      <c r="FI38" s="73">
        <v>238</v>
      </c>
      <c r="FJ38" s="74">
        <v>336</v>
      </c>
      <c r="FK38" s="71">
        <v>30</v>
      </c>
      <c r="FL38" s="72">
        <v>33</v>
      </c>
      <c r="FM38" s="73">
        <v>63</v>
      </c>
      <c r="FN38" s="271"/>
      <c r="FO38" s="72">
        <v>73</v>
      </c>
      <c r="FP38" s="72">
        <v>61</v>
      </c>
      <c r="FQ38" s="72">
        <v>66</v>
      </c>
      <c r="FR38" s="72">
        <v>64</v>
      </c>
      <c r="FS38" s="72">
        <v>44</v>
      </c>
      <c r="FT38" s="73">
        <v>308</v>
      </c>
      <c r="FU38" s="74">
        <v>371</v>
      </c>
      <c r="FV38" s="71">
        <v>1</v>
      </c>
      <c r="FW38" s="72">
        <v>1</v>
      </c>
      <c r="FX38" s="73">
        <v>2</v>
      </c>
      <c r="FY38" s="271"/>
      <c r="FZ38" s="72">
        <v>0</v>
      </c>
      <c r="GA38" s="72">
        <v>7</v>
      </c>
      <c r="GB38" s="72">
        <v>2</v>
      </c>
      <c r="GC38" s="72">
        <v>1</v>
      </c>
      <c r="GD38" s="72">
        <v>1</v>
      </c>
      <c r="GE38" s="73">
        <v>11</v>
      </c>
      <c r="GF38" s="74">
        <v>13</v>
      </c>
      <c r="GG38" s="71">
        <v>131</v>
      </c>
      <c r="GH38" s="72">
        <v>169</v>
      </c>
      <c r="GI38" s="73">
        <v>300</v>
      </c>
      <c r="GJ38" s="271"/>
      <c r="GK38" s="72">
        <v>298</v>
      </c>
      <c r="GL38" s="72">
        <v>193</v>
      </c>
      <c r="GM38" s="72">
        <v>153</v>
      </c>
      <c r="GN38" s="72">
        <v>143</v>
      </c>
      <c r="GO38" s="72">
        <v>91</v>
      </c>
      <c r="GP38" s="73">
        <v>878</v>
      </c>
      <c r="GQ38" s="74">
        <v>1178</v>
      </c>
      <c r="GR38" s="127">
        <v>175</v>
      </c>
      <c r="GS38" s="83">
        <v>218</v>
      </c>
      <c r="GT38" s="84">
        <v>393</v>
      </c>
      <c r="GU38" s="271"/>
      <c r="GV38" s="83">
        <v>450</v>
      </c>
      <c r="GW38" s="83">
        <v>294</v>
      </c>
      <c r="GX38" s="83">
        <v>211</v>
      </c>
      <c r="GY38" s="83">
        <v>201</v>
      </c>
      <c r="GZ38" s="83">
        <v>113</v>
      </c>
      <c r="HA38" s="85">
        <v>1269</v>
      </c>
      <c r="HB38" s="86">
        <v>1662</v>
      </c>
      <c r="HC38" s="71">
        <v>5</v>
      </c>
      <c r="HD38" s="72">
        <v>6</v>
      </c>
      <c r="HE38" s="73">
        <v>11</v>
      </c>
      <c r="HF38" s="271"/>
      <c r="HG38" s="72">
        <v>12</v>
      </c>
      <c r="HH38" s="72">
        <v>8</v>
      </c>
      <c r="HI38" s="72">
        <v>14</v>
      </c>
      <c r="HJ38" s="72">
        <v>8</v>
      </c>
      <c r="HK38" s="72">
        <v>2</v>
      </c>
      <c r="HL38" s="73">
        <v>44</v>
      </c>
      <c r="HM38" s="74">
        <v>55</v>
      </c>
      <c r="HN38" s="71">
        <v>9</v>
      </c>
      <c r="HO38" s="72">
        <v>19</v>
      </c>
      <c r="HP38" s="73">
        <v>28</v>
      </c>
      <c r="HQ38" s="271"/>
      <c r="HR38" s="72">
        <v>32</v>
      </c>
      <c r="HS38" s="72">
        <v>19</v>
      </c>
      <c r="HT38" s="72">
        <v>12</v>
      </c>
      <c r="HU38" s="72">
        <v>7</v>
      </c>
      <c r="HV38" s="72">
        <v>10</v>
      </c>
      <c r="HW38" s="73">
        <v>80</v>
      </c>
      <c r="HX38" s="74">
        <v>108</v>
      </c>
      <c r="HY38" s="71">
        <v>33</v>
      </c>
      <c r="HZ38" s="72">
        <v>38</v>
      </c>
      <c r="IA38" s="73">
        <v>71</v>
      </c>
      <c r="IB38" s="271"/>
      <c r="IC38" s="72">
        <v>63</v>
      </c>
      <c r="ID38" s="72">
        <v>32</v>
      </c>
      <c r="IE38" s="72">
        <v>17</v>
      </c>
      <c r="IF38" s="72">
        <v>28</v>
      </c>
      <c r="IG38" s="72">
        <v>14</v>
      </c>
      <c r="IH38" s="73">
        <v>154</v>
      </c>
      <c r="II38" s="74">
        <v>225</v>
      </c>
      <c r="IJ38" s="71">
        <v>43</v>
      </c>
      <c r="IK38" s="72">
        <v>46</v>
      </c>
      <c r="IL38" s="73">
        <v>89</v>
      </c>
      <c r="IM38" s="271"/>
      <c r="IN38" s="72">
        <v>105</v>
      </c>
      <c r="IO38" s="72">
        <v>66</v>
      </c>
      <c r="IP38" s="72">
        <v>44</v>
      </c>
      <c r="IQ38" s="72">
        <v>34</v>
      </c>
      <c r="IR38" s="72">
        <v>14</v>
      </c>
      <c r="IS38" s="73">
        <v>263</v>
      </c>
      <c r="IT38" s="74">
        <v>352</v>
      </c>
      <c r="IU38" s="71">
        <v>49</v>
      </c>
      <c r="IV38" s="72">
        <v>69</v>
      </c>
      <c r="IW38" s="73">
        <v>118</v>
      </c>
      <c r="IX38" s="271"/>
      <c r="IY38" s="72">
        <v>139</v>
      </c>
      <c r="IZ38" s="72">
        <v>82</v>
      </c>
      <c r="JA38" s="72">
        <v>42</v>
      </c>
      <c r="JB38" s="72">
        <v>46</v>
      </c>
      <c r="JC38" s="72">
        <v>24</v>
      </c>
      <c r="JD38" s="73">
        <v>333</v>
      </c>
      <c r="JE38" s="74">
        <v>451</v>
      </c>
      <c r="JF38" s="71">
        <v>36</v>
      </c>
      <c r="JG38" s="72">
        <v>40</v>
      </c>
      <c r="JH38" s="73">
        <v>76</v>
      </c>
      <c r="JI38" s="271"/>
      <c r="JJ38" s="72">
        <v>99</v>
      </c>
      <c r="JK38" s="72">
        <v>87</v>
      </c>
      <c r="JL38" s="72">
        <v>82</v>
      </c>
      <c r="JM38" s="72">
        <v>78</v>
      </c>
      <c r="JN38" s="72">
        <v>49</v>
      </c>
      <c r="JO38" s="73">
        <v>395</v>
      </c>
      <c r="JP38" s="74">
        <v>471</v>
      </c>
      <c r="JQ38" s="71">
        <v>1</v>
      </c>
      <c r="JR38" s="72">
        <v>4</v>
      </c>
      <c r="JS38" s="73">
        <v>5</v>
      </c>
      <c r="JT38" s="271"/>
      <c r="JU38" s="72">
        <v>4</v>
      </c>
      <c r="JV38" s="72">
        <v>8</v>
      </c>
      <c r="JW38" s="72">
        <v>4</v>
      </c>
      <c r="JX38" s="72">
        <v>1</v>
      </c>
      <c r="JY38" s="72">
        <v>2</v>
      </c>
      <c r="JZ38" s="73">
        <v>19</v>
      </c>
      <c r="KA38" s="74">
        <v>24</v>
      </c>
      <c r="KB38" s="71">
        <v>176</v>
      </c>
      <c r="KC38" s="72">
        <v>222</v>
      </c>
      <c r="KD38" s="73">
        <v>398</v>
      </c>
      <c r="KE38" s="271"/>
      <c r="KF38" s="72">
        <v>454</v>
      </c>
      <c r="KG38" s="72">
        <v>302</v>
      </c>
      <c r="KH38" s="72">
        <v>215</v>
      </c>
      <c r="KI38" s="72">
        <v>202</v>
      </c>
      <c r="KJ38" s="72">
        <v>115</v>
      </c>
      <c r="KK38" s="73">
        <v>1288</v>
      </c>
      <c r="KL38" s="74">
        <v>1686</v>
      </c>
    </row>
    <row r="39" spans="1:298" ht="19.5" customHeight="1" x14ac:dyDescent="0.2">
      <c r="A39" s="130" t="s">
        <v>36</v>
      </c>
      <c r="B39" s="353">
        <v>62</v>
      </c>
      <c r="C39" s="83">
        <v>77</v>
      </c>
      <c r="D39" s="84">
        <v>139</v>
      </c>
      <c r="E39" s="271"/>
      <c r="F39" s="83">
        <v>132</v>
      </c>
      <c r="G39" s="83">
        <v>132</v>
      </c>
      <c r="H39" s="83">
        <v>97</v>
      </c>
      <c r="I39" s="83">
        <v>60</v>
      </c>
      <c r="J39" s="83">
        <v>47</v>
      </c>
      <c r="K39" s="85">
        <v>468</v>
      </c>
      <c r="L39" s="86">
        <v>607</v>
      </c>
      <c r="M39" s="71">
        <v>5</v>
      </c>
      <c r="N39" s="72">
        <v>5</v>
      </c>
      <c r="O39" s="73">
        <v>10</v>
      </c>
      <c r="P39" s="271"/>
      <c r="Q39" s="72">
        <v>13</v>
      </c>
      <c r="R39" s="72">
        <v>16</v>
      </c>
      <c r="S39" s="72">
        <v>4</v>
      </c>
      <c r="T39" s="72">
        <v>2</v>
      </c>
      <c r="U39" s="72">
        <v>7</v>
      </c>
      <c r="V39" s="73">
        <v>42</v>
      </c>
      <c r="W39" s="74">
        <v>52</v>
      </c>
      <c r="X39" s="71">
        <v>11</v>
      </c>
      <c r="Y39" s="72">
        <v>13</v>
      </c>
      <c r="Z39" s="73">
        <v>24</v>
      </c>
      <c r="AA39" s="271"/>
      <c r="AB39" s="72">
        <v>20</v>
      </c>
      <c r="AC39" s="72">
        <v>22</v>
      </c>
      <c r="AD39" s="72">
        <v>10</v>
      </c>
      <c r="AE39" s="72">
        <v>12</v>
      </c>
      <c r="AF39" s="72">
        <v>5</v>
      </c>
      <c r="AG39" s="73">
        <v>69</v>
      </c>
      <c r="AH39" s="74">
        <v>93</v>
      </c>
      <c r="AI39" s="71">
        <v>16</v>
      </c>
      <c r="AJ39" s="72">
        <v>11</v>
      </c>
      <c r="AK39" s="73">
        <v>27</v>
      </c>
      <c r="AL39" s="271"/>
      <c r="AM39" s="72">
        <v>29</v>
      </c>
      <c r="AN39" s="72">
        <v>25</v>
      </c>
      <c r="AO39" s="72">
        <v>21</v>
      </c>
      <c r="AP39" s="72">
        <v>7</v>
      </c>
      <c r="AQ39" s="72">
        <v>10</v>
      </c>
      <c r="AR39" s="73">
        <v>92</v>
      </c>
      <c r="AS39" s="74">
        <v>119</v>
      </c>
      <c r="AT39" s="71">
        <v>20</v>
      </c>
      <c r="AU39" s="72">
        <v>22</v>
      </c>
      <c r="AV39" s="73">
        <v>42</v>
      </c>
      <c r="AW39" s="271"/>
      <c r="AX39" s="72">
        <v>29</v>
      </c>
      <c r="AY39" s="72">
        <v>33</v>
      </c>
      <c r="AZ39" s="72">
        <v>24</v>
      </c>
      <c r="BA39" s="72">
        <v>11</v>
      </c>
      <c r="BB39" s="72">
        <v>14</v>
      </c>
      <c r="BC39" s="73">
        <v>111</v>
      </c>
      <c r="BD39" s="74">
        <v>153</v>
      </c>
      <c r="BE39" s="71">
        <v>6</v>
      </c>
      <c r="BF39" s="72">
        <v>22</v>
      </c>
      <c r="BG39" s="73">
        <v>28</v>
      </c>
      <c r="BH39" s="271"/>
      <c r="BI39" s="72">
        <v>28</v>
      </c>
      <c r="BJ39" s="72">
        <v>23</v>
      </c>
      <c r="BK39" s="72">
        <v>24</v>
      </c>
      <c r="BL39" s="72">
        <v>18</v>
      </c>
      <c r="BM39" s="72">
        <v>7</v>
      </c>
      <c r="BN39" s="73">
        <v>100</v>
      </c>
      <c r="BO39" s="74">
        <v>128</v>
      </c>
      <c r="BP39" s="71">
        <v>4</v>
      </c>
      <c r="BQ39" s="72">
        <v>4</v>
      </c>
      <c r="BR39" s="73">
        <v>8</v>
      </c>
      <c r="BS39" s="271"/>
      <c r="BT39" s="72">
        <v>13</v>
      </c>
      <c r="BU39" s="72">
        <v>13</v>
      </c>
      <c r="BV39" s="72">
        <v>14</v>
      </c>
      <c r="BW39" s="72">
        <v>10</v>
      </c>
      <c r="BX39" s="72">
        <v>4</v>
      </c>
      <c r="BY39" s="73">
        <v>54</v>
      </c>
      <c r="BZ39" s="74">
        <v>62</v>
      </c>
      <c r="CA39" s="71">
        <v>3</v>
      </c>
      <c r="CB39" s="72">
        <v>5</v>
      </c>
      <c r="CC39" s="73">
        <v>8</v>
      </c>
      <c r="CD39" s="271"/>
      <c r="CE39" s="72">
        <v>3</v>
      </c>
      <c r="CF39" s="72">
        <v>7</v>
      </c>
      <c r="CG39" s="72">
        <v>5</v>
      </c>
      <c r="CH39" s="72">
        <v>6</v>
      </c>
      <c r="CI39" s="72">
        <v>3</v>
      </c>
      <c r="CJ39" s="73">
        <v>24</v>
      </c>
      <c r="CK39" s="74">
        <v>32</v>
      </c>
      <c r="CL39" s="71">
        <v>65</v>
      </c>
      <c r="CM39" s="72">
        <v>82</v>
      </c>
      <c r="CN39" s="73">
        <v>147</v>
      </c>
      <c r="CO39" s="271"/>
      <c r="CP39" s="72">
        <v>135</v>
      </c>
      <c r="CQ39" s="72">
        <v>139</v>
      </c>
      <c r="CR39" s="72">
        <v>102</v>
      </c>
      <c r="CS39" s="72">
        <v>66</v>
      </c>
      <c r="CT39" s="72">
        <v>50</v>
      </c>
      <c r="CU39" s="73">
        <v>492</v>
      </c>
      <c r="CV39" s="74">
        <v>639</v>
      </c>
      <c r="CW39" s="127">
        <v>102</v>
      </c>
      <c r="CX39" s="83">
        <v>152</v>
      </c>
      <c r="CY39" s="84">
        <v>254</v>
      </c>
      <c r="CZ39" s="271"/>
      <c r="DA39" s="83">
        <v>266</v>
      </c>
      <c r="DB39" s="83">
        <v>201</v>
      </c>
      <c r="DC39" s="83">
        <v>175</v>
      </c>
      <c r="DD39" s="83">
        <v>171</v>
      </c>
      <c r="DE39" s="83">
        <v>143</v>
      </c>
      <c r="DF39" s="85">
        <v>956</v>
      </c>
      <c r="DG39" s="86">
        <v>1210</v>
      </c>
      <c r="DH39" s="71">
        <v>1</v>
      </c>
      <c r="DI39" s="72">
        <v>9</v>
      </c>
      <c r="DJ39" s="73">
        <v>10</v>
      </c>
      <c r="DK39" s="271"/>
      <c r="DL39" s="72">
        <v>9</v>
      </c>
      <c r="DM39" s="72">
        <v>5</v>
      </c>
      <c r="DN39" s="72">
        <v>6</v>
      </c>
      <c r="DO39" s="72">
        <v>5</v>
      </c>
      <c r="DP39" s="72">
        <v>4</v>
      </c>
      <c r="DQ39" s="73">
        <v>29</v>
      </c>
      <c r="DR39" s="74">
        <v>39</v>
      </c>
      <c r="DS39" s="71">
        <v>9</v>
      </c>
      <c r="DT39" s="72">
        <v>24</v>
      </c>
      <c r="DU39" s="73">
        <v>33</v>
      </c>
      <c r="DV39" s="271"/>
      <c r="DW39" s="72">
        <v>31</v>
      </c>
      <c r="DX39" s="72">
        <v>10</v>
      </c>
      <c r="DY39" s="72">
        <v>12</v>
      </c>
      <c r="DZ39" s="72">
        <v>12</v>
      </c>
      <c r="EA39" s="72">
        <v>10</v>
      </c>
      <c r="EB39" s="73">
        <v>75</v>
      </c>
      <c r="EC39" s="74">
        <v>108</v>
      </c>
      <c r="ED39" s="71">
        <v>18</v>
      </c>
      <c r="EE39" s="72">
        <v>27</v>
      </c>
      <c r="EF39" s="73">
        <v>45</v>
      </c>
      <c r="EG39" s="271"/>
      <c r="EH39" s="72">
        <v>25</v>
      </c>
      <c r="EI39" s="72">
        <v>23</v>
      </c>
      <c r="EJ39" s="72">
        <v>17</v>
      </c>
      <c r="EK39" s="72">
        <v>11</v>
      </c>
      <c r="EL39" s="72">
        <v>22</v>
      </c>
      <c r="EM39" s="73">
        <v>98</v>
      </c>
      <c r="EN39" s="74">
        <v>143</v>
      </c>
      <c r="EO39" s="71">
        <v>38</v>
      </c>
      <c r="EP39" s="72">
        <v>38</v>
      </c>
      <c r="EQ39" s="73">
        <v>76</v>
      </c>
      <c r="ER39" s="271"/>
      <c r="ES39" s="72">
        <v>84</v>
      </c>
      <c r="ET39" s="72">
        <v>43</v>
      </c>
      <c r="EU39" s="72">
        <v>49</v>
      </c>
      <c r="EV39" s="72">
        <v>30</v>
      </c>
      <c r="EW39" s="72">
        <v>25</v>
      </c>
      <c r="EX39" s="73">
        <v>231</v>
      </c>
      <c r="EY39" s="74">
        <v>307</v>
      </c>
      <c r="EZ39" s="71">
        <v>27</v>
      </c>
      <c r="FA39" s="72">
        <v>36</v>
      </c>
      <c r="FB39" s="73">
        <v>63</v>
      </c>
      <c r="FC39" s="271"/>
      <c r="FD39" s="72">
        <v>62</v>
      </c>
      <c r="FE39" s="72">
        <v>67</v>
      </c>
      <c r="FF39" s="72">
        <v>42</v>
      </c>
      <c r="FG39" s="72">
        <v>43</v>
      </c>
      <c r="FH39" s="72">
        <v>30</v>
      </c>
      <c r="FI39" s="73">
        <v>244</v>
      </c>
      <c r="FJ39" s="74">
        <v>307</v>
      </c>
      <c r="FK39" s="71">
        <v>9</v>
      </c>
      <c r="FL39" s="72">
        <v>18</v>
      </c>
      <c r="FM39" s="73">
        <v>27</v>
      </c>
      <c r="FN39" s="271"/>
      <c r="FO39" s="72">
        <v>55</v>
      </c>
      <c r="FP39" s="72">
        <v>53</v>
      </c>
      <c r="FQ39" s="72">
        <v>49</v>
      </c>
      <c r="FR39" s="72">
        <v>70</v>
      </c>
      <c r="FS39" s="72">
        <v>52</v>
      </c>
      <c r="FT39" s="73">
        <v>279</v>
      </c>
      <c r="FU39" s="74">
        <v>306</v>
      </c>
      <c r="FV39" s="71">
        <v>1</v>
      </c>
      <c r="FW39" s="72">
        <v>3</v>
      </c>
      <c r="FX39" s="73">
        <v>4</v>
      </c>
      <c r="FY39" s="271"/>
      <c r="FZ39" s="72">
        <v>2</v>
      </c>
      <c r="GA39" s="72">
        <v>4</v>
      </c>
      <c r="GB39" s="72">
        <v>2</v>
      </c>
      <c r="GC39" s="72">
        <v>3</v>
      </c>
      <c r="GD39" s="72">
        <v>5</v>
      </c>
      <c r="GE39" s="73">
        <v>16</v>
      </c>
      <c r="GF39" s="74">
        <v>20</v>
      </c>
      <c r="GG39" s="71">
        <v>103</v>
      </c>
      <c r="GH39" s="72">
        <v>155</v>
      </c>
      <c r="GI39" s="73">
        <v>258</v>
      </c>
      <c r="GJ39" s="271"/>
      <c r="GK39" s="72">
        <v>268</v>
      </c>
      <c r="GL39" s="72">
        <v>205</v>
      </c>
      <c r="GM39" s="72">
        <v>177</v>
      </c>
      <c r="GN39" s="72">
        <v>174</v>
      </c>
      <c r="GO39" s="72">
        <v>148</v>
      </c>
      <c r="GP39" s="73">
        <v>972</v>
      </c>
      <c r="GQ39" s="74">
        <v>1230</v>
      </c>
      <c r="GR39" s="127">
        <v>164</v>
      </c>
      <c r="GS39" s="83">
        <v>229</v>
      </c>
      <c r="GT39" s="84">
        <v>393</v>
      </c>
      <c r="GU39" s="271"/>
      <c r="GV39" s="83">
        <v>398</v>
      </c>
      <c r="GW39" s="83">
        <v>333</v>
      </c>
      <c r="GX39" s="83">
        <v>272</v>
      </c>
      <c r="GY39" s="83">
        <v>231</v>
      </c>
      <c r="GZ39" s="83">
        <v>190</v>
      </c>
      <c r="HA39" s="85">
        <v>1424</v>
      </c>
      <c r="HB39" s="86">
        <v>1817</v>
      </c>
      <c r="HC39" s="71">
        <v>6</v>
      </c>
      <c r="HD39" s="72">
        <v>14</v>
      </c>
      <c r="HE39" s="73">
        <v>20</v>
      </c>
      <c r="HF39" s="271"/>
      <c r="HG39" s="72">
        <v>22</v>
      </c>
      <c r="HH39" s="72">
        <v>21</v>
      </c>
      <c r="HI39" s="72">
        <v>10</v>
      </c>
      <c r="HJ39" s="72">
        <v>7</v>
      </c>
      <c r="HK39" s="72">
        <v>11</v>
      </c>
      <c r="HL39" s="73">
        <v>71</v>
      </c>
      <c r="HM39" s="74">
        <v>91</v>
      </c>
      <c r="HN39" s="71">
        <v>20</v>
      </c>
      <c r="HO39" s="72">
        <v>37</v>
      </c>
      <c r="HP39" s="73">
        <v>57</v>
      </c>
      <c r="HQ39" s="271"/>
      <c r="HR39" s="72">
        <v>51</v>
      </c>
      <c r="HS39" s="72">
        <v>32</v>
      </c>
      <c r="HT39" s="72">
        <v>22</v>
      </c>
      <c r="HU39" s="72">
        <v>24</v>
      </c>
      <c r="HV39" s="72">
        <v>15</v>
      </c>
      <c r="HW39" s="73">
        <v>144</v>
      </c>
      <c r="HX39" s="74">
        <v>201</v>
      </c>
      <c r="HY39" s="71">
        <v>34</v>
      </c>
      <c r="HZ39" s="72">
        <v>38</v>
      </c>
      <c r="IA39" s="73">
        <v>72</v>
      </c>
      <c r="IB39" s="271"/>
      <c r="IC39" s="72">
        <v>54</v>
      </c>
      <c r="ID39" s="72">
        <v>48</v>
      </c>
      <c r="IE39" s="72">
        <v>38</v>
      </c>
      <c r="IF39" s="72">
        <v>18</v>
      </c>
      <c r="IG39" s="72">
        <v>32</v>
      </c>
      <c r="IH39" s="73">
        <v>190</v>
      </c>
      <c r="II39" s="74">
        <v>262</v>
      </c>
      <c r="IJ39" s="71">
        <v>58</v>
      </c>
      <c r="IK39" s="72">
        <v>60</v>
      </c>
      <c r="IL39" s="73">
        <v>118</v>
      </c>
      <c r="IM39" s="271"/>
      <c r="IN39" s="72">
        <v>113</v>
      </c>
      <c r="IO39" s="72">
        <v>76</v>
      </c>
      <c r="IP39" s="72">
        <v>73</v>
      </c>
      <c r="IQ39" s="72">
        <v>41</v>
      </c>
      <c r="IR39" s="72">
        <v>39</v>
      </c>
      <c r="IS39" s="73">
        <v>342</v>
      </c>
      <c r="IT39" s="74">
        <v>460</v>
      </c>
      <c r="IU39" s="71">
        <v>33</v>
      </c>
      <c r="IV39" s="72">
        <v>58</v>
      </c>
      <c r="IW39" s="73">
        <v>91</v>
      </c>
      <c r="IX39" s="271"/>
      <c r="IY39" s="72">
        <v>90</v>
      </c>
      <c r="IZ39" s="72">
        <v>90</v>
      </c>
      <c r="JA39" s="72">
        <v>66</v>
      </c>
      <c r="JB39" s="72">
        <v>61</v>
      </c>
      <c r="JC39" s="72">
        <v>37</v>
      </c>
      <c r="JD39" s="73">
        <v>344</v>
      </c>
      <c r="JE39" s="74">
        <v>435</v>
      </c>
      <c r="JF39" s="71">
        <v>13</v>
      </c>
      <c r="JG39" s="72">
        <v>22</v>
      </c>
      <c r="JH39" s="73">
        <v>35</v>
      </c>
      <c r="JI39" s="271"/>
      <c r="JJ39" s="72">
        <v>68</v>
      </c>
      <c r="JK39" s="72">
        <v>66</v>
      </c>
      <c r="JL39" s="72">
        <v>63</v>
      </c>
      <c r="JM39" s="72">
        <v>80</v>
      </c>
      <c r="JN39" s="72">
        <v>56</v>
      </c>
      <c r="JO39" s="73">
        <v>333</v>
      </c>
      <c r="JP39" s="74">
        <v>368</v>
      </c>
      <c r="JQ39" s="71">
        <v>4</v>
      </c>
      <c r="JR39" s="72">
        <v>8</v>
      </c>
      <c r="JS39" s="73">
        <v>12</v>
      </c>
      <c r="JT39" s="271"/>
      <c r="JU39" s="72">
        <v>5</v>
      </c>
      <c r="JV39" s="72">
        <v>11</v>
      </c>
      <c r="JW39" s="72">
        <v>7</v>
      </c>
      <c r="JX39" s="72">
        <v>9</v>
      </c>
      <c r="JY39" s="72">
        <v>8</v>
      </c>
      <c r="JZ39" s="73">
        <v>40</v>
      </c>
      <c r="KA39" s="74">
        <v>52</v>
      </c>
      <c r="KB39" s="71">
        <v>168</v>
      </c>
      <c r="KC39" s="72">
        <v>237</v>
      </c>
      <c r="KD39" s="73">
        <v>405</v>
      </c>
      <c r="KE39" s="271"/>
      <c r="KF39" s="72">
        <v>403</v>
      </c>
      <c r="KG39" s="72">
        <v>344</v>
      </c>
      <c r="KH39" s="72">
        <v>279</v>
      </c>
      <c r="KI39" s="72">
        <v>240</v>
      </c>
      <c r="KJ39" s="72">
        <v>198</v>
      </c>
      <c r="KK39" s="73">
        <v>1464</v>
      </c>
      <c r="KL39" s="74">
        <v>1869</v>
      </c>
    </row>
    <row r="40" spans="1:298" ht="19.5" customHeight="1" thickBot="1" x14ac:dyDescent="0.25">
      <c r="A40" s="131" t="s">
        <v>37</v>
      </c>
      <c r="B40" s="354">
        <v>2</v>
      </c>
      <c r="C40" s="88">
        <v>2</v>
      </c>
      <c r="D40" s="89">
        <v>4</v>
      </c>
      <c r="E40" s="272"/>
      <c r="F40" s="88">
        <v>12</v>
      </c>
      <c r="G40" s="88">
        <v>10</v>
      </c>
      <c r="H40" s="88">
        <v>11</v>
      </c>
      <c r="I40" s="88">
        <v>5</v>
      </c>
      <c r="J40" s="88">
        <v>5</v>
      </c>
      <c r="K40" s="90">
        <v>43</v>
      </c>
      <c r="L40" s="91">
        <v>47</v>
      </c>
      <c r="M40" s="75">
        <v>0</v>
      </c>
      <c r="N40" s="76">
        <v>1</v>
      </c>
      <c r="O40" s="77">
        <v>1</v>
      </c>
      <c r="P40" s="272"/>
      <c r="Q40" s="76">
        <v>0</v>
      </c>
      <c r="R40" s="76">
        <v>1</v>
      </c>
      <c r="S40" s="76">
        <v>1</v>
      </c>
      <c r="T40" s="76">
        <v>0</v>
      </c>
      <c r="U40" s="76">
        <v>1</v>
      </c>
      <c r="V40" s="77">
        <v>3</v>
      </c>
      <c r="W40" s="78">
        <v>4</v>
      </c>
      <c r="X40" s="75">
        <v>1</v>
      </c>
      <c r="Y40" s="76">
        <v>0</v>
      </c>
      <c r="Z40" s="77">
        <v>1</v>
      </c>
      <c r="AA40" s="272"/>
      <c r="AB40" s="76">
        <v>1</v>
      </c>
      <c r="AC40" s="76">
        <v>1</v>
      </c>
      <c r="AD40" s="76">
        <v>2</v>
      </c>
      <c r="AE40" s="76">
        <v>0</v>
      </c>
      <c r="AF40" s="76">
        <v>0</v>
      </c>
      <c r="AG40" s="77">
        <v>4</v>
      </c>
      <c r="AH40" s="78">
        <v>5</v>
      </c>
      <c r="AI40" s="75">
        <v>1</v>
      </c>
      <c r="AJ40" s="76">
        <v>1</v>
      </c>
      <c r="AK40" s="77">
        <v>2</v>
      </c>
      <c r="AL40" s="272"/>
      <c r="AM40" s="76">
        <v>2</v>
      </c>
      <c r="AN40" s="76">
        <v>1</v>
      </c>
      <c r="AO40" s="76">
        <v>0</v>
      </c>
      <c r="AP40" s="76">
        <v>1</v>
      </c>
      <c r="AQ40" s="76">
        <v>0</v>
      </c>
      <c r="AR40" s="77">
        <v>4</v>
      </c>
      <c r="AS40" s="78">
        <v>6</v>
      </c>
      <c r="AT40" s="75">
        <v>0</v>
      </c>
      <c r="AU40" s="76">
        <v>0</v>
      </c>
      <c r="AV40" s="77">
        <v>0</v>
      </c>
      <c r="AW40" s="272"/>
      <c r="AX40" s="76">
        <v>3</v>
      </c>
      <c r="AY40" s="76">
        <v>4</v>
      </c>
      <c r="AZ40" s="76">
        <v>1</v>
      </c>
      <c r="BA40" s="76">
        <v>2</v>
      </c>
      <c r="BB40" s="76">
        <v>2</v>
      </c>
      <c r="BC40" s="77">
        <v>12</v>
      </c>
      <c r="BD40" s="78">
        <v>12</v>
      </c>
      <c r="BE40" s="75">
        <v>0</v>
      </c>
      <c r="BF40" s="76">
        <v>0</v>
      </c>
      <c r="BG40" s="77">
        <v>0</v>
      </c>
      <c r="BH40" s="272"/>
      <c r="BI40" s="76">
        <v>4</v>
      </c>
      <c r="BJ40" s="76">
        <v>1</v>
      </c>
      <c r="BK40" s="76">
        <v>4</v>
      </c>
      <c r="BL40" s="76">
        <v>0</v>
      </c>
      <c r="BM40" s="76">
        <v>1</v>
      </c>
      <c r="BN40" s="77">
        <v>10</v>
      </c>
      <c r="BO40" s="78">
        <v>10</v>
      </c>
      <c r="BP40" s="75">
        <v>0</v>
      </c>
      <c r="BQ40" s="76">
        <v>0</v>
      </c>
      <c r="BR40" s="77">
        <v>0</v>
      </c>
      <c r="BS40" s="272"/>
      <c r="BT40" s="76">
        <v>2</v>
      </c>
      <c r="BU40" s="76">
        <v>2</v>
      </c>
      <c r="BV40" s="76">
        <v>3</v>
      </c>
      <c r="BW40" s="76">
        <v>2</v>
      </c>
      <c r="BX40" s="76">
        <v>1</v>
      </c>
      <c r="BY40" s="77">
        <v>10</v>
      </c>
      <c r="BZ40" s="78">
        <v>10</v>
      </c>
      <c r="CA40" s="75">
        <v>0</v>
      </c>
      <c r="CB40" s="76">
        <v>0</v>
      </c>
      <c r="CC40" s="77">
        <v>0</v>
      </c>
      <c r="CD40" s="272"/>
      <c r="CE40" s="76">
        <v>0</v>
      </c>
      <c r="CF40" s="76">
        <v>0</v>
      </c>
      <c r="CG40" s="76">
        <v>0</v>
      </c>
      <c r="CH40" s="76">
        <v>1</v>
      </c>
      <c r="CI40" s="76">
        <v>0</v>
      </c>
      <c r="CJ40" s="77">
        <v>1</v>
      </c>
      <c r="CK40" s="78">
        <v>1</v>
      </c>
      <c r="CL40" s="75">
        <v>2</v>
      </c>
      <c r="CM40" s="76">
        <v>2</v>
      </c>
      <c r="CN40" s="77">
        <v>4</v>
      </c>
      <c r="CO40" s="272"/>
      <c r="CP40" s="76">
        <v>12</v>
      </c>
      <c r="CQ40" s="76">
        <v>10</v>
      </c>
      <c r="CR40" s="76">
        <v>11</v>
      </c>
      <c r="CS40" s="76">
        <v>6</v>
      </c>
      <c r="CT40" s="76">
        <v>5</v>
      </c>
      <c r="CU40" s="77">
        <v>44</v>
      </c>
      <c r="CV40" s="78">
        <v>48</v>
      </c>
      <c r="CW40" s="128">
        <v>7</v>
      </c>
      <c r="CX40" s="88">
        <v>8</v>
      </c>
      <c r="CY40" s="89">
        <v>15</v>
      </c>
      <c r="CZ40" s="272"/>
      <c r="DA40" s="88">
        <v>27</v>
      </c>
      <c r="DB40" s="88">
        <v>15</v>
      </c>
      <c r="DC40" s="88">
        <v>23</v>
      </c>
      <c r="DD40" s="88">
        <v>14</v>
      </c>
      <c r="DE40" s="88">
        <v>10</v>
      </c>
      <c r="DF40" s="90">
        <v>89</v>
      </c>
      <c r="DG40" s="91">
        <v>104</v>
      </c>
      <c r="DH40" s="75">
        <v>0</v>
      </c>
      <c r="DI40" s="76">
        <v>0</v>
      </c>
      <c r="DJ40" s="77">
        <v>0</v>
      </c>
      <c r="DK40" s="272"/>
      <c r="DL40" s="76">
        <v>0</v>
      </c>
      <c r="DM40" s="76">
        <v>0</v>
      </c>
      <c r="DN40" s="76">
        <v>1</v>
      </c>
      <c r="DO40" s="76">
        <v>1</v>
      </c>
      <c r="DP40" s="76">
        <v>1</v>
      </c>
      <c r="DQ40" s="77">
        <v>3</v>
      </c>
      <c r="DR40" s="78">
        <v>3</v>
      </c>
      <c r="DS40" s="75">
        <v>1</v>
      </c>
      <c r="DT40" s="76">
        <v>0</v>
      </c>
      <c r="DU40" s="77">
        <v>1</v>
      </c>
      <c r="DV40" s="272"/>
      <c r="DW40" s="76">
        <v>2</v>
      </c>
      <c r="DX40" s="76">
        <v>3</v>
      </c>
      <c r="DY40" s="76">
        <v>0</v>
      </c>
      <c r="DZ40" s="76">
        <v>2</v>
      </c>
      <c r="EA40" s="76">
        <v>0</v>
      </c>
      <c r="EB40" s="77">
        <v>7</v>
      </c>
      <c r="EC40" s="78">
        <v>8</v>
      </c>
      <c r="ED40" s="75">
        <v>2</v>
      </c>
      <c r="EE40" s="76">
        <v>0</v>
      </c>
      <c r="EF40" s="77">
        <v>2</v>
      </c>
      <c r="EG40" s="272"/>
      <c r="EH40" s="76">
        <v>3</v>
      </c>
      <c r="EI40" s="76">
        <v>2</v>
      </c>
      <c r="EJ40" s="76">
        <v>3</v>
      </c>
      <c r="EK40" s="76">
        <v>3</v>
      </c>
      <c r="EL40" s="76">
        <v>1</v>
      </c>
      <c r="EM40" s="77">
        <v>12</v>
      </c>
      <c r="EN40" s="78">
        <v>14</v>
      </c>
      <c r="EO40" s="75">
        <v>2</v>
      </c>
      <c r="EP40" s="76">
        <v>2</v>
      </c>
      <c r="EQ40" s="77">
        <v>4</v>
      </c>
      <c r="ER40" s="272"/>
      <c r="ES40" s="76">
        <v>7</v>
      </c>
      <c r="ET40" s="76">
        <v>1</v>
      </c>
      <c r="EU40" s="76">
        <v>5</v>
      </c>
      <c r="EV40" s="76">
        <v>1</v>
      </c>
      <c r="EW40" s="76">
        <v>1</v>
      </c>
      <c r="EX40" s="77">
        <v>15</v>
      </c>
      <c r="EY40" s="78">
        <v>19</v>
      </c>
      <c r="EZ40" s="75">
        <v>1</v>
      </c>
      <c r="FA40" s="76">
        <v>4</v>
      </c>
      <c r="FB40" s="77">
        <v>5</v>
      </c>
      <c r="FC40" s="272"/>
      <c r="FD40" s="76">
        <v>11</v>
      </c>
      <c r="FE40" s="76">
        <v>4</v>
      </c>
      <c r="FF40" s="76">
        <v>7</v>
      </c>
      <c r="FG40" s="76">
        <v>1</v>
      </c>
      <c r="FH40" s="76">
        <v>2</v>
      </c>
      <c r="FI40" s="77">
        <v>25</v>
      </c>
      <c r="FJ40" s="78">
        <v>30</v>
      </c>
      <c r="FK40" s="75">
        <v>1</v>
      </c>
      <c r="FL40" s="76">
        <v>2</v>
      </c>
      <c r="FM40" s="77">
        <v>3</v>
      </c>
      <c r="FN40" s="272"/>
      <c r="FO40" s="76">
        <v>4</v>
      </c>
      <c r="FP40" s="76">
        <v>5</v>
      </c>
      <c r="FQ40" s="76">
        <v>7</v>
      </c>
      <c r="FR40" s="76">
        <v>6</v>
      </c>
      <c r="FS40" s="76">
        <v>5</v>
      </c>
      <c r="FT40" s="77">
        <v>27</v>
      </c>
      <c r="FU40" s="78">
        <v>30</v>
      </c>
      <c r="FV40" s="75">
        <v>0</v>
      </c>
      <c r="FW40" s="76">
        <v>0</v>
      </c>
      <c r="FX40" s="77">
        <v>0</v>
      </c>
      <c r="FY40" s="272"/>
      <c r="FZ40" s="76">
        <v>1</v>
      </c>
      <c r="GA40" s="76">
        <v>1</v>
      </c>
      <c r="GB40" s="76">
        <v>1</v>
      </c>
      <c r="GC40" s="76">
        <v>1</v>
      </c>
      <c r="GD40" s="76">
        <v>0</v>
      </c>
      <c r="GE40" s="77">
        <v>4</v>
      </c>
      <c r="GF40" s="78">
        <v>4</v>
      </c>
      <c r="GG40" s="75">
        <v>7</v>
      </c>
      <c r="GH40" s="76">
        <v>8</v>
      </c>
      <c r="GI40" s="77">
        <v>15</v>
      </c>
      <c r="GJ40" s="272"/>
      <c r="GK40" s="76">
        <v>28</v>
      </c>
      <c r="GL40" s="76">
        <v>16</v>
      </c>
      <c r="GM40" s="76">
        <v>24</v>
      </c>
      <c r="GN40" s="76">
        <v>15</v>
      </c>
      <c r="GO40" s="76">
        <v>10</v>
      </c>
      <c r="GP40" s="77">
        <v>93</v>
      </c>
      <c r="GQ40" s="78">
        <v>108</v>
      </c>
      <c r="GR40" s="128">
        <v>9</v>
      </c>
      <c r="GS40" s="88">
        <v>10</v>
      </c>
      <c r="GT40" s="89">
        <v>19</v>
      </c>
      <c r="GU40" s="272"/>
      <c r="GV40" s="88">
        <v>39</v>
      </c>
      <c r="GW40" s="88">
        <v>25</v>
      </c>
      <c r="GX40" s="88">
        <v>34</v>
      </c>
      <c r="GY40" s="88">
        <v>19</v>
      </c>
      <c r="GZ40" s="88">
        <v>15</v>
      </c>
      <c r="HA40" s="90">
        <v>132</v>
      </c>
      <c r="HB40" s="91">
        <v>151</v>
      </c>
      <c r="HC40" s="75">
        <v>0</v>
      </c>
      <c r="HD40" s="76">
        <v>1</v>
      </c>
      <c r="HE40" s="77">
        <v>1</v>
      </c>
      <c r="HF40" s="272"/>
      <c r="HG40" s="76">
        <v>0</v>
      </c>
      <c r="HH40" s="76">
        <v>1</v>
      </c>
      <c r="HI40" s="76">
        <v>2</v>
      </c>
      <c r="HJ40" s="76">
        <v>1</v>
      </c>
      <c r="HK40" s="76">
        <v>2</v>
      </c>
      <c r="HL40" s="77">
        <v>6</v>
      </c>
      <c r="HM40" s="78">
        <v>7</v>
      </c>
      <c r="HN40" s="75">
        <v>2</v>
      </c>
      <c r="HO40" s="76">
        <v>0</v>
      </c>
      <c r="HP40" s="77">
        <v>2</v>
      </c>
      <c r="HQ40" s="272"/>
      <c r="HR40" s="76">
        <v>3</v>
      </c>
      <c r="HS40" s="76">
        <v>4</v>
      </c>
      <c r="HT40" s="76">
        <v>2</v>
      </c>
      <c r="HU40" s="76">
        <v>2</v>
      </c>
      <c r="HV40" s="76">
        <v>0</v>
      </c>
      <c r="HW40" s="77">
        <v>11</v>
      </c>
      <c r="HX40" s="78">
        <v>13</v>
      </c>
      <c r="HY40" s="75">
        <v>3</v>
      </c>
      <c r="HZ40" s="76">
        <v>1</v>
      </c>
      <c r="IA40" s="77">
        <v>4</v>
      </c>
      <c r="IB40" s="272"/>
      <c r="IC40" s="76">
        <v>5</v>
      </c>
      <c r="ID40" s="76">
        <v>3</v>
      </c>
      <c r="IE40" s="76">
        <v>3</v>
      </c>
      <c r="IF40" s="76">
        <v>4</v>
      </c>
      <c r="IG40" s="76">
        <v>1</v>
      </c>
      <c r="IH40" s="77">
        <v>16</v>
      </c>
      <c r="II40" s="78">
        <v>20</v>
      </c>
      <c r="IJ40" s="75">
        <v>2</v>
      </c>
      <c r="IK40" s="76">
        <v>2</v>
      </c>
      <c r="IL40" s="77">
        <v>4</v>
      </c>
      <c r="IM40" s="272"/>
      <c r="IN40" s="76">
        <v>10</v>
      </c>
      <c r="IO40" s="76">
        <v>5</v>
      </c>
      <c r="IP40" s="76">
        <v>6</v>
      </c>
      <c r="IQ40" s="76">
        <v>3</v>
      </c>
      <c r="IR40" s="76">
        <v>3</v>
      </c>
      <c r="IS40" s="77">
        <v>27</v>
      </c>
      <c r="IT40" s="78">
        <v>31</v>
      </c>
      <c r="IU40" s="75">
        <v>1</v>
      </c>
      <c r="IV40" s="76">
        <v>4</v>
      </c>
      <c r="IW40" s="77">
        <v>5</v>
      </c>
      <c r="IX40" s="272"/>
      <c r="IY40" s="76">
        <v>15</v>
      </c>
      <c r="IZ40" s="76">
        <v>5</v>
      </c>
      <c r="JA40" s="76">
        <v>11</v>
      </c>
      <c r="JB40" s="76">
        <v>1</v>
      </c>
      <c r="JC40" s="76">
        <v>3</v>
      </c>
      <c r="JD40" s="77">
        <v>35</v>
      </c>
      <c r="JE40" s="78">
        <v>40</v>
      </c>
      <c r="JF40" s="75">
        <v>1</v>
      </c>
      <c r="JG40" s="76">
        <v>2</v>
      </c>
      <c r="JH40" s="77">
        <v>3</v>
      </c>
      <c r="JI40" s="272"/>
      <c r="JJ40" s="76">
        <v>6</v>
      </c>
      <c r="JK40" s="76">
        <v>7</v>
      </c>
      <c r="JL40" s="76">
        <v>10</v>
      </c>
      <c r="JM40" s="76">
        <v>8</v>
      </c>
      <c r="JN40" s="76">
        <v>6</v>
      </c>
      <c r="JO40" s="77">
        <v>37</v>
      </c>
      <c r="JP40" s="78">
        <v>40</v>
      </c>
      <c r="JQ40" s="75">
        <v>0</v>
      </c>
      <c r="JR40" s="76">
        <v>0</v>
      </c>
      <c r="JS40" s="77">
        <v>0</v>
      </c>
      <c r="JT40" s="272"/>
      <c r="JU40" s="76">
        <v>1</v>
      </c>
      <c r="JV40" s="76">
        <v>1</v>
      </c>
      <c r="JW40" s="76">
        <v>1</v>
      </c>
      <c r="JX40" s="76">
        <v>2</v>
      </c>
      <c r="JY40" s="76">
        <v>0</v>
      </c>
      <c r="JZ40" s="77">
        <v>5</v>
      </c>
      <c r="KA40" s="78">
        <v>5</v>
      </c>
      <c r="KB40" s="75">
        <v>9</v>
      </c>
      <c r="KC40" s="76">
        <v>10</v>
      </c>
      <c r="KD40" s="77">
        <v>19</v>
      </c>
      <c r="KE40" s="272"/>
      <c r="KF40" s="76">
        <v>40</v>
      </c>
      <c r="KG40" s="76">
        <v>26</v>
      </c>
      <c r="KH40" s="76">
        <v>35</v>
      </c>
      <c r="KI40" s="76">
        <v>21</v>
      </c>
      <c r="KJ40" s="76">
        <v>15</v>
      </c>
      <c r="KK40" s="77">
        <v>137</v>
      </c>
      <c r="KL40" s="78">
        <v>156</v>
      </c>
    </row>
    <row r="41" spans="1:298" ht="32.25" customHeight="1" x14ac:dyDescent="0.2">
      <c r="B41" s="344" t="s">
        <v>126</v>
      </c>
    </row>
  </sheetData>
  <mergeCells count="36">
    <mergeCell ref="GR3:KL3"/>
    <mergeCell ref="GR4:JP4"/>
    <mergeCell ref="JQ4:KA5"/>
    <mergeCell ref="KB4:KL5"/>
    <mergeCell ref="GR5:HB5"/>
    <mergeCell ref="HC5:HM5"/>
    <mergeCell ref="HN5:HX5"/>
    <mergeCell ref="HY5:II5"/>
    <mergeCell ref="IJ5:IT5"/>
    <mergeCell ref="IU5:JE5"/>
    <mergeCell ref="JF5:JP5"/>
    <mergeCell ref="A3:A5"/>
    <mergeCell ref="CW3:GQ3"/>
    <mergeCell ref="CW4:FU4"/>
    <mergeCell ref="FV4:GF5"/>
    <mergeCell ref="GG4:GQ5"/>
    <mergeCell ref="CW5:DG5"/>
    <mergeCell ref="DH5:DR5"/>
    <mergeCell ref="DS5:EC5"/>
    <mergeCell ref="ED5:EN5"/>
    <mergeCell ref="EO5:EY5"/>
    <mergeCell ref="EZ5:FJ5"/>
    <mergeCell ref="FK5:FU5"/>
    <mergeCell ref="H1:I1"/>
    <mergeCell ref="CA4:CK5"/>
    <mergeCell ref="CL4:CV5"/>
    <mergeCell ref="B5:L5"/>
    <mergeCell ref="M5:W5"/>
    <mergeCell ref="X5:AH5"/>
    <mergeCell ref="AI5:AS5"/>
    <mergeCell ref="AT5:BD5"/>
    <mergeCell ref="BE5:BO5"/>
    <mergeCell ref="BP5:BZ5"/>
    <mergeCell ref="B3:CV3"/>
    <mergeCell ref="B4:BZ4"/>
    <mergeCell ref="E1:F1"/>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1" width="12.6640625" style="1" customWidth="1"/>
    <col min="2" max="2" width="8"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416">
        <f>第１表!F2</f>
        <v>3</v>
      </c>
      <c r="E1" s="283">
        <f>第１表!G2</f>
        <v>12</v>
      </c>
      <c r="F1" s="484">
        <f>IF(E1&lt;3,E1-2+12,E1-2)</f>
        <v>10</v>
      </c>
      <c r="G1" s="484"/>
    </row>
    <row r="2" spans="1:42" ht="17.25" customHeight="1" thickBot="1" x14ac:dyDescent="0.25">
      <c r="A2" s="20" t="s">
        <v>158</v>
      </c>
      <c r="E2" s="20" t="s">
        <v>140</v>
      </c>
    </row>
    <row r="3" spans="1:42" ht="24.75" customHeight="1" x14ac:dyDescent="0.2">
      <c r="A3" s="502"/>
      <c r="B3" s="505" t="s">
        <v>57</v>
      </c>
      <c r="C3" s="506"/>
      <c r="D3" s="506"/>
      <c r="E3" s="506"/>
      <c r="F3" s="506"/>
      <c r="G3" s="506"/>
      <c r="H3" s="506"/>
      <c r="I3" s="506"/>
      <c r="J3" s="506"/>
      <c r="K3" s="506"/>
      <c r="L3" s="505" t="s">
        <v>58</v>
      </c>
      <c r="M3" s="508"/>
      <c r="N3" s="508"/>
      <c r="O3" s="508"/>
      <c r="P3" s="508"/>
      <c r="Q3" s="508"/>
      <c r="R3" s="508"/>
      <c r="S3" s="508"/>
      <c r="T3" s="508"/>
      <c r="U3" s="508"/>
      <c r="V3" s="505" t="s">
        <v>59</v>
      </c>
      <c r="W3" s="506"/>
      <c r="X3" s="506"/>
      <c r="Y3" s="506"/>
      <c r="Z3" s="506"/>
      <c r="AA3" s="506"/>
      <c r="AB3" s="506"/>
      <c r="AC3" s="506"/>
      <c r="AD3" s="506"/>
      <c r="AE3" s="506"/>
      <c r="AF3" s="534" t="s">
        <v>151</v>
      </c>
      <c r="AG3" s="506"/>
      <c r="AH3" s="506"/>
      <c r="AI3" s="506"/>
      <c r="AJ3" s="506"/>
      <c r="AK3" s="506"/>
      <c r="AL3" s="506"/>
      <c r="AM3" s="506"/>
      <c r="AN3" s="506"/>
      <c r="AO3" s="507"/>
    </row>
    <row r="4" spans="1:42" ht="24.75" customHeight="1" x14ac:dyDescent="0.2">
      <c r="A4" s="504"/>
      <c r="B4" s="510" t="s">
        <v>61</v>
      </c>
      <c r="C4" s="511"/>
      <c r="D4" s="512"/>
      <c r="E4" s="513" t="s">
        <v>62</v>
      </c>
      <c r="F4" s="514"/>
      <c r="G4" s="514"/>
      <c r="H4" s="514"/>
      <c r="I4" s="514"/>
      <c r="J4" s="515"/>
      <c r="K4" s="526" t="s">
        <v>52</v>
      </c>
      <c r="L4" s="510" t="s">
        <v>61</v>
      </c>
      <c r="M4" s="511"/>
      <c r="N4" s="512"/>
      <c r="O4" s="513" t="s">
        <v>62</v>
      </c>
      <c r="P4" s="514"/>
      <c r="Q4" s="514"/>
      <c r="R4" s="514"/>
      <c r="S4" s="514"/>
      <c r="T4" s="515"/>
      <c r="U4" s="516" t="s">
        <v>52</v>
      </c>
      <c r="V4" s="510" t="s">
        <v>61</v>
      </c>
      <c r="W4" s="511"/>
      <c r="X4" s="512"/>
      <c r="Y4" s="513" t="s">
        <v>62</v>
      </c>
      <c r="Z4" s="514"/>
      <c r="AA4" s="514"/>
      <c r="AB4" s="514"/>
      <c r="AC4" s="514"/>
      <c r="AD4" s="515"/>
      <c r="AE4" s="526" t="s">
        <v>52</v>
      </c>
      <c r="AF4" s="510" t="s">
        <v>61</v>
      </c>
      <c r="AG4" s="511"/>
      <c r="AH4" s="512"/>
      <c r="AI4" s="513" t="s">
        <v>62</v>
      </c>
      <c r="AJ4" s="514"/>
      <c r="AK4" s="514"/>
      <c r="AL4" s="514"/>
      <c r="AM4" s="514"/>
      <c r="AN4" s="515"/>
      <c r="AO4" s="516" t="s">
        <v>52</v>
      </c>
    </row>
    <row r="5" spans="1:42" ht="24.75" customHeight="1" thickBot="1" x14ac:dyDescent="0.25">
      <c r="A5" s="411" t="s">
        <v>42</v>
      </c>
      <c r="B5" s="31" t="s">
        <v>43</v>
      </c>
      <c r="C5" s="32" t="s">
        <v>44</v>
      </c>
      <c r="D5" s="32" t="s">
        <v>45</v>
      </c>
      <c r="E5" s="33" t="s">
        <v>47</v>
      </c>
      <c r="F5" s="34" t="s">
        <v>48</v>
      </c>
      <c r="G5" s="34" t="s">
        <v>49</v>
      </c>
      <c r="H5" s="35" t="s">
        <v>50</v>
      </c>
      <c r="I5" s="32" t="s">
        <v>51</v>
      </c>
      <c r="J5" s="36" t="s">
        <v>95</v>
      </c>
      <c r="K5" s="525"/>
      <c r="L5" s="31" t="s">
        <v>43</v>
      </c>
      <c r="M5" s="32" t="s">
        <v>44</v>
      </c>
      <c r="N5" s="36" t="s">
        <v>45</v>
      </c>
      <c r="O5" s="15" t="s">
        <v>47</v>
      </c>
      <c r="P5" s="34" t="s">
        <v>48</v>
      </c>
      <c r="Q5" s="34" t="s">
        <v>49</v>
      </c>
      <c r="R5" s="35" t="s">
        <v>50</v>
      </c>
      <c r="S5" s="32" t="s">
        <v>51</v>
      </c>
      <c r="T5" s="36" t="s">
        <v>45</v>
      </c>
      <c r="U5" s="517"/>
      <c r="V5" s="31" t="s">
        <v>43</v>
      </c>
      <c r="W5" s="32" t="s">
        <v>44</v>
      </c>
      <c r="X5" s="32" t="s">
        <v>45</v>
      </c>
      <c r="Y5" s="33" t="s">
        <v>47</v>
      </c>
      <c r="Z5" s="34" t="s">
        <v>48</v>
      </c>
      <c r="AA5" s="34" t="s">
        <v>49</v>
      </c>
      <c r="AB5" s="35" t="s">
        <v>50</v>
      </c>
      <c r="AC5" s="32" t="s">
        <v>51</v>
      </c>
      <c r="AD5" s="36" t="s">
        <v>45</v>
      </c>
      <c r="AE5" s="525"/>
      <c r="AF5" s="31" t="s">
        <v>43</v>
      </c>
      <c r="AG5" s="32" t="s">
        <v>44</v>
      </c>
      <c r="AH5" s="32" t="s">
        <v>45</v>
      </c>
      <c r="AI5" s="33" t="s">
        <v>47</v>
      </c>
      <c r="AJ5" s="34" t="s">
        <v>48</v>
      </c>
      <c r="AK5" s="34" t="s">
        <v>49</v>
      </c>
      <c r="AL5" s="35" t="s">
        <v>50</v>
      </c>
      <c r="AM5" s="32" t="s">
        <v>51</v>
      </c>
      <c r="AN5" s="36" t="s">
        <v>45</v>
      </c>
      <c r="AO5" s="517"/>
    </row>
    <row r="6" spans="1:42" ht="20.25" customHeight="1" x14ac:dyDescent="0.2">
      <c r="A6" s="410" t="s">
        <v>4</v>
      </c>
      <c r="B6" s="210">
        <v>0</v>
      </c>
      <c r="C6" s="211">
        <v>0</v>
      </c>
      <c r="D6" s="211">
        <v>0</v>
      </c>
      <c r="E6" s="212">
        <v>9</v>
      </c>
      <c r="F6" s="213">
        <v>53</v>
      </c>
      <c r="G6" s="213">
        <v>438</v>
      </c>
      <c r="H6" s="213">
        <v>666</v>
      </c>
      <c r="I6" s="211">
        <v>374</v>
      </c>
      <c r="J6" s="214">
        <v>1540</v>
      </c>
      <c r="K6" s="215">
        <v>1540</v>
      </c>
      <c r="L6" s="210">
        <v>0</v>
      </c>
      <c r="M6" s="211">
        <v>0</v>
      </c>
      <c r="N6" s="214">
        <v>0</v>
      </c>
      <c r="O6" s="217">
        <v>94</v>
      </c>
      <c r="P6" s="213">
        <v>189</v>
      </c>
      <c r="Q6" s="213">
        <v>260</v>
      </c>
      <c r="R6" s="213">
        <v>351</v>
      </c>
      <c r="S6" s="211">
        <v>181</v>
      </c>
      <c r="T6" s="214">
        <v>1075</v>
      </c>
      <c r="U6" s="218">
        <v>1075</v>
      </c>
      <c r="V6" s="217">
        <v>0</v>
      </c>
      <c r="W6" s="211">
        <v>0</v>
      </c>
      <c r="X6" s="211">
        <v>0</v>
      </c>
      <c r="Y6" s="212">
        <v>1</v>
      </c>
      <c r="Z6" s="213">
        <v>0</v>
      </c>
      <c r="AA6" s="213">
        <v>2</v>
      </c>
      <c r="AB6" s="213">
        <v>12</v>
      </c>
      <c r="AC6" s="211">
        <v>26</v>
      </c>
      <c r="AD6" s="214">
        <v>41</v>
      </c>
      <c r="AE6" s="215">
        <v>41</v>
      </c>
      <c r="AF6" s="210">
        <v>0</v>
      </c>
      <c r="AG6" s="211">
        <v>0</v>
      </c>
      <c r="AH6" s="211">
        <v>0</v>
      </c>
      <c r="AI6" s="212">
        <v>0</v>
      </c>
      <c r="AJ6" s="213">
        <v>2</v>
      </c>
      <c r="AK6" s="213">
        <v>4</v>
      </c>
      <c r="AL6" s="213">
        <v>12</v>
      </c>
      <c r="AM6" s="211">
        <v>23</v>
      </c>
      <c r="AN6" s="214">
        <v>41</v>
      </c>
      <c r="AO6" s="216">
        <v>41</v>
      </c>
      <c r="AP6" s="37"/>
    </row>
    <row r="7" spans="1:42" ht="20.25" customHeight="1" x14ac:dyDescent="0.2">
      <c r="A7" s="63" t="s">
        <v>5</v>
      </c>
      <c r="B7" s="219">
        <v>0</v>
      </c>
      <c r="C7" s="220">
        <v>0</v>
      </c>
      <c r="D7" s="220">
        <v>0</v>
      </c>
      <c r="E7" s="221">
        <v>4</v>
      </c>
      <c r="F7" s="222">
        <v>32</v>
      </c>
      <c r="G7" s="222">
        <v>216</v>
      </c>
      <c r="H7" s="222">
        <v>292</v>
      </c>
      <c r="I7" s="220">
        <v>185</v>
      </c>
      <c r="J7" s="223">
        <v>729</v>
      </c>
      <c r="K7" s="224">
        <v>729</v>
      </c>
      <c r="L7" s="219">
        <v>0</v>
      </c>
      <c r="M7" s="220">
        <v>0</v>
      </c>
      <c r="N7" s="223">
        <v>0</v>
      </c>
      <c r="O7" s="226">
        <v>35</v>
      </c>
      <c r="P7" s="222">
        <v>92</v>
      </c>
      <c r="Q7" s="222">
        <v>122</v>
      </c>
      <c r="R7" s="222">
        <v>166</v>
      </c>
      <c r="S7" s="220">
        <v>92</v>
      </c>
      <c r="T7" s="223">
        <v>507</v>
      </c>
      <c r="U7" s="227">
        <v>507</v>
      </c>
      <c r="V7" s="226">
        <v>0</v>
      </c>
      <c r="W7" s="220">
        <v>0</v>
      </c>
      <c r="X7" s="220">
        <v>0</v>
      </c>
      <c r="Y7" s="221">
        <v>0</v>
      </c>
      <c r="Z7" s="222">
        <v>0</v>
      </c>
      <c r="AA7" s="222">
        <v>0</v>
      </c>
      <c r="AB7" s="222">
        <v>3</v>
      </c>
      <c r="AC7" s="220">
        <v>8</v>
      </c>
      <c r="AD7" s="223">
        <v>11</v>
      </c>
      <c r="AE7" s="224">
        <v>11</v>
      </c>
      <c r="AF7" s="219">
        <v>0</v>
      </c>
      <c r="AG7" s="220">
        <v>0</v>
      </c>
      <c r="AH7" s="220">
        <v>0</v>
      </c>
      <c r="AI7" s="221">
        <v>0</v>
      </c>
      <c r="AJ7" s="222">
        <v>1</v>
      </c>
      <c r="AK7" s="222">
        <v>1</v>
      </c>
      <c r="AL7" s="222">
        <v>4</v>
      </c>
      <c r="AM7" s="220">
        <v>8</v>
      </c>
      <c r="AN7" s="223">
        <v>14</v>
      </c>
      <c r="AO7" s="225">
        <v>14</v>
      </c>
      <c r="AP7" s="37"/>
    </row>
    <row r="8" spans="1:42" ht="20.25" customHeight="1" x14ac:dyDescent="0.2">
      <c r="A8" s="63" t="s">
        <v>6</v>
      </c>
      <c r="B8" s="219">
        <v>0</v>
      </c>
      <c r="C8" s="220">
        <v>0</v>
      </c>
      <c r="D8" s="220">
        <v>0</v>
      </c>
      <c r="E8" s="221">
        <v>0</v>
      </c>
      <c r="F8" s="222">
        <v>5</v>
      </c>
      <c r="G8" s="222">
        <v>52</v>
      </c>
      <c r="H8" s="222">
        <v>62</v>
      </c>
      <c r="I8" s="220">
        <v>38</v>
      </c>
      <c r="J8" s="223">
        <v>157</v>
      </c>
      <c r="K8" s="224">
        <v>157</v>
      </c>
      <c r="L8" s="219">
        <v>0</v>
      </c>
      <c r="M8" s="220">
        <v>0</v>
      </c>
      <c r="N8" s="223">
        <v>0</v>
      </c>
      <c r="O8" s="226">
        <v>15</v>
      </c>
      <c r="P8" s="222">
        <v>25</v>
      </c>
      <c r="Q8" s="222">
        <v>27</v>
      </c>
      <c r="R8" s="222">
        <v>35</v>
      </c>
      <c r="S8" s="220">
        <v>25</v>
      </c>
      <c r="T8" s="223">
        <v>127</v>
      </c>
      <c r="U8" s="227">
        <v>127</v>
      </c>
      <c r="V8" s="226">
        <v>0</v>
      </c>
      <c r="W8" s="220">
        <v>0</v>
      </c>
      <c r="X8" s="220">
        <v>0</v>
      </c>
      <c r="Y8" s="221">
        <v>1</v>
      </c>
      <c r="Z8" s="222">
        <v>0</v>
      </c>
      <c r="AA8" s="222">
        <v>2</v>
      </c>
      <c r="AB8" s="222">
        <v>7</v>
      </c>
      <c r="AC8" s="220">
        <v>8</v>
      </c>
      <c r="AD8" s="223">
        <v>18</v>
      </c>
      <c r="AE8" s="224">
        <v>18</v>
      </c>
      <c r="AF8" s="219">
        <v>0</v>
      </c>
      <c r="AG8" s="220">
        <v>0</v>
      </c>
      <c r="AH8" s="220">
        <v>0</v>
      </c>
      <c r="AI8" s="221">
        <v>0</v>
      </c>
      <c r="AJ8" s="222">
        <v>0</v>
      </c>
      <c r="AK8" s="222">
        <v>0</v>
      </c>
      <c r="AL8" s="222">
        <v>1</v>
      </c>
      <c r="AM8" s="220">
        <v>5</v>
      </c>
      <c r="AN8" s="223">
        <v>6</v>
      </c>
      <c r="AO8" s="225">
        <v>6</v>
      </c>
      <c r="AP8" s="37"/>
    </row>
    <row r="9" spans="1:42" ht="20.25" customHeight="1" x14ac:dyDescent="0.2">
      <c r="A9" s="63" t="s">
        <v>14</v>
      </c>
      <c r="B9" s="219">
        <v>0</v>
      </c>
      <c r="C9" s="220">
        <v>0</v>
      </c>
      <c r="D9" s="220">
        <v>0</v>
      </c>
      <c r="E9" s="221">
        <v>1</v>
      </c>
      <c r="F9" s="222">
        <v>0</v>
      </c>
      <c r="G9" s="222">
        <v>37</v>
      </c>
      <c r="H9" s="222">
        <v>59</v>
      </c>
      <c r="I9" s="220">
        <v>19</v>
      </c>
      <c r="J9" s="223">
        <v>116</v>
      </c>
      <c r="K9" s="224">
        <v>116</v>
      </c>
      <c r="L9" s="219">
        <v>0</v>
      </c>
      <c r="M9" s="220">
        <v>0</v>
      </c>
      <c r="N9" s="223">
        <v>0</v>
      </c>
      <c r="O9" s="226">
        <v>4</v>
      </c>
      <c r="P9" s="222">
        <v>11</v>
      </c>
      <c r="Q9" s="222">
        <v>14</v>
      </c>
      <c r="R9" s="222">
        <v>22</v>
      </c>
      <c r="S9" s="220">
        <v>7</v>
      </c>
      <c r="T9" s="223">
        <v>58</v>
      </c>
      <c r="U9" s="227">
        <v>58</v>
      </c>
      <c r="V9" s="226">
        <v>0</v>
      </c>
      <c r="W9" s="220">
        <v>0</v>
      </c>
      <c r="X9" s="220">
        <v>0</v>
      </c>
      <c r="Y9" s="221">
        <v>0</v>
      </c>
      <c r="Z9" s="222">
        <v>0</v>
      </c>
      <c r="AA9" s="222">
        <v>0</v>
      </c>
      <c r="AB9" s="222">
        <v>1</v>
      </c>
      <c r="AC9" s="220">
        <v>7</v>
      </c>
      <c r="AD9" s="223">
        <v>8</v>
      </c>
      <c r="AE9" s="224">
        <v>8</v>
      </c>
      <c r="AF9" s="219">
        <v>0</v>
      </c>
      <c r="AG9" s="220">
        <v>0</v>
      </c>
      <c r="AH9" s="220">
        <v>0</v>
      </c>
      <c r="AI9" s="221">
        <v>0</v>
      </c>
      <c r="AJ9" s="222">
        <v>0</v>
      </c>
      <c r="AK9" s="222">
        <v>0</v>
      </c>
      <c r="AL9" s="222">
        <v>1</v>
      </c>
      <c r="AM9" s="220">
        <v>2</v>
      </c>
      <c r="AN9" s="223">
        <v>3</v>
      </c>
      <c r="AO9" s="225">
        <v>3</v>
      </c>
      <c r="AP9" s="37"/>
    </row>
    <row r="10" spans="1:42" ht="20.25" customHeight="1" x14ac:dyDescent="0.2">
      <c r="A10" s="63" t="s">
        <v>7</v>
      </c>
      <c r="B10" s="219">
        <v>0</v>
      </c>
      <c r="C10" s="220">
        <v>0</v>
      </c>
      <c r="D10" s="220">
        <v>0</v>
      </c>
      <c r="E10" s="221">
        <v>0</v>
      </c>
      <c r="F10" s="222">
        <v>6</v>
      </c>
      <c r="G10" s="222">
        <v>22</v>
      </c>
      <c r="H10" s="222">
        <v>59</v>
      </c>
      <c r="I10" s="220">
        <v>24</v>
      </c>
      <c r="J10" s="223">
        <v>111</v>
      </c>
      <c r="K10" s="224">
        <v>111</v>
      </c>
      <c r="L10" s="219">
        <v>0</v>
      </c>
      <c r="M10" s="220">
        <v>0</v>
      </c>
      <c r="N10" s="223">
        <v>0</v>
      </c>
      <c r="O10" s="226">
        <v>11</v>
      </c>
      <c r="P10" s="222">
        <v>15</v>
      </c>
      <c r="Q10" s="222">
        <v>16</v>
      </c>
      <c r="R10" s="222">
        <v>23</v>
      </c>
      <c r="S10" s="220">
        <v>9</v>
      </c>
      <c r="T10" s="223">
        <v>74</v>
      </c>
      <c r="U10" s="227">
        <v>74</v>
      </c>
      <c r="V10" s="226">
        <v>0</v>
      </c>
      <c r="W10" s="220">
        <v>0</v>
      </c>
      <c r="X10" s="220">
        <v>0</v>
      </c>
      <c r="Y10" s="221">
        <v>0</v>
      </c>
      <c r="Z10" s="222">
        <v>0</v>
      </c>
      <c r="AA10" s="222">
        <v>0</v>
      </c>
      <c r="AB10" s="222">
        <v>0</v>
      </c>
      <c r="AC10" s="220">
        <v>0</v>
      </c>
      <c r="AD10" s="223">
        <v>0</v>
      </c>
      <c r="AE10" s="224">
        <v>0</v>
      </c>
      <c r="AF10" s="219">
        <v>0</v>
      </c>
      <c r="AG10" s="220">
        <v>0</v>
      </c>
      <c r="AH10" s="220">
        <v>0</v>
      </c>
      <c r="AI10" s="221">
        <v>0</v>
      </c>
      <c r="AJ10" s="222">
        <v>0</v>
      </c>
      <c r="AK10" s="222">
        <v>0</v>
      </c>
      <c r="AL10" s="222">
        <v>0</v>
      </c>
      <c r="AM10" s="220">
        <v>0</v>
      </c>
      <c r="AN10" s="223">
        <v>0</v>
      </c>
      <c r="AO10" s="225">
        <v>0</v>
      </c>
      <c r="AP10" s="37"/>
    </row>
    <row r="11" spans="1:42" ht="20.25" customHeight="1" x14ac:dyDescent="0.2">
      <c r="A11" s="63" t="s">
        <v>8</v>
      </c>
      <c r="B11" s="219">
        <v>0</v>
      </c>
      <c r="C11" s="220">
        <v>0</v>
      </c>
      <c r="D11" s="220">
        <v>0</v>
      </c>
      <c r="E11" s="221">
        <v>0</v>
      </c>
      <c r="F11" s="222">
        <v>5</v>
      </c>
      <c r="G11" s="222">
        <v>7</v>
      </c>
      <c r="H11" s="222">
        <v>15</v>
      </c>
      <c r="I11" s="220">
        <v>7</v>
      </c>
      <c r="J11" s="223">
        <v>34</v>
      </c>
      <c r="K11" s="224">
        <v>34</v>
      </c>
      <c r="L11" s="219">
        <v>0</v>
      </c>
      <c r="M11" s="220">
        <v>0</v>
      </c>
      <c r="N11" s="223">
        <v>0</v>
      </c>
      <c r="O11" s="226">
        <v>2</v>
      </c>
      <c r="P11" s="222">
        <v>5</v>
      </c>
      <c r="Q11" s="222">
        <v>6</v>
      </c>
      <c r="R11" s="222">
        <v>10</v>
      </c>
      <c r="S11" s="220">
        <v>1</v>
      </c>
      <c r="T11" s="223">
        <v>24</v>
      </c>
      <c r="U11" s="227">
        <v>24</v>
      </c>
      <c r="V11" s="226">
        <v>0</v>
      </c>
      <c r="W11" s="220">
        <v>0</v>
      </c>
      <c r="X11" s="220">
        <v>0</v>
      </c>
      <c r="Y11" s="221">
        <v>0</v>
      </c>
      <c r="Z11" s="222">
        <v>0</v>
      </c>
      <c r="AA11" s="222">
        <v>0</v>
      </c>
      <c r="AB11" s="222">
        <v>0</v>
      </c>
      <c r="AC11" s="220">
        <v>0</v>
      </c>
      <c r="AD11" s="223">
        <v>0</v>
      </c>
      <c r="AE11" s="224">
        <v>0</v>
      </c>
      <c r="AF11" s="219">
        <v>0</v>
      </c>
      <c r="AG11" s="220">
        <v>0</v>
      </c>
      <c r="AH11" s="220">
        <v>0</v>
      </c>
      <c r="AI11" s="221">
        <v>0</v>
      </c>
      <c r="AJ11" s="222">
        <v>0</v>
      </c>
      <c r="AK11" s="222">
        <v>0</v>
      </c>
      <c r="AL11" s="222">
        <v>1</v>
      </c>
      <c r="AM11" s="220">
        <v>0</v>
      </c>
      <c r="AN11" s="223">
        <v>1</v>
      </c>
      <c r="AO11" s="225">
        <v>1</v>
      </c>
      <c r="AP11" s="37"/>
    </row>
    <row r="12" spans="1:42" ht="20.25" customHeight="1" x14ac:dyDescent="0.2">
      <c r="A12" s="63" t="s">
        <v>9</v>
      </c>
      <c r="B12" s="219">
        <v>0</v>
      </c>
      <c r="C12" s="220">
        <v>0</v>
      </c>
      <c r="D12" s="220">
        <v>0</v>
      </c>
      <c r="E12" s="221">
        <v>0</v>
      </c>
      <c r="F12" s="222">
        <v>0</v>
      </c>
      <c r="G12" s="222">
        <v>15</v>
      </c>
      <c r="H12" s="222">
        <v>22</v>
      </c>
      <c r="I12" s="220">
        <v>11</v>
      </c>
      <c r="J12" s="223">
        <v>48</v>
      </c>
      <c r="K12" s="224">
        <v>48</v>
      </c>
      <c r="L12" s="219">
        <v>0</v>
      </c>
      <c r="M12" s="220">
        <v>0</v>
      </c>
      <c r="N12" s="223">
        <v>0</v>
      </c>
      <c r="O12" s="226">
        <v>2</v>
      </c>
      <c r="P12" s="222">
        <v>1</v>
      </c>
      <c r="Q12" s="222">
        <v>6</v>
      </c>
      <c r="R12" s="222">
        <v>12</v>
      </c>
      <c r="S12" s="220">
        <v>5</v>
      </c>
      <c r="T12" s="223">
        <v>26</v>
      </c>
      <c r="U12" s="227">
        <v>26</v>
      </c>
      <c r="V12" s="226">
        <v>0</v>
      </c>
      <c r="W12" s="220">
        <v>0</v>
      </c>
      <c r="X12" s="220">
        <v>0</v>
      </c>
      <c r="Y12" s="221">
        <v>0</v>
      </c>
      <c r="Z12" s="222">
        <v>0</v>
      </c>
      <c r="AA12" s="222">
        <v>0</v>
      </c>
      <c r="AB12" s="222">
        <v>0</v>
      </c>
      <c r="AC12" s="220">
        <v>0</v>
      </c>
      <c r="AD12" s="223">
        <v>0</v>
      </c>
      <c r="AE12" s="224">
        <v>0</v>
      </c>
      <c r="AF12" s="219">
        <v>0</v>
      </c>
      <c r="AG12" s="220">
        <v>0</v>
      </c>
      <c r="AH12" s="220">
        <v>0</v>
      </c>
      <c r="AI12" s="221">
        <v>0</v>
      </c>
      <c r="AJ12" s="222">
        <v>0</v>
      </c>
      <c r="AK12" s="222">
        <v>1</v>
      </c>
      <c r="AL12" s="222">
        <v>0</v>
      </c>
      <c r="AM12" s="220">
        <v>1</v>
      </c>
      <c r="AN12" s="223">
        <v>2</v>
      </c>
      <c r="AO12" s="225">
        <v>2</v>
      </c>
      <c r="AP12" s="37"/>
    </row>
    <row r="13" spans="1:42" ht="20.25" customHeight="1" x14ac:dyDescent="0.2">
      <c r="A13" s="63" t="s">
        <v>10</v>
      </c>
      <c r="B13" s="219">
        <v>0</v>
      </c>
      <c r="C13" s="220">
        <v>0</v>
      </c>
      <c r="D13" s="220">
        <v>0</v>
      </c>
      <c r="E13" s="221">
        <v>1</v>
      </c>
      <c r="F13" s="222">
        <v>0</v>
      </c>
      <c r="G13" s="222">
        <v>17</v>
      </c>
      <c r="H13" s="222">
        <v>32</v>
      </c>
      <c r="I13" s="220">
        <v>20</v>
      </c>
      <c r="J13" s="223">
        <v>70</v>
      </c>
      <c r="K13" s="224">
        <v>70</v>
      </c>
      <c r="L13" s="219">
        <v>0</v>
      </c>
      <c r="M13" s="220">
        <v>0</v>
      </c>
      <c r="N13" s="223">
        <v>0</v>
      </c>
      <c r="O13" s="226">
        <v>3</v>
      </c>
      <c r="P13" s="222">
        <v>6</v>
      </c>
      <c r="Q13" s="222">
        <v>11</v>
      </c>
      <c r="R13" s="222">
        <v>9</v>
      </c>
      <c r="S13" s="220">
        <v>7</v>
      </c>
      <c r="T13" s="223">
        <v>36</v>
      </c>
      <c r="U13" s="227">
        <v>36</v>
      </c>
      <c r="V13" s="226">
        <v>0</v>
      </c>
      <c r="W13" s="220">
        <v>0</v>
      </c>
      <c r="X13" s="220">
        <v>0</v>
      </c>
      <c r="Y13" s="221">
        <v>0</v>
      </c>
      <c r="Z13" s="222">
        <v>0</v>
      </c>
      <c r="AA13" s="222">
        <v>0</v>
      </c>
      <c r="AB13" s="222">
        <v>0</v>
      </c>
      <c r="AC13" s="220">
        <v>0</v>
      </c>
      <c r="AD13" s="223">
        <v>0</v>
      </c>
      <c r="AE13" s="224">
        <v>0</v>
      </c>
      <c r="AF13" s="219">
        <v>0</v>
      </c>
      <c r="AG13" s="220">
        <v>0</v>
      </c>
      <c r="AH13" s="220">
        <v>0</v>
      </c>
      <c r="AI13" s="221">
        <v>0</v>
      </c>
      <c r="AJ13" s="222">
        <v>0</v>
      </c>
      <c r="AK13" s="222">
        <v>0</v>
      </c>
      <c r="AL13" s="222">
        <v>1</v>
      </c>
      <c r="AM13" s="220">
        <v>1</v>
      </c>
      <c r="AN13" s="223">
        <v>2</v>
      </c>
      <c r="AO13" s="225">
        <v>2</v>
      </c>
      <c r="AP13" s="37"/>
    </row>
    <row r="14" spans="1:42" ht="20.25" customHeight="1" x14ac:dyDescent="0.2">
      <c r="A14" s="63" t="s">
        <v>11</v>
      </c>
      <c r="B14" s="219">
        <v>0</v>
      </c>
      <c r="C14" s="220">
        <v>0</v>
      </c>
      <c r="D14" s="220">
        <v>0</v>
      </c>
      <c r="E14" s="221">
        <v>0</v>
      </c>
      <c r="F14" s="222">
        <v>0</v>
      </c>
      <c r="G14" s="222">
        <v>7</v>
      </c>
      <c r="H14" s="222">
        <v>16</v>
      </c>
      <c r="I14" s="220">
        <v>6</v>
      </c>
      <c r="J14" s="223">
        <v>29</v>
      </c>
      <c r="K14" s="224">
        <v>29</v>
      </c>
      <c r="L14" s="219">
        <v>0</v>
      </c>
      <c r="M14" s="220">
        <v>0</v>
      </c>
      <c r="N14" s="223">
        <v>0</v>
      </c>
      <c r="O14" s="226">
        <v>4</v>
      </c>
      <c r="P14" s="222">
        <v>6</v>
      </c>
      <c r="Q14" s="222">
        <v>4</v>
      </c>
      <c r="R14" s="222">
        <v>5</v>
      </c>
      <c r="S14" s="220">
        <v>5</v>
      </c>
      <c r="T14" s="223">
        <v>24</v>
      </c>
      <c r="U14" s="227">
        <v>24</v>
      </c>
      <c r="V14" s="226">
        <v>0</v>
      </c>
      <c r="W14" s="220">
        <v>0</v>
      </c>
      <c r="X14" s="220">
        <v>0</v>
      </c>
      <c r="Y14" s="221">
        <v>0</v>
      </c>
      <c r="Z14" s="222">
        <v>0</v>
      </c>
      <c r="AA14" s="222">
        <v>0</v>
      </c>
      <c r="AB14" s="222">
        <v>0</v>
      </c>
      <c r="AC14" s="220">
        <v>0</v>
      </c>
      <c r="AD14" s="223">
        <v>0</v>
      </c>
      <c r="AE14" s="224">
        <v>0</v>
      </c>
      <c r="AF14" s="219">
        <v>0</v>
      </c>
      <c r="AG14" s="220">
        <v>0</v>
      </c>
      <c r="AH14" s="220">
        <v>0</v>
      </c>
      <c r="AI14" s="221">
        <v>0</v>
      </c>
      <c r="AJ14" s="222">
        <v>1</v>
      </c>
      <c r="AK14" s="222">
        <v>1</v>
      </c>
      <c r="AL14" s="222">
        <v>1</v>
      </c>
      <c r="AM14" s="220">
        <v>0</v>
      </c>
      <c r="AN14" s="223">
        <v>3</v>
      </c>
      <c r="AO14" s="225">
        <v>3</v>
      </c>
      <c r="AP14" s="37"/>
    </row>
    <row r="15" spans="1:42" ht="20.25" customHeight="1" x14ac:dyDescent="0.2">
      <c r="A15" s="63" t="s">
        <v>12</v>
      </c>
      <c r="B15" s="219">
        <v>0</v>
      </c>
      <c r="C15" s="220">
        <v>0</v>
      </c>
      <c r="D15" s="220">
        <v>0</v>
      </c>
      <c r="E15" s="221">
        <v>1</v>
      </c>
      <c r="F15" s="222">
        <v>1</v>
      </c>
      <c r="G15" s="222">
        <v>9</v>
      </c>
      <c r="H15" s="222">
        <v>12</v>
      </c>
      <c r="I15" s="220">
        <v>7</v>
      </c>
      <c r="J15" s="223">
        <v>30</v>
      </c>
      <c r="K15" s="224">
        <v>30</v>
      </c>
      <c r="L15" s="219">
        <v>0</v>
      </c>
      <c r="M15" s="220">
        <v>0</v>
      </c>
      <c r="N15" s="223">
        <v>0</v>
      </c>
      <c r="O15" s="226">
        <v>3</v>
      </c>
      <c r="P15" s="222">
        <v>2</v>
      </c>
      <c r="Q15" s="222">
        <v>7</v>
      </c>
      <c r="R15" s="222">
        <v>15</v>
      </c>
      <c r="S15" s="220">
        <v>2</v>
      </c>
      <c r="T15" s="223">
        <v>29</v>
      </c>
      <c r="U15" s="227">
        <v>29</v>
      </c>
      <c r="V15" s="226">
        <v>0</v>
      </c>
      <c r="W15" s="220">
        <v>0</v>
      </c>
      <c r="X15" s="220">
        <v>0</v>
      </c>
      <c r="Y15" s="221">
        <v>0</v>
      </c>
      <c r="Z15" s="222">
        <v>0</v>
      </c>
      <c r="AA15" s="222">
        <v>0</v>
      </c>
      <c r="AB15" s="222">
        <v>0</v>
      </c>
      <c r="AC15" s="220">
        <v>1</v>
      </c>
      <c r="AD15" s="223">
        <v>1</v>
      </c>
      <c r="AE15" s="224">
        <v>1</v>
      </c>
      <c r="AF15" s="219">
        <v>0</v>
      </c>
      <c r="AG15" s="220">
        <v>0</v>
      </c>
      <c r="AH15" s="220">
        <v>0</v>
      </c>
      <c r="AI15" s="221">
        <v>0</v>
      </c>
      <c r="AJ15" s="222">
        <v>0</v>
      </c>
      <c r="AK15" s="222">
        <v>0</v>
      </c>
      <c r="AL15" s="222">
        <v>0</v>
      </c>
      <c r="AM15" s="220">
        <v>0</v>
      </c>
      <c r="AN15" s="223">
        <v>0</v>
      </c>
      <c r="AO15" s="225">
        <v>0</v>
      </c>
      <c r="AP15" s="37"/>
    </row>
    <row r="16" spans="1:42" ht="20.25" customHeight="1" x14ac:dyDescent="0.2">
      <c r="A16" s="63" t="s">
        <v>13</v>
      </c>
      <c r="B16" s="219">
        <v>0</v>
      </c>
      <c r="C16" s="220">
        <v>0</v>
      </c>
      <c r="D16" s="220">
        <v>0</v>
      </c>
      <c r="E16" s="221">
        <v>0</v>
      </c>
      <c r="F16" s="222">
        <v>0</v>
      </c>
      <c r="G16" s="222">
        <v>2</v>
      </c>
      <c r="H16" s="222">
        <v>7</v>
      </c>
      <c r="I16" s="220">
        <v>5</v>
      </c>
      <c r="J16" s="223">
        <v>14</v>
      </c>
      <c r="K16" s="224">
        <v>14</v>
      </c>
      <c r="L16" s="219">
        <v>0</v>
      </c>
      <c r="M16" s="220">
        <v>0</v>
      </c>
      <c r="N16" s="223">
        <v>0</v>
      </c>
      <c r="O16" s="226">
        <v>2</v>
      </c>
      <c r="P16" s="222">
        <v>1</v>
      </c>
      <c r="Q16" s="222">
        <v>3</v>
      </c>
      <c r="R16" s="222">
        <v>1</v>
      </c>
      <c r="S16" s="220">
        <v>4</v>
      </c>
      <c r="T16" s="223">
        <v>11</v>
      </c>
      <c r="U16" s="227">
        <v>11</v>
      </c>
      <c r="V16" s="226">
        <v>0</v>
      </c>
      <c r="W16" s="220">
        <v>0</v>
      </c>
      <c r="X16" s="220">
        <v>0</v>
      </c>
      <c r="Y16" s="221">
        <v>0</v>
      </c>
      <c r="Z16" s="222">
        <v>0</v>
      </c>
      <c r="AA16" s="222">
        <v>0</v>
      </c>
      <c r="AB16" s="222">
        <v>0</v>
      </c>
      <c r="AC16" s="220">
        <v>0</v>
      </c>
      <c r="AD16" s="223">
        <v>0</v>
      </c>
      <c r="AE16" s="224">
        <v>0</v>
      </c>
      <c r="AF16" s="219">
        <v>0</v>
      </c>
      <c r="AG16" s="220">
        <v>0</v>
      </c>
      <c r="AH16" s="220">
        <v>0</v>
      </c>
      <c r="AI16" s="221">
        <v>0</v>
      </c>
      <c r="AJ16" s="222">
        <v>0</v>
      </c>
      <c r="AK16" s="222">
        <v>0</v>
      </c>
      <c r="AL16" s="222">
        <v>0</v>
      </c>
      <c r="AM16" s="220">
        <v>0</v>
      </c>
      <c r="AN16" s="223">
        <v>0</v>
      </c>
      <c r="AO16" s="225">
        <v>0</v>
      </c>
      <c r="AP16" s="37"/>
    </row>
    <row r="17" spans="1:42" ht="20.25" customHeight="1" x14ac:dyDescent="0.2">
      <c r="A17" s="63" t="s">
        <v>15</v>
      </c>
      <c r="B17" s="219">
        <v>0</v>
      </c>
      <c r="C17" s="220">
        <v>0</v>
      </c>
      <c r="D17" s="220">
        <v>0</v>
      </c>
      <c r="E17" s="221">
        <v>0</v>
      </c>
      <c r="F17" s="222">
        <v>0</v>
      </c>
      <c r="G17" s="222">
        <v>3</v>
      </c>
      <c r="H17" s="222">
        <v>3</v>
      </c>
      <c r="I17" s="220">
        <v>0</v>
      </c>
      <c r="J17" s="223">
        <v>6</v>
      </c>
      <c r="K17" s="224">
        <v>6</v>
      </c>
      <c r="L17" s="219">
        <v>0</v>
      </c>
      <c r="M17" s="220">
        <v>0</v>
      </c>
      <c r="N17" s="223">
        <v>0</v>
      </c>
      <c r="O17" s="226">
        <v>2</v>
      </c>
      <c r="P17" s="222">
        <v>1</v>
      </c>
      <c r="Q17" s="222">
        <v>1</v>
      </c>
      <c r="R17" s="222">
        <v>3</v>
      </c>
      <c r="S17" s="220">
        <v>2</v>
      </c>
      <c r="T17" s="223">
        <v>9</v>
      </c>
      <c r="U17" s="227">
        <v>9</v>
      </c>
      <c r="V17" s="226">
        <v>0</v>
      </c>
      <c r="W17" s="220">
        <v>0</v>
      </c>
      <c r="X17" s="220">
        <v>0</v>
      </c>
      <c r="Y17" s="221">
        <v>0</v>
      </c>
      <c r="Z17" s="222">
        <v>0</v>
      </c>
      <c r="AA17" s="222">
        <v>0</v>
      </c>
      <c r="AB17" s="222">
        <v>0</v>
      </c>
      <c r="AC17" s="220">
        <v>0</v>
      </c>
      <c r="AD17" s="223">
        <v>0</v>
      </c>
      <c r="AE17" s="224">
        <v>0</v>
      </c>
      <c r="AF17" s="219">
        <v>0</v>
      </c>
      <c r="AG17" s="220">
        <v>0</v>
      </c>
      <c r="AH17" s="220">
        <v>0</v>
      </c>
      <c r="AI17" s="221">
        <v>0</v>
      </c>
      <c r="AJ17" s="222">
        <v>0</v>
      </c>
      <c r="AK17" s="222">
        <v>0</v>
      </c>
      <c r="AL17" s="222">
        <v>0</v>
      </c>
      <c r="AM17" s="220">
        <v>0</v>
      </c>
      <c r="AN17" s="223">
        <v>0</v>
      </c>
      <c r="AO17" s="225">
        <v>0</v>
      </c>
      <c r="AP17" s="37"/>
    </row>
    <row r="18" spans="1:42" ht="20.25" customHeight="1" x14ac:dyDescent="0.2">
      <c r="A18" s="63" t="s">
        <v>16</v>
      </c>
      <c r="B18" s="219">
        <v>0</v>
      </c>
      <c r="C18" s="220">
        <v>0</v>
      </c>
      <c r="D18" s="220">
        <v>0</v>
      </c>
      <c r="E18" s="221">
        <v>0</v>
      </c>
      <c r="F18" s="222">
        <v>1</v>
      </c>
      <c r="G18" s="222">
        <v>2</v>
      </c>
      <c r="H18" s="222">
        <v>11</v>
      </c>
      <c r="I18" s="220">
        <v>6</v>
      </c>
      <c r="J18" s="223">
        <v>20</v>
      </c>
      <c r="K18" s="224">
        <v>20</v>
      </c>
      <c r="L18" s="219">
        <v>0</v>
      </c>
      <c r="M18" s="220">
        <v>0</v>
      </c>
      <c r="N18" s="223">
        <v>0</v>
      </c>
      <c r="O18" s="226">
        <v>1</v>
      </c>
      <c r="P18" s="222">
        <v>5</v>
      </c>
      <c r="Q18" s="222">
        <v>3</v>
      </c>
      <c r="R18" s="222">
        <v>6</v>
      </c>
      <c r="S18" s="220">
        <v>1</v>
      </c>
      <c r="T18" s="223">
        <v>16</v>
      </c>
      <c r="U18" s="227">
        <v>16</v>
      </c>
      <c r="V18" s="226">
        <v>0</v>
      </c>
      <c r="W18" s="220">
        <v>0</v>
      </c>
      <c r="X18" s="220">
        <v>0</v>
      </c>
      <c r="Y18" s="221">
        <v>0</v>
      </c>
      <c r="Z18" s="222">
        <v>0</v>
      </c>
      <c r="AA18" s="222">
        <v>0</v>
      </c>
      <c r="AB18" s="222">
        <v>0</v>
      </c>
      <c r="AC18" s="220">
        <v>0</v>
      </c>
      <c r="AD18" s="223">
        <v>0</v>
      </c>
      <c r="AE18" s="224">
        <v>0</v>
      </c>
      <c r="AF18" s="219">
        <v>0</v>
      </c>
      <c r="AG18" s="220">
        <v>0</v>
      </c>
      <c r="AH18" s="220">
        <v>0</v>
      </c>
      <c r="AI18" s="221">
        <v>0</v>
      </c>
      <c r="AJ18" s="222">
        <v>0</v>
      </c>
      <c r="AK18" s="222">
        <v>0</v>
      </c>
      <c r="AL18" s="222">
        <v>0</v>
      </c>
      <c r="AM18" s="220">
        <v>1</v>
      </c>
      <c r="AN18" s="223">
        <v>1</v>
      </c>
      <c r="AO18" s="225">
        <v>1</v>
      </c>
      <c r="AP18" s="37"/>
    </row>
    <row r="19" spans="1:42" ht="20.25" customHeight="1" x14ac:dyDescent="0.2">
      <c r="A19" s="63" t="s">
        <v>17</v>
      </c>
      <c r="B19" s="219">
        <v>0</v>
      </c>
      <c r="C19" s="220">
        <v>0</v>
      </c>
      <c r="D19" s="220">
        <v>0</v>
      </c>
      <c r="E19" s="221">
        <v>0</v>
      </c>
      <c r="F19" s="222">
        <v>1</v>
      </c>
      <c r="G19" s="222">
        <v>7</v>
      </c>
      <c r="H19" s="222">
        <v>9</v>
      </c>
      <c r="I19" s="220">
        <v>5</v>
      </c>
      <c r="J19" s="223">
        <v>22</v>
      </c>
      <c r="K19" s="224">
        <v>22</v>
      </c>
      <c r="L19" s="219">
        <v>0</v>
      </c>
      <c r="M19" s="220">
        <v>0</v>
      </c>
      <c r="N19" s="223">
        <v>0</v>
      </c>
      <c r="O19" s="226">
        <v>0</v>
      </c>
      <c r="P19" s="222">
        <v>5</v>
      </c>
      <c r="Q19" s="222">
        <v>6</v>
      </c>
      <c r="R19" s="222">
        <v>10</v>
      </c>
      <c r="S19" s="220">
        <v>6</v>
      </c>
      <c r="T19" s="223">
        <v>27</v>
      </c>
      <c r="U19" s="227">
        <v>27</v>
      </c>
      <c r="V19" s="226">
        <v>0</v>
      </c>
      <c r="W19" s="220">
        <v>0</v>
      </c>
      <c r="X19" s="220">
        <v>0</v>
      </c>
      <c r="Y19" s="221">
        <v>0</v>
      </c>
      <c r="Z19" s="222">
        <v>0</v>
      </c>
      <c r="AA19" s="222">
        <v>0</v>
      </c>
      <c r="AB19" s="222">
        <v>0</v>
      </c>
      <c r="AC19" s="220">
        <v>1</v>
      </c>
      <c r="AD19" s="223">
        <v>1</v>
      </c>
      <c r="AE19" s="224">
        <v>1</v>
      </c>
      <c r="AF19" s="219">
        <v>0</v>
      </c>
      <c r="AG19" s="220">
        <v>0</v>
      </c>
      <c r="AH19" s="220">
        <v>0</v>
      </c>
      <c r="AI19" s="221">
        <v>0</v>
      </c>
      <c r="AJ19" s="222">
        <v>0</v>
      </c>
      <c r="AK19" s="222">
        <v>0</v>
      </c>
      <c r="AL19" s="222">
        <v>0</v>
      </c>
      <c r="AM19" s="220">
        <v>0</v>
      </c>
      <c r="AN19" s="223">
        <v>0</v>
      </c>
      <c r="AO19" s="225">
        <v>0</v>
      </c>
      <c r="AP19" s="37"/>
    </row>
    <row r="20" spans="1:42" ht="20.25" customHeight="1" x14ac:dyDescent="0.2">
      <c r="A20" s="63" t="s">
        <v>18</v>
      </c>
      <c r="B20" s="219">
        <v>0</v>
      </c>
      <c r="C20" s="220">
        <v>0</v>
      </c>
      <c r="D20" s="220">
        <v>0</v>
      </c>
      <c r="E20" s="221">
        <v>0</v>
      </c>
      <c r="F20" s="222">
        <v>0</v>
      </c>
      <c r="G20" s="222">
        <v>14</v>
      </c>
      <c r="H20" s="222">
        <v>15</v>
      </c>
      <c r="I20" s="220">
        <v>9</v>
      </c>
      <c r="J20" s="223">
        <v>38</v>
      </c>
      <c r="K20" s="224">
        <v>38</v>
      </c>
      <c r="L20" s="219">
        <v>0</v>
      </c>
      <c r="M20" s="220">
        <v>0</v>
      </c>
      <c r="N20" s="223">
        <v>0</v>
      </c>
      <c r="O20" s="226">
        <v>0</v>
      </c>
      <c r="P20" s="222">
        <v>3</v>
      </c>
      <c r="Q20" s="222">
        <v>8</v>
      </c>
      <c r="R20" s="222">
        <v>5</v>
      </c>
      <c r="S20" s="220">
        <v>6</v>
      </c>
      <c r="T20" s="223">
        <v>22</v>
      </c>
      <c r="U20" s="227">
        <v>22</v>
      </c>
      <c r="V20" s="226">
        <v>0</v>
      </c>
      <c r="W20" s="220">
        <v>0</v>
      </c>
      <c r="X20" s="220">
        <v>0</v>
      </c>
      <c r="Y20" s="221">
        <v>0</v>
      </c>
      <c r="Z20" s="222">
        <v>0</v>
      </c>
      <c r="AA20" s="222">
        <v>0</v>
      </c>
      <c r="AB20" s="222">
        <v>0</v>
      </c>
      <c r="AC20" s="220">
        <v>0</v>
      </c>
      <c r="AD20" s="223">
        <v>0</v>
      </c>
      <c r="AE20" s="224">
        <v>0</v>
      </c>
      <c r="AF20" s="219">
        <v>0</v>
      </c>
      <c r="AG20" s="220">
        <v>0</v>
      </c>
      <c r="AH20" s="220">
        <v>0</v>
      </c>
      <c r="AI20" s="221">
        <v>0</v>
      </c>
      <c r="AJ20" s="222">
        <v>0</v>
      </c>
      <c r="AK20" s="222">
        <v>0</v>
      </c>
      <c r="AL20" s="222">
        <v>0</v>
      </c>
      <c r="AM20" s="220">
        <v>2</v>
      </c>
      <c r="AN20" s="223">
        <v>2</v>
      </c>
      <c r="AO20" s="225">
        <v>2</v>
      </c>
      <c r="AP20" s="37"/>
    </row>
    <row r="21" spans="1:42" ht="20.25" customHeight="1" x14ac:dyDescent="0.2">
      <c r="A21" s="63" t="s">
        <v>19</v>
      </c>
      <c r="B21" s="219">
        <v>0</v>
      </c>
      <c r="C21" s="220">
        <v>0</v>
      </c>
      <c r="D21" s="220">
        <v>0</v>
      </c>
      <c r="E21" s="221">
        <v>0</v>
      </c>
      <c r="F21" s="222">
        <v>0</v>
      </c>
      <c r="G21" s="222">
        <v>1</v>
      </c>
      <c r="H21" s="222">
        <v>6</v>
      </c>
      <c r="I21" s="220">
        <v>3</v>
      </c>
      <c r="J21" s="223">
        <v>10</v>
      </c>
      <c r="K21" s="224">
        <v>10</v>
      </c>
      <c r="L21" s="219">
        <v>0</v>
      </c>
      <c r="M21" s="220">
        <v>0</v>
      </c>
      <c r="N21" s="223">
        <v>0</v>
      </c>
      <c r="O21" s="226">
        <v>2</v>
      </c>
      <c r="P21" s="222">
        <v>2</v>
      </c>
      <c r="Q21" s="222">
        <v>2</v>
      </c>
      <c r="R21" s="222">
        <v>5</v>
      </c>
      <c r="S21" s="220">
        <v>0</v>
      </c>
      <c r="T21" s="223">
        <v>11</v>
      </c>
      <c r="U21" s="227">
        <v>11</v>
      </c>
      <c r="V21" s="226">
        <v>0</v>
      </c>
      <c r="W21" s="220">
        <v>0</v>
      </c>
      <c r="X21" s="220">
        <v>0</v>
      </c>
      <c r="Y21" s="221">
        <v>0</v>
      </c>
      <c r="Z21" s="222">
        <v>0</v>
      </c>
      <c r="AA21" s="222">
        <v>0</v>
      </c>
      <c r="AB21" s="222">
        <v>0</v>
      </c>
      <c r="AC21" s="220">
        <v>0</v>
      </c>
      <c r="AD21" s="223">
        <v>0</v>
      </c>
      <c r="AE21" s="224">
        <v>0</v>
      </c>
      <c r="AF21" s="219">
        <v>0</v>
      </c>
      <c r="AG21" s="220">
        <v>0</v>
      </c>
      <c r="AH21" s="220">
        <v>0</v>
      </c>
      <c r="AI21" s="221">
        <v>0</v>
      </c>
      <c r="AJ21" s="222">
        <v>0</v>
      </c>
      <c r="AK21" s="222">
        <v>0</v>
      </c>
      <c r="AL21" s="222">
        <v>0</v>
      </c>
      <c r="AM21" s="220">
        <v>0</v>
      </c>
      <c r="AN21" s="223">
        <v>0</v>
      </c>
      <c r="AO21" s="225">
        <v>0</v>
      </c>
      <c r="AP21" s="37"/>
    </row>
    <row r="22" spans="1:42" ht="20.25" customHeight="1" x14ac:dyDescent="0.2">
      <c r="A22" s="63" t="s">
        <v>20</v>
      </c>
      <c r="B22" s="219">
        <v>0</v>
      </c>
      <c r="C22" s="220">
        <v>0</v>
      </c>
      <c r="D22" s="220">
        <v>0</v>
      </c>
      <c r="E22" s="221">
        <v>0</v>
      </c>
      <c r="F22" s="222">
        <v>1</v>
      </c>
      <c r="G22" s="222">
        <v>6</v>
      </c>
      <c r="H22" s="222">
        <v>10</v>
      </c>
      <c r="I22" s="220">
        <v>3</v>
      </c>
      <c r="J22" s="223">
        <v>20</v>
      </c>
      <c r="K22" s="224">
        <v>20</v>
      </c>
      <c r="L22" s="219">
        <v>0</v>
      </c>
      <c r="M22" s="220">
        <v>0</v>
      </c>
      <c r="N22" s="223">
        <v>0</v>
      </c>
      <c r="O22" s="226">
        <v>1</v>
      </c>
      <c r="P22" s="222">
        <v>3</v>
      </c>
      <c r="Q22" s="222">
        <v>5</v>
      </c>
      <c r="R22" s="222">
        <v>3</v>
      </c>
      <c r="S22" s="220">
        <v>2</v>
      </c>
      <c r="T22" s="223">
        <v>14</v>
      </c>
      <c r="U22" s="227">
        <v>14</v>
      </c>
      <c r="V22" s="226">
        <v>0</v>
      </c>
      <c r="W22" s="220">
        <v>0</v>
      </c>
      <c r="X22" s="220">
        <v>0</v>
      </c>
      <c r="Y22" s="221">
        <v>0</v>
      </c>
      <c r="Z22" s="222">
        <v>0</v>
      </c>
      <c r="AA22" s="222">
        <v>0</v>
      </c>
      <c r="AB22" s="222">
        <v>0</v>
      </c>
      <c r="AC22" s="220">
        <v>1</v>
      </c>
      <c r="AD22" s="223">
        <v>1</v>
      </c>
      <c r="AE22" s="224">
        <v>1</v>
      </c>
      <c r="AF22" s="219">
        <v>0</v>
      </c>
      <c r="AG22" s="220">
        <v>0</v>
      </c>
      <c r="AH22" s="220">
        <v>0</v>
      </c>
      <c r="AI22" s="221">
        <v>0</v>
      </c>
      <c r="AJ22" s="222">
        <v>0</v>
      </c>
      <c r="AK22" s="222">
        <v>0</v>
      </c>
      <c r="AL22" s="222">
        <v>0</v>
      </c>
      <c r="AM22" s="220">
        <v>1</v>
      </c>
      <c r="AN22" s="223">
        <v>1</v>
      </c>
      <c r="AO22" s="225">
        <v>1</v>
      </c>
      <c r="AP22" s="37"/>
    </row>
    <row r="23" spans="1:42" ht="20.25" customHeight="1" x14ac:dyDescent="0.2">
      <c r="A23" s="63" t="s">
        <v>21</v>
      </c>
      <c r="B23" s="219">
        <v>0</v>
      </c>
      <c r="C23" s="220">
        <v>0</v>
      </c>
      <c r="D23" s="220">
        <v>0</v>
      </c>
      <c r="E23" s="221">
        <v>0</v>
      </c>
      <c r="F23" s="222">
        <v>0</v>
      </c>
      <c r="G23" s="222">
        <v>8</v>
      </c>
      <c r="H23" s="222">
        <v>10</v>
      </c>
      <c r="I23" s="220">
        <v>7</v>
      </c>
      <c r="J23" s="223">
        <v>25</v>
      </c>
      <c r="K23" s="224">
        <v>25</v>
      </c>
      <c r="L23" s="219">
        <v>0</v>
      </c>
      <c r="M23" s="220">
        <v>0</v>
      </c>
      <c r="N23" s="223">
        <v>0</v>
      </c>
      <c r="O23" s="226">
        <v>0</v>
      </c>
      <c r="P23" s="222">
        <v>0</v>
      </c>
      <c r="Q23" s="222">
        <v>2</v>
      </c>
      <c r="R23" s="222">
        <v>3</v>
      </c>
      <c r="S23" s="220">
        <v>0</v>
      </c>
      <c r="T23" s="223">
        <v>5</v>
      </c>
      <c r="U23" s="227">
        <v>5</v>
      </c>
      <c r="V23" s="226">
        <v>0</v>
      </c>
      <c r="W23" s="220">
        <v>0</v>
      </c>
      <c r="X23" s="220">
        <v>0</v>
      </c>
      <c r="Y23" s="221">
        <v>0</v>
      </c>
      <c r="Z23" s="222">
        <v>0</v>
      </c>
      <c r="AA23" s="222">
        <v>0</v>
      </c>
      <c r="AB23" s="222">
        <v>1</v>
      </c>
      <c r="AC23" s="220">
        <v>0</v>
      </c>
      <c r="AD23" s="223">
        <v>1</v>
      </c>
      <c r="AE23" s="224">
        <v>1</v>
      </c>
      <c r="AF23" s="219">
        <v>0</v>
      </c>
      <c r="AG23" s="220">
        <v>0</v>
      </c>
      <c r="AH23" s="220">
        <v>0</v>
      </c>
      <c r="AI23" s="221">
        <v>0</v>
      </c>
      <c r="AJ23" s="222">
        <v>0</v>
      </c>
      <c r="AK23" s="222">
        <v>0</v>
      </c>
      <c r="AL23" s="222">
        <v>1</v>
      </c>
      <c r="AM23" s="220">
        <v>1</v>
      </c>
      <c r="AN23" s="223">
        <v>2</v>
      </c>
      <c r="AO23" s="225">
        <v>2</v>
      </c>
      <c r="AP23" s="37"/>
    </row>
    <row r="24" spans="1:42" ht="20.25" customHeight="1" x14ac:dyDescent="0.2">
      <c r="A24" s="63" t="s">
        <v>22</v>
      </c>
      <c r="B24" s="219">
        <v>0</v>
      </c>
      <c r="C24" s="220">
        <v>0</v>
      </c>
      <c r="D24" s="220">
        <v>0</v>
      </c>
      <c r="E24" s="221">
        <v>0</v>
      </c>
      <c r="F24" s="222">
        <v>0</v>
      </c>
      <c r="G24" s="222">
        <v>1</v>
      </c>
      <c r="H24" s="222">
        <v>3</v>
      </c>
      <c r="I24" s="220">
        <v>0</v>
      </c>
      <c r="J24" s="223">
        <v>4</v>
      </c>
      <c r="K24" s="224">
        <v>4</v>
      </c>
      <c r="L24" s="219">
        <v>0</v>
      </c>
      <c r="M24" s="220">
        <v>0</v>
      </c>
      <c r="N24" s="223">
        <v>0</v>
      </c>
      <c r="O24" s="226">
        <v>0</v>
      </c>
      <c r="P24" s="222">
        <v>0</v>
      </c>
      <c r="Q24" s="222">
        <v>0</v>
      </c>
      <c r="R24" s="222">
        <v>0</v>
      </c>
      <c r="S24" s="220">
        <v>0</v>
      </c>
      <c r="T24" s="223">
        <v>0</v>
      </c>
      <c r="U24" s="227">
        <v>0</v>
      </c>
      <c r="V24" s="226">
        <v>0</v>
      </c>
      <c r="W24" s="220">
        <v>0</v>
      </c>
      <c r="X24" s="220">
        <v>0</v>
      </c>
      <c r="Y24" s="221">
        <v>0</v>
      </c>
      <c r="Z24" s="222">
        <v>0</v>
      </c>
      <c r="AA24" s="222">
        <v>0</v>
      </c>
      <c r="AB24" s="222">
        <v>0</v>
      </c>
      <c r="AC24" s="220">
        <v>0</v>
      </c>
      <c r="AD24" s="223">
        <v>0</v>
      </c>
      <c r="AE24" s="224">
        <v>0</v>
      </c>
      <c r="AF24" s="219">
        <v>0</v>
      </c>
      <c r="AG24" s="220">
        <v>0</v>
      </c>
      <c r="AH24" s="220">
        <v>0</v>
      </c>
      <c r="AI24" s="221">
        <v>0</v>
      </c>
      <c r="AJ24" s="222">
        <v>0</v>
      </c>
      <c r="AK24" s="222">
        <v>0</v>
      </c>
      <c r="AL24" s="222">
        <v>0</v>
      </c>
      <c r="AM24" s="220">
        <v>0</v>
      </c>
      <c r="AN24" s="223">
        <v>0</v>
      </c>
      <c r="AO24" s="225">
        <v>0</v>
      </c>
      <c r="AP24" s="37"/>
    </row>
    <row r="25" spans="1:42" ht="20.25" customHeight="1" x14ac:dyDescent="0.2">
      <c r="A25" s="63" t="s">
        <v>23</v>
      </c>
      <c r="B25" s="219">
        <v>0</v>
      </c>
      <c r="C25" s="220">
        <v>0</v>
      </c>
      <c r="D25" s="220">
        <v>0</v>
      </c>
      <c r="E25" s="221">
        <v>1</v>
      </c>
      <c r="F25" s="222">
        <v>0</v>
      </c>
      <c r="G25" s="222">
        <v>0</v>
      </c>
      <c r="H25" s="222">
        <v>3</v>
      </c>
      <c r="I25" s="220">
        <v>0</v>
      </c>
      <c r="J25" s="223">
        <v>4</v>
      </c>
      <c r="K25" s="224">
        <v>4</v>
      </c>
      <c r="L25" s="219">
        <v>0</v>
      </c>
      <c r="M25" s="220">
        <v>0</v>
      </c>
      <c r="N25" s="223">
        <v>0</v>
      </c>
      <c r="O25" s="226">
        <v>0</v>
      </c>
      <c r="P25" s="222">
        <v>1</v>
      </c>
      <c r="Q25" s="222">
        <v>0</v>
      </c>
      <c r="R25" s="222">
        <v>2</v>
      </c>
      <c r="S25" s="220">
        <v>1</v>
      </c>
      <c r="T25" s="223">
        <v>4</v>
      </c>
      <c r="U25" s="227">
        <v>4</v>
      </c>
      <c r="V25" s="226">
        <v>0</v>
      </c>
      <c r="W25" s="220">
        <v>0</v>
      </c>
      <c r="X25" s="220">
        <v>0</v>
      </c>
      <c r="Y25" s="221">
        <v>0</v>
      </c>
      <c r="Z25" s="222">
        <v>0</v>
      </c>
      <c r="AA25" s="222">
        <v>0</v>
      </c>
      <c r="AB25" s="222">
        <v>0</v>
      </c>
      <c r="AC25" s="220">
        <v>0</v>
      </c>
      <c r="AD25" s="223">
        <v>0</v>
      </c>
      <c r="AE25" s="224">
        <v>0</v>
      </c>
      <c r="AF25" s="219">
        <v>0</v>
      </c>
      <c r="AG25" s="220">
        <v>0</v>
      </c>
      <c r="AH25" s="220">
        <v>0</v>
      </c>
      <c r="AI25" s="221">
        <v>0</v>
      </c>
      <c r="AJ25" s="222">
        <v>0</v>
      </c>
      <c r="AK25" s="222">
        <v>0</v>
      </c>
      <c r="AL25" s="222">
        <v>0</v>
      </c>
      <c r="AM25" s="220">
        <v>0</v>
      </c>
      <c r="AN25" s="223">
        <v>0</v>
      </c>
      <c r="AO25" s="225">
        <v>0</v>
      </c>
      <c r="AP25" s="37"/>
    </row>
    <row r="26" spans="1:42" ht="20.25" customHeight="1" x14ac:dyDescent="0.2">
      <c r="A26" s="63" t="s">
        <v>24</v>
      </c>
      <c r="B26" s="219">
        <v>0</v>
      </c>
      <c r="C26" s="220">
        <v>0</v>
      </c>
      <c r="D26" s="220">
        <v>0</v>
      </c>
      <c r="E26" s="221">
        <v>0</v>
      </c>
      <c r="F26" s="222">
        <v>0</v>
      </c>
      <c r="G26" s="222">
        <v>1</v>
      </c>
      <c r="H26" s="222">
        <v>2</v>
      </c>
      <c r="I26" s="220">
        <v>5</v>
      </c>
      <c r="J26" s="223">
        <v>8</v>
      </c>
      <c r="K26" s="224">
        <v>8</v>
      </c>
      <c r="L26" s="219">
        <v>0</v>
      </c>
      <c r="M26" s="220">
        <v>0</v>
      </c>
      <c r="N26" s="223">
        <v>0</v>
      </c>
      <c r="O26" s="226">
        <v>2</v>
      </c>
      <c r="P26" s="222">
        <v>1</v>
      </c>
      <c r="Q26" s="222">
        <v>2</v>
      </c>
      <c r="R26" s="222">
        <v>5</v>
      </c>
      <c r="S26" s="220">
        <v>1</v>
      </c>
      <c r="T26" s="223">
        <v>11</v>
      </c>
      <c r="U26" s="227">
        <v>11</v>
      </c>
      <c r="V26" s="226">
        <v>0</v>
      </c>
      <c r="W26" s="220">
        <v>0</v>
      </c>
      <c r="X26" s="220">
        <v>0</v>
      </c>
      <c r="Y26" s="221">
        <v>0</v>
      </c>
      <c r="Z26" s="222">
        <v>0</v>
      </c>
      <c r="AA26" s="222">
        <v>0</v>
      </c>
      <c r="AB26" s="222">
        <v>0</v>
      </c>
      <c r="AC26" s="220">
        <v>0</v>
      </c>
      <c r="AD26" s="223">
        <v>0</v>
      </c>
      <c r="AE26" s="224">
        <v>0</v>
      </c>
      <c r="AF26" s="219">
        <v>0</v>
      </c>
      <c r="AG26" s="220">
        <v>0</v>
      </c>
      <c r="AH26" s="220">
        <v>0</v>
      </c>
      <c r="AI26" s="221">
        <v>0</v>
      </c>
      <c r="AJ26" s="222">
        <v>0</v>
      </c>
      <c r="AK26" s="222">
        <v>0</v>
      </c>
      <c r="AL26" s="222">
        <v>0</v>
      </c>
      <c r="AM26" s="220">
        <v>0</v>
      </c>
      <c r="AN26" s="223">
        <v>0</v>
      </c>
      <c r="AO26" s="225">
        <v>0</v>
      </c>
      <c r="AP26" s="37"/>
    </row>
    <row r="27" spans="1:42" ht="20.25" customHeight="1" x14ac:dyDescent="0.2">
      <c r="A27" s="63" t="s">
        <v>25</v>
      </c>
      <c r="B27" s="219">
        <v>0</v>
      </c>
      <c r="C27" s="220">
        <v>0</v>
      </c>
      <c r="D27" s="220">
        <v>0</v>
      </c>
      <c r="E27" s="221">
        <v>1</v>
      </c>
      <c r="F27" s="222">
        <v>0</v>
      </c>
      <c r="G27" s="222">
        <v>5</v>
      </c>
      <c r="H27" s="222">
        <v>2</v>
      </c>
      <c r="I27" s="220">
        <v>1</v>
      </c>
      <c r="J27" s="223">
        <v>9</v>
      </c>
      <c r="K27" s="224">
        <v>9</v>
      </c>
      <c r="L27" s="219">
        <v>0</v>
      </c>
      <c r="M27" s="220">
        <v>0</v>
      </c>
      <c r="N27" s="223">
        <v>0</v>
      </c>
      <c r="O27" s="226">
        <v>2</v>
      </c>
      <c r="P27" s="222">
        <v>0</v>
      </c>
      <c r="Q27" s="222">
        <v>2</v>
      </c>
      <c r="R27" s="222">
        <v>2</v>
      </c>
      <c r="S27" s="220">
        <v>2</v>
      </c>
      <c r="T27" s="223">
        <v>8</v>
      </c>
      <c r="U27" s="227">
        <v>8</v>
      </c>
      <c r="V27" s="226">
        <v>0</v>
      </c>
      <c r="W27" s="220">
        <v>0</v>
      </c>
      <c r="X27" s="220">
        <v>0</v>
      </c>
      <c r="Y27" s="221">
        <v>0</v>
      </c>
      <c r="Z27" s="222">
        <v>0</v>
      </c>
      <c r="AA27" s="222">
        <v>0</v>
      </c>
      <c r="AB27" s="222">
        <v>0</v>
      </c>
      <c r="AC27" s="220">
        <v>0</v>
      </c>
      <c r="AD27" s="223">
        <v>0</v>
      </c>
      <c r="AE27" s="224">
        <v>0</v>
      </c>
      <c r="AF27" s="219">
        <v>0</v>
      </c>
      <c r="AG27" s="220">
        <v>0</v>
      </c>
      <c r="AH27" s="220">
        <v>0</v>
      </c>
      <c r="AI27" s="221">
        <v>0</v>
      </c>
      <c r="AJ27" s="222">
        <v>0</v>
      </c>
      <c r="AK27" s="222">
        <v>0</v>
      </c>
      <c r="AL27" s="222">
        <v>0</v>
      </c>
      <c r="AM27" s="220">
        <v>0</v>
      </c>
      <c r="AN27" s="223">
        <v>0</v>
      </c>
      <c r="AO27" s="225">
        <v>0</v>
      </c>
      <c r="AP27" s="37"/>
    </row>
    <row r="28" spans="1:42" ht="20.25" customHeight="1" x14ac:dyDescent="0.2">
      <c r="A28" s="63" t="s">
        <v>26</v>
      </c>
      <c r="B28" s="219">
        <v>0</v>
      </c>
      <c r="C28" s="220">
        <v>0</v>
      </c>
      <c r="D28" s="220">
        <v>0</v>
      </c>
      <c r="E28" s="221">
        <v>0</v>
      </c>
      <c r="F28" s="222">
        <v>0</v>
      </c>
      <c r="G28" s="222">
        <v>1</v>
      </c>
      <c r="H28" s="222">
        <v>2</v>
      </c>
      <c r="I28" s="220">
        <v>1</v>
      </c>
      <c r="J28" s="223">
        <v>4</v>
      </c>
      <c r="K28" s="224">
        <v>4</v>
      </c>
      <c r="L28" s="219">
        <v>0</v>
      </c>
      <c r="M28" s="220">
        <v>0</v>
      </c>
      <c r="N28" s="223">
        <v>0</v>
      </c>
      <c r="O28" s="226">
        <v>0</v>
      </c>
      <c r="P28" s="222">
        <v>0</v>
      </c>
      <c r="Q28" s="222">
        <v>2</v>
      </c>
      <c r="R28" s="222">
        <v>0</v>
      </c>
      <c r="S28" s="220">
        <v>1</v>
      </c>
      <c r="T28" s="223">
        <v>3</v>
      </c>
      <c r="U28" s="227">
        <v>3</v>
      </c>
      <c r="V28" s="226">
        <v>0</v>
      </c>
      <c r="W28" s="220">
        <v>0</v>
      </c>
      <c r="X28" s="220">
        <v>0</v>
      </c>
      <c r="Y28" s="221">
        <v>0</v>
      </c>
      <c r="Z28" s="222">
        <v>0</v>
      </c>
      <c r="AA28" s="222">
        <v>0</v>
      </c>
      <c r="AB28" s="222">
        <v>0</v>
      </c>
      <c r="AC28" s="220">
        <v>0</v>
      </c>
      <c r="AD28" s="223">
        <v>0</v>
      </c>
      <c r="AE28" s="224">
        <v>0</v>
      </c>
      <c r="AF28" s="219">
        <v>0</v>
      </c>
      <c r="AG28" s="220">
        <v>0</v>
      </c>
      <c r="AH28" s="220">
        <v>0</v>
      </c>
      <c r="AI28" s="221">
        <v>0</v>
      </c>
      <c r="AJ28" s="222">
        <v>0</v>
      </c>
      <c r="AK28" s="222">
        <v>0</v>
      </c>
      <c r="AL28" s="222">
        <v>0</v>
      </c>
      <c r="AM28" s="220">
        <v>0</v>
      </c>
      <c r="AN28" s="223">
        <v>0</v>
      </c>
      <c r="AO28" s="225">
        <v>0</v>
      </c>
      <c r="AP28" s="37"/>
    </row>
    <row r="29" spans="1:42" ht="20.25" customHeight="1" x14ac:dyDescent="0.2">
      <c r="A29" s="63" t="s">
        <v>27</v>
      </c>
      <c r="B29" s="219">
        <v>0</v>
      </c>
      <c r="C29" s="220">
        <v>0</v>
      </c>
      <c r="D29" s="220">
        <v>0</v>
      </c>
      <c r="E29" s="221">
        <v>0</v>
      </c>
      <c r="F29" s="222">
        <v>1</v>
      </c>
      <c r="G29" s="222">
        <v>1</v>
      </c>
      <c r="H29" s="222">
        <v>1</v>
      </c>
      <c r="I29" s="220">
        <v>2</v>
      </c>
      <c r="J29" s="223">
        <v>5</v>
      </c>
      <c r="K29" s="224">
        <v>5</v>
      </c>
      <c r="L29" s="219">
        <v>0</v>
      </c>
      <c r="M29" s="220">
        <v>0</v>
      </c>
      <c r="N29" s="223">
        <v>0</v>
      </c>
      <c r="O29" s="226">
        <v>0</v>
      </c>
      <c r="P29" s="222">
        <v>0</v>
      </c>
      <c r="Q29" s="222">
        <v>3</v>
      </c>
      <c r="R29" s="222">
        <v>2</v>
      </c>
      <c r="S29" s="220">
        <v>0</v>
      </c>
      <c r="T29" s="223">
        <v>5</v>
      </c>
      <c r="U29" s="227">
        <v>5</v>
      </c>
      <c r="V29" s="226">
        <v>0</v>
      </c>
      <c r="W29" s="220">
        <v>0</v>
      </c>
      <c r="X29" s="220">
        <v>0</v>
      </c>
      <c r="Y29" s="221">
        <v>0</v>
      </c>
      <c r="Z29" s="222">
        <v>0</v>
      </c>
      <c r="AA29" s="222">
        <v>0</v>
      </c>
      <c r="AB29" s="222">
        <v>0</v>
      </c>
      <c r="AC29" s="220">
        <v>0</v>
      </c>
      <c r="AD29" s="223">
        <v>0</v>
      </c>
      <c r="AE29" s="224">
        <v>0</v>
      </c>
      <c r="AF29" s="219">
        <v>0</v>
      </c>
      <c r="AG29" s="220">
        <v>0</v>
      </c>
      <c r="AH29" s="220">
        <v>0</v>
      </c>
      <c r="AI29" s="221">
        <v>0</v>
      </c>
      <c r="AJ29" s="222">
        <v>0</v>
      </c>
      <c r="AK29" s="222">
        <v>0</v>
      </c>
      <c r="AL29" s="222">
        <v>1</v>
      </c>
      <c r="AM29" s="220">
        <v>0</v>
      </c>
      <c r="AN29" s="223">
        <v>1</v>
      </c>
      <c r="AO29" s="225">
        <v>1</v>
      </c>
      <c r="AP29" s="37"/>
    </row>
    <row r="30" spans="1:42" ht="20.25" customHeight="1" x14ac:dyDescent="0.2">
      <c r="A30" s="63" t="s">
        <v>28</v>
      </c>
      <c r="B30" s="219">
        <v>0</v>
      </c>
      <c r="C30" s="220">
        <v>0</v>
      </c>
      <c r="D30" s="220">
        <v>0</v>
      </c>
      <c r="E30" s="221">
        <v>0</v>
      </c>
      <c r="F30" s="222">
        <v>0</v>
      </c>
      <c r="G30" s="222">
        <v>0</v>
      </c>
      <c r="H30" s="222">
        <v>1</v>
      </c>
      <c r="I30" s="220">
        <v>0</v>
      </c>
      <c r="J30" s="223">
        <v>1</v>
      </c>
      <c r="K30" s="224">
        <v>1</v>
      </c>
      <c r="L30" s="219">
        <v>0</v>
      </c>
      <c r="M30" s="220">
        <v>0</v>
      </c>
      <c r="N30" s="223">
        <v>0</v>
      </c>
      <c r="O30" s="226">
        <v>0</v>
      </c>
      <c r="P30" s="222">
        <v>1</v>
      </c>
      <c r="Q30" s="222">
        <v>0</v>
      </c>
      <c r="R30" s="222">
        <v>1</v>
      </c>
      <c r="S30" s="220">
        <v>0</v>
      </c>
      <c r="T30" s="223">
        <v>2</v>
      </c>
      <c r="U30" s="227">
        <v>2</v>
      </c>
      <c r="V30" s="226">
        <v>0</v>
      </c>
      <c r="W30" s="220">
        <v>0</v>
      </c>
      <c r="X30" s="220">
        <v>0</v>
      </c>
      <c r="Y30" s="221">
        <v>0</v>
      </c>
      <c r="Z30" s="222">
        <v>0</v>
      </c>
      <c r="AA30" s="222">
        <v>0</v>
      </c>
      <c r="AB30" s="222">
        <v>0</v>
      </c>
      <c r="AC30" s="220">
        <v>0</v>
      </c>
      <c r="AD30" s="223">
        <v>0</v>
      </c>
      <c r="AE30" s="224">
        <v>0</v>
      </c>
      <c r="AF30" s="219">
        <v>0</v>
      </c>
      <c r="AG30" s="220">
        <v>0</v>
      </c>
      <c r="AH30" s="220">
        <v>0</v>
      </c>
      <c r="AI30" s="221">
        <v>0</v>
      </c>
      <c r="AJ30" s="222">
        <v>0</v>
      </c>
      <c r="AK30" s="222">
        <v>0</v>
      </c>
      <c r="AL30" s="222">
        <v>0</v>
      </c>
      <c r="AM30" s="220">
        <v>0</v>
      </c>
      <c r="AN30" s="223">
        <v>0</v>
      </c>
      <c r="AO30" s="225">
        <v>0</v>
      </c>
      <c r="AP30" s="37"/>
    </row>
    <row r="31" spans="1:42" ht="20.25" customHeight="1" x14ac:dyDescent="0.2">
      <c r="A31" s="63" t="s">
        <v>29</v>
      </c>
      <c r="B31" s="219">
        <v>0</v>
      </c>
      <c r="C31" s="220">
        <v>0</v>
      </c>
      <c r="D31" s="220">
        <v>0</v>
      </c>
      <c r="E31" s="221">
        <v>0</v>
      </c>
      <c r="F31" s="222">
        <v>0</v>
      </c>
      <c r="G31" s="222">
        <v>1</v>
      </c>
      <c r="H31" s="222">
        <v>1</v>
      </c>
      <c r="I31" s="220">
        <v>1</v>
      </c>
      <c r="J31" s="223">
        <v>3</v>
      </c>
      <c r="K31" s="224">
        <v>3</v>
      </c>
      <c r="L31" s="219">
        <v>0</v>
      </c>
      <c r="M31" s="220">
        <v>0</v>
      </c>
      <c r="N31" s="223">
        <v>0</v>
      </c>
      <c r="O31" s="226">
        <v>0</v>
      </c>
      <c r="P31" s="222">
        <v>1</v>
      </c>
      <c r="Q31" s="222">
        <v>0</v>
      </c>
      <c r="R31" s="222">
        <v>0</v>
      </c>
      <c r="S31" s="220">
        <v>0</v>
      </c>
      <c r="T31" s="223">
        <v>1</v>
      </c>
      <c r="U31" s="227">
        <v>1</v>
      </c>
      <c r="V31" s="226">
        <v>0</v>
      </c>
      <c r="W31" s="220">
        <v>0</v>
      </c>
      <c r="X31" s="220">
        <v>0</v>
      </c>
      <c r="Y31" s="221">
        <v>0</v>
      </c>
      <c r="Z31" s="222">
        <v>0</v>
      </c>
      <c r="AA31" s="222">
        <v>0</v>
      </c>
      <c r="AB31" s="222">
        <v>0</v>
      </c>
      <c r="AC31" s="220">
        <v>0</v>
      </c>
      <c r="AD31" s="223">
        <v>0</v>
      </c>
      <c r="AE31" s="224">
        <v>0</v>
      </c>
      <c r="AF31" s="219">
        <v>0</v>
      </c>
      <c r="AG31" s="220">
        <v>0</v>
      </c>
      <c r="AH31" s="220">
        <v>0</v>
      </c>
      <c r="AI31" s="221">
        <v>0</v>
      </c>
      <c r="AJ31" s="222">
        <v>0</v>
      </c>
      <c r="AK31" s="222">
        <v>0</v>
      </c>
      <c r="AL31" s="222">
        <v>0</v>
      </c>
      <c r="AM31" s="220">
        <v>0</v>
      </c>
      <c r="AN31" s="223">
        <v>0</v>
      </c>
      <c r="AO31" s="225">
        <v>0</v>
      </c>
      <c r="AP31" s="37"/>
    </row>
    <row r="32" spans="1:42" ht="20.25" customHeight="1" x14ac:dyDescent="0.2">
      <c r="A32" s="63" t="s">
        <v>30</v>
      </c>
      <c r="B32" s="219">
        <v>0</v>
      </c>
      <c r="C32" s="220">
        <v>0</v>
      </c>
      <c r="D32" s="220">
        <v>0</v>
      </c>
      <c r="E32" s="221">
        <v>0</v>
      </c>
      <c r="F32" s="222">
        <v>0</v>
      </c>
      <c r="G32" s="222">
        <v>0</v>
      </c>
      <c r="H32" s="222">
        <v>3</v>
      </c>
      <c r="I32" s="220">
        <v>0</v>
      </c>
      <c r="J32" s="223">
        <v>3</v>
      </c>
      <c r="K32" s="224">
        <v>3</v>
      </c>
      <c r="L32" s="219">
        <v>0</v>
      </c>
      <c r="M32" s="220">
        <v>0</v>
      </c>
      <c r="N32" s="223">
        <v>0</v>
      </c>
      <c r="O32" s="226">
        <v>1</v>
      </c>
      <c r="P32" s="222">
        <v>0</v>
      </c>
      <c r="Q32" s="222">
        <v>1</v>
      </c>
      <c r="R32" s="222">
        <v>3</v>
      </c>
      <c r="S32" s="220">
        <v>0</v>
      </c>
      <c r="T32" s="223">
        <v>5</v>
      </c>
      <c r="U32" s="227">
        <v>5</v>
      </c>
      <c r="V32" s="226">
        <v>0</v>
      </c>
      <c r="W32" s="220">
        <v>0</v>
      </c>
      <c r="X32" s="220">
        <v>0</v>
      </c>
      <c r="Y32" s="221">
        <v>0</v>
      </c>
      <c r="Z32" s="222">
        <v>0</v>
      </c>
      <c r="AA32" s="222">
        <v>0</v>
      </c>
      <c r="AB32" s="222">
        <v>0</v>
      </c>
      <c r="AC32" s="220">
        <v>0</v>
      </c>
      <c r="AD32" s="223">
        <v>0</v>
      </c>
      <c r="AE32" s="224">
        <v>0</v>
      </c>
      <c r="AF32" s="219">
        <v>0</v>
      </c>
      <c r="AG32" s="220">
        <v>0</v>
      </c>
      <c r="AH32" s="220">
        <v>0</v>
      </c>
      <c r="AI32" s="221">
        <v>0</v>
      </c>
      <c r="AJ32" s="222">
        <v>0</v>
      </c>
      <c r="AK32" s="222">
        <v>0</v>
      </c>
      <c r="AL32" s="222">
        <v>0</v>
      </c>
      <c r="AM32" s="220">
        <v>1</v>
      </c>
      <c r="AN32" s="223">
        <v>1</v>
      </c>
      <c r="AO32" s="225">
        <v>1</v>
      </c>
      <c r="AP32" s="37"/>
    </row>
    <row r="33" spans="1:42" ht="20.25" customHeight="1" x14ac:dyDescent="0.2">
      <c r="A33" s="63" t="s">
        <v>31</v>
      </c>
      <c r="B33" s="219">
        <v>0</v>
      </c>
      <c r="C33" s="220">
        <v>0</v>
      </c>
      <c r="D33" s="220">
        <v>0</v>
      </c>
      <c r="E33" s="221">
        <v>0</v>
      </c>
      <c r="F33" s="222">
        <v>0</v>
      </c>
      <c r="G33" s="222">
        <v>1</v>
      </c>
      <c r="H33" s="222">
        <v>0</v>
      </c>
      <c r="I33" s="220">
        <v>0</v>
      </c>
      <c r="J33" s="223">
        <v>1</v>
      </c>
      <c r="K33" s="224">
        <v>1</v>
      </c>
      <c r="L33" s="219">
        <v>0</v>
      </c>
      <c r="M33" s="220">
        <v>0</v>
      </c>
      <c r="N33" s="223">
        <v>0</v>
      </c>
      <c r="O33" s="226">
        <v>0</v>
      </c>
      <c r="P33" s="222">
        <v>2</v>
      </c>
      <c r="Q33" s="222">
        <v>0</v>
      </c>
      <c r="R33" s="222">
        <v>1</v>
      </c>
      <c r="S33" s="220">
        <v>0</v>
      </c>
      <c r="T33" s="223">
        <v>3</v>
      </c>
      <c r="U33" s="227">
        <v>3</v>
      </c>
      <c r="V33" s="226">
        <v>0</v>
      </c>
      <c r="W33" s="220">
        <v>0</v>
      </c>
      <c r="X33" s="220">
        <v>0</v>
      </c>
      <c r="Y33" s="221">
        <v>0</v>
      </c>
      <c r="Z33" s="222">
        <v>0</v>
      </c>
      <c r="AA33" s="222">
        <v>0</v>
      </c>
      <c r="AB33" s="222">
        <v>0</v>
      </c>
      <c r="AC33" s="220">
        <v>0</v>
      </c>
      <c r="AD33" s="223">
        <v>0</v>
      </c>
      <c r="AE33" s="224">
        <v>0</v>
      </c>
      <c r="AF33" s="219">
        <v>0</v>
      </c>
      <c r="AG33" s="220">
        <v>0</v>
      </c>
      <c r="AH33" s="220">
        <v>0</v>
      </c>
      <c r="AI33" s="221">
        <v>0</v>
      </c>
      <c r="AJ33" s="222">
        <v>0</v>
      </c>
      <c r="AK33" s="222">
        <v>0</v>
      </c>
      <c r="AL33" s="222">
        <v>0</v>
      </c>
      <c r="AM33" s="220">
        <v>0</v>
      </c>
      <c r="AN33" s="223">
        <v>0</v>
      </c>
      <c r="AO33" s="225">
        <v>0</v>
      </c>
      <c r="AP33" s="37"/>
    </row>
    <row r="34" spans="1:42" ht="20.25" customHeight="1" x14ac:dyDescent="0.2">
      <c r="A34" s="63" t="s">
        <v>32</v>
      </c>
      <c r="B34" s="219">
        <v>0</v>
      </c>
      <c r="C34" s="220">
        <v>0</v>
      </c>
      <c r="D34" s="220">
        <v>0</v>
      </c>
      <c r="E34" s="221">
        <v>0</v>
      </c>
      <c r="F34" s="222">
        <v>0</v>
      </c>
      <c r="G34" s="222">
        <v>0</v>
      </c>
      <c r="H34" s="222">
        <v>2</v>
      </c>
      <c r="I34" s="220">
        <v>1</v>
      </c>
      <c r="J34" s="223">
        <v>3</v>
      </c>
      <c r="K34" s="224">
        <v>3</v>
      </c>
      <c r="L34" s="219">
        <v>0</v>
      </c>
      <c r="M34" s="220">
        <v>0</v>
      </c>
      <c r="N34" s="223">
        <v>0</v>
      </c>
      <c r="O34" s="226">
        <v>1</v>
      </c>
      <c r="P34" s="222">
        <v>0</v>
      </c>
      <c r="Q34" s="222">
        <v>1</v>
      </c>
      <c r="R34" s="222">
        <v>0</v>
      </c>
      <c r="S34" s="220">
        <v>1</v>
      </c>
      <c r="T34" s="223">
        <v>3</v>
      </c>
      <c r="U34" s="227">
        <v>3</v>
      </c>
      <c r="V34" s="226">
        <v>0</v>
      </c>
      <c r="W34" s="220">
        <v>0</v>
      </c>
      <c r="X34" s="220">
        <v>0</v>
      </c>
      <c r="Y34" s="221">
        <v>0</v>
      </c>
      <c r="Z34" s="222">
        <v>0</v>
      </c>
      <c r="AA34" s="222">
        <v>0</v>
      </c>
      <c r="AB34" s="222">
        <v>0</v>
      </c>
      <c r="AC34" s="220">
        <v>0</v>
      </c>
      <c r="AD34" s="223">
        <v>0</v>
      </c>
      <c r="AE34" s="224">
        <v>0</v>
      </c>
      <c r="AF34" s="219">
        <v>0</v>
      </c>
      <c r="AG34" s="220">
        <v>0</v>
      </c>
      <c r="AH34" s="220">
        <v>0</v>
      </c>
      <c r="AI34" s="221">
        <v>0</v>
      </c>
      <c r="AJ34" s="222">
        <v>0</v>
      </c>
      <c r="AK34" s="222">
        <v>0</v>
      </c>
      <c r="AL34" s="222">
        <v>0</v>
      </c>
      <c r="AM34" s="220">
        <v>0</v>
      </c>
      <c r="AN34" s="223">
        <v>0</v>
      </c>
      <c r="AO34" s="225">
        <v>0</v>
      </c>
      <c r="AP34" s="37"/>
    </row>
    <row r="35" spans="1:42" ht="20.25" customHeight="1" x14ac:dyDescent="0.2">
      <c r="A35" s="63" t="s">
        <v>33</v>
      </c>
      <c r="B35" s="219">
        <v>0</v>
      </c>
      <c r="C35" s="220">
        <v>0</v>
      </c>
      <c r="D35" s="220">
        <v>0</v>
      </c>
      <c r="E35" s="221">
        <v>0</v>
      </c>
      <c r="F35" s="222">
        <v>0</v>
      </c>
      <c r="G35" s="222">
        <v>0</v>
      </c>
      <c r="H35" s="222">
        <v>0</v>
      </c>
      <c r="I35" s="220">
        <v>0</v>
      </c>
      <c r="J35" s="223">
        <v>0</v>
      </c>
      <c r="K35" s="224">
        <v>0</v>
      </c>
      <c r="L35" s="219">
        <v>0</v>
      </c>
      <c r="M35" s="220">
        <v>0</v>
      </c>
      <c r="N35" s="223">
        <v>0</v>
      </c>
      <c r="O35" s="226">
        <v>0</v>
      </c>
      <c r="P35" s="222">
        <v>0</v>
      </c>
      <c r="Q35" s="222">
        <v>0</v>
      </c>
      <c r="R35" s="222">
        <v>1</v>
      </c>
      <c r="S35" s="220">
        <v>1</v>
      </c>
      <c r="T35" s="223">
        <v>2</v>
      </c>
      <c r="U35" s="227">
        <v>2</v>
      </c>
      <c r="V35" s="226">
        <v>0</v>
      </c>
      <c r="W35" s="220">
        <v>0</v>
      </c>
      <c r="X35" s="220">
        <v>0</v>
      </c>
      <c r="Y35" s="221">
        <v>0</v>
      </c>
      <c r="Z35" s="222">
        <v>0</v>
      </c>
      <c r="AA35" s="222">
        <v>0</v>
      </c>
      <c r="AB35" s="222">
        <v>0</v>
      </c>
      <c r="AC35" s="220">
        <v>0</v>
      </c>
      <c r="AD35" s="223">
        <v>0</v>
      </c>
      <c r="AE35" s="224">
        <v>0</v>
      </c>
      <c r="AF35" s="219">
        <v>0</v>
      </c>
      <c r="AG35" s="220">
        <v>0</v>
      </c>
      <c r="AH35" s="220">
        <v>0</v>
      </c>
      <c r="AI35" s="221">
        <v>0</v>
      </c>
      <c r="AJ35" s="222">
        <v>0</v>
      </c>
      <c r="AK35" s="222">
        <v>1</v>
      </c>
      <c r="AL35" s="222">
        <v>1</v>
      </c>
      <c r="AM35" s="220">
        <v>0</v>
      </c>
      <c r="AN35" s="223">
        <v>2</v>
      </c>
      <c r="AO35" s="225">
        <v>2</v>
      </c>
      <c r="AP35" s="37"/>
    </row>
    <row r="36" spans="1:42" ht="20.25" customHeight="1" x14ac:dyDescent="0.2">
      <c r="A36" s="63" t="s">
        <v>34</v>
      </c>
      <c r="B36" s="219">
        <v>0</v>
      </c>
      <c r="C36" s="220">
        <v>0</v>
      </c>
      <c r="D36" s="220">
        <v>0</v>
      </c>
      <c r="E36" s="221">
        <v>0</v>
      </c>
      <c r="F36" s="222">
        <v>0</v>
      </c>
      <c r="G36" s="222">
        <v>1</v>
      </c>
      <c r="H36" s="222">
        <v>0</v>
      </c>
      <c r="I36" s="220">
        <v>1</v>
      </c>
      <c r="J36" s="223">
        <v>2</v>
      </c>
      <c r="K36" s="224">
        <v>2</v>
      </c>
      <c r="L36" s="219">
        <v>0</v>
      </c>
      <c r="M36" s="220">
        <v>0</v>
      </c>
      <c r="N36" s="223">
        <v>0</v>
      </c>
      <c r="O36" s="226">
        <v>0</v>
      </c>
      <c r="P36" s="222">
        <v>0</v>
      </c>
      <c r="Q36" s="222">
        <v>0</v>
      </c>
      <c r="R36" s="222">
        <v>0</v>
      </c>
      <c r="S36" s="220">
        <v>0</v>
      </c>
      <c r="T36" s="223">
        <v>0</v>
      </c>
      <c r="U36" s="227">
        <v>0</v>
      </c>
      <c r="V36" s="226">
        <v>0</v>
      </c>
      <c r="W36" s="220">
        <v>0</v>
      </c>
      <c r="X36" s="220">
        <v>0</v>
      </c>
      <c r="Y36" s="221">
        <v>0</v>
      </c>
      <c r="Z36" s="222">
        <v>0</v>
      </c>
      <c r="AA36" s="222">
        <v>0</v>
      </c>
      <c r="AB36" s="222">
        <v>0</v>
      </c>
      <c r="AC36" s="220">
        <v>0</v>
      </c>
      <c r="AD36" s="223">
        <v>0</v>
      </c>
      <c r="AE36" s="224">
        <v>0</v>
      </c>
      <c r="AF36" s="219">
        <v>0</v>
      </c>
      <c r="AG36" s="220">
        <v>0</v>
      </c>
      <c r="AH36" s="220">
        <v>0</v>
      </c>
      <c r="AI36" s="221">
        <v>0</v>
      </c>
      <c r="AJ36" s="222">
        <v>0</v>
      </c>
      <c r="AK36" s="222">
        <v>0</v>
      </c>
      <c r="AL36" s="222">
        <v>0</v>
      </c>
      <c r="AM36" s="220">
        <v>0</v>
      </c>
      <c r="AN36" s="223">
        <v>0</v>
      </c>
      <c r="AO36" s="225">
        <v>0</v>
      </c>
      <c r="AP36" s="37"/>
    </row>
    <row r="37" spans="1:42" ht="20.25" customHeight="1" x14ac:dyDescent="0.2">
      <c r="A37" s="63" t="s">
        <v>35</v>
      </c>
      <c r="B37" s="219">
        <v>0</v>
      </c>
      <c r="C37" s="220">
        <v>0</v>
      </c>
      <c r="D37" s="220">
        <v>0</v>
      </c>
      <c r="E37" s="221">
        <v>0</v>
      </c>
      <c r="F37" s="222">
        <v>0</v>
      </c>
      <c r="G37" s="222">
        <v>0</v>
      </c>
      <c r="H37" s="222">
        <v>2</v>
      </c>
      <c r="I37" s="220">
        <v>2</v>
      </c>
      <c r="J37" s="223">
        <v>4</v>
      </c>
      <c r="K37" s="224">
        <v>4</v>
      </c>
      <c r="L37" s="219">
        <v>0</v>
      </c>
      <c r="M37" s="220">
        <v>0</v>
      </c>
      <c r="N37" s="223">
        <v>0</v>
      </c>
      <c r="O37" s="226">
        <v>0</v>
      </c>
      <c r="P37" s="222">
        <v>0</v>
      </c>
      <c r="Q37" s="222">
        <v>1</v>
      </c>
      <c r="R37" s="222">
        <v>1</v>
      </c>
      <c r="S37" s="220">
        <v>0</v>
      </c>
      <c r="T37" s="223">
        <v>2</v>
      </c>
      <c r="U37" s="227">
        <v>2</v>
      </c>
      <c r="V37" s="226">
        <v>0</v>
      </c>
      <c r="W37" s="220">
        <v>0</v>
      </c>
      <c r="X37" s="220">
        <v>0</v>
      </c>
      <c r="Y37" s="221">
        <v>0</v>
      </c>
      <c r="Z37" s="222">
        <v>0</v>
      </c>
      <c r="AA37" s="222">
        <v>0</v>
      </c>
      <c r="AB37" s="222">
        <v>0</v>
      </c>
      <c r="AC37" s="220">
        <v>0</v>
      </c>
      <c r="AD37" s="223">
        <v>0</v>
      </c>
      <c r="AE37" s="224">
        <v>0</v>
      </c>
      <c r="AF37" s="219">
        <v>0</v>
      </c>
      <c r="AG37" s="220">
        <v>0</v>
      </c>
      <c r="AH37" s="220">
        <v>0</v>
      </c>
      <c r="AI37" s="221">
        <v>0</v>
      </c>
      <c r="AJ37" s="222">
        <v>0</v>
      </c>
      <c r="AK37" s="222">
        <v>0</v>
      </c>
      <c r="AL37" s="222">
        <v>0</v>
      </c>
      <c r="AM37" s="220">
        <v>0</v>
      </c>
      <c r="AN37" s="223">
        <v>0</v>
      </c>
      <c r="AO37" s="225">
        <v>0</v>
      </c>
      <c r="AP37" s="37"/>
    </row>
    <row r="38" spans="1:42" ht="20.25" customHeight="1" x14ac:dyDescent="0.2">
      <c r="A38" s="63" t="s">
        <v>36</v>
      </c>
      <c r="B38" s="219">
        <v>0</v>
      </c>
      <c r="C38" s="220">
        <v>0</v>
      </c>
      <c r="D38" s="220">
        <v>0</v>
      </c>
      <c r="E38" s="221">
        <v>0</v>
      </c>
      <c r="F38" s="222">
        <v>0</v>
      </c>
      <c r="G38" s="222">
        <v>0</v>
      </c>
      <c r="H38" s="222">
        <v>4</v>
      </c>
      <c r="I38" s="220">
        <v>4</v>
      </c>
      <c r="J38" s="223">
        <v>8</v>
      </c>
      <c r="K38" s="224">
        <v>8</v>
      </c>
      <c r="L38" s="219">
        <v>0</v>
      </c>
      <c r="M38" s="220">
        <v>0</v>
      </c>
      <c r="N38" s="223">
        <v>0</v>
      </c>
      <c r="O38" s="226">
        <v>1</v>
      </c>
      <c r="P38" s="222">
        <v>0</v>
      </c>
      <c r="Q38" s="222">
        <v>4</v>
      </c>
      <c r="R38" s="222">
        <v>0</v>
      </c>
      <c r="S38" s="220">
        <v>0</v>
      </c>
      <c r="T38" s="223">
        <v>5</v>
      </c>
      <c r="U38" s="227">
        <v>5</v>
      </c>
      <c r="V38" s="226">
        <v>0</v>
      </c>
      <c r="W38" s="220">
        <v>0</v>
      </c>
      <c r="X38" s="220">
        <v>0</v>
      </c>
      <c r="Y38" s="221">
        <v>0</v>
      </c>
      <c r="Z38" s="222">
        <v>0</v>
      </c>
      <c r="AA38" s="222">
        <v>0</v>
      </c>
      <c r="AB38" s="222">
        <v>0</v>
      </c>
      <c r="AC38" s="220">
        <v>0</v>
      </c>
      <c r="AD38" s="223">
        <v>0</v>
      </c>
      <c r="AE38" s="224">
        <v>0</v>
      </c>
      <c r="AF38" s="219">
        <v>0</v>
      </c>
      <c r="AG38" s="220">
        <v>0</v>
      </c>
      <c r="AH38" s="220">
        <v>0</v>
      </c>
      <c r="AI38" s="221">
        <v>0</v>
      </c>
      <c r="AJ38" s="222">
        <v>0</v>
      </c>
      <c r="AK38" s="222">
        <v>0</v>
      </c>
      <c r="AL38" s="222">
        <v>0</v>
      </c>
      <c r="AM38" s="220">
        <v>0</v>
      </c>
      <c r="AN38" s="223">
        <v>0</v>
      </c>
      <c r="AO38" s="225">
        <v>0</v>
      </c>
      <c r="AP38" s="37"/>
    </row>
    <row r="39" spans="1:42" ht="20.25" customHeight="1" thickBot="1" x14ac:dyDescent="0.25">
      <c r="A39" s="64" t="s">
        <v>37</v>
      </c>
      <c r="B39" s="228">
        <v>0</v>
      </c>
      <c r="C39" s="229">
        <v>0</v>
      </c>
      <c r="D39" s="229">
        <v>0</v>
      </c>
      <c r="E39" s="230">
        <v>0</v>
      </c>
      <c r="F39" s="231">
        <v>0</v>
      </c>
      <c r="G39" s="231">
        <v>1</v>
      </c>
      <c r="H39" s="231">
        <v>0</v>
      </c>
      <c r="I39" s="229">
        <v>1</v>
      </c>
      <c r="J39" s="232">
        <v>2</v>
      </c>
      <c r="K39" s="233">
        <v>2</v>
      </c>
      <c r="L39" s="228">
        <v>0</v>
      </c>
      <c r="M39" s="229">
        <v>0</v>
      </c>
      <c r="N39" s="232">
        <v>0</v>
      </c>
      <c r="O39" s="235">
        <v>0</v>
      </c>
      <c r="P39" s="231">
        <v>0</v>
      </c>
      <c r="Q39" s="231">
        <v>1</v>
      </c>
      <c r="R39" s="231">
        <v>0</v>
      </c>
      <c r="S39" s="229">
        <v>0</v>
      </c>
      <c r="T39" s="232">
        <v>1</v>
      </c>
      <c r="U39" s="236">
        <v>1</v>
      </c>
      <c r="V39" s="235">
        <v>0</v>
      </c>
      <c r="W39" s="229">
        <v>0</v>
      </c>
      <c r="X39" s="229">
        <v>0</v>
      </c>
      <c r="Y39" s="230">
        <v>0</v>
      </c>
      <c r="Z39" s="231">
        <v>0</v>
      </c>
      <c r="AA39" s="231">
        <v>0</v>
      </c>
      <c r="AB39" s="231">
        <v>0</v>
      </c>
      <c r="AC39" s="229">
        <v>0</v>
      </c>
      <c r="AD39" s="232">
        <v>0</v>
      </c>
      <c r="AE39" s="233">
        <v>0</v>
      </c>
      <c r="AF39" s="228">
        <v>0</v>
      </c>
      <c r="AG39" s="229">
        <v>0</v>
      </c>
      <c r="AH39" s="229">
        <v>0</v>
      </c>
      <c r="AI39" s="230">
        <v>0</v>
      </c>
      <c r="AJ39" s="231">
        <v>0</v>
      </c>
      <c r="AK39" s="231">
        <v>0</v>
      </c>
      <c r="AL39" s="231">
        <v>0</v>
      </c>
      <c r="AM39" s="229">
        <v>0</v>
      </c>
      <c r="AN39" s="232">
        <v>0</v>
      </c>
      <c r="AO39" s="234">
        <v>0</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V3:AE3"/>
    <mergeCell ref="AF3:AO3"/>
    <mergeCell ref="L4:N4"/>
    <mergeCell ref="O4:T4"/>
    <mergeCell ref="U4:U5"/>
    <mergeCell ref="V4:X4"/>
    <mergeCell ref="Y4:AD4"/>
    <mergeCell ref="AE4:AE5"/>
    <mergeCell ref="AF4:AH4"/>
    <mergeCell ref="AI4:AN4"/>
    <mergeCell ref="AO4:AO5"/>
    <mergeCell ref="F1:G1"/>
    <mergeCell ref="A3:A4"/>
    <mergeCell ref="B3:K3"/>
    <mergeCell ref="L3:U3"/>
    <mergeCell ref="B4:D4"/>
    <mergeCell ref="E4:J4"/>
    <mergeCell ref="K4:K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8"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416">
        <f>第１表!F2</f>
        <v>3</v>
      </c>
      <c r="E1" s="283">
        <f>第１表!G2</f>
        <v>12</v>
      </c>
      <c r="F1" s="484">
        <f>IF(E1&lt;3,E1-2+12,E1-2)</f>
        <v>10</v>
      </c>
      <c r="G1" s="484"/>
    </row>
    <row r="2" spans="1:42" ht="17.25" customHeight="1" thickBot="1" x14ac:dyDescent="0.25">
      <c r="A2" s="20" t="s">
        <v>159</v>
      </c>
      <c r="E2" s="20" t="s">
        <v>140</v>
      </c>
    </row>
    <row r="3" spans="1:42" ht="24.75" customHeight="1" x14ac:dyDescent="0.2">
      <c r="A3" s="502"/>
      <c r="B3" s="505" t="s">
        <v>57</v>
      </c>
      <c r="C3" s="506"/>
      <c r="D3" s="506"/>
      <c r="E3" s="506"/>
      <c r="F3" s="506"/>
      <c r="G3" s="506"/>
      <c r="H3" s="506"/>
      <c r="I3" s="506"/>
      <c r="J3" s="506"/>
      <c r="K3" s="506"/>
      <c r="L3" s="505" t="s">
        <v>58</v>
      </c>
      <c r="M3" s="508"/>
      <c r="N3" s="508"/>
      <c r="O3" s="508"/>
      <c r="P3" s="508"/>
      <c r="Q3" s="508"/>
      <c r="R3" s="508"/>
      <c r="S3" s="508"/>
      <c r="T3" s="508"/>
      <c r="U3" s="508"/>
      <c r="V3" s="505" t="s">
        <v>59</v>
      </c>
      <c r="W3" s="506"/>
      <c r="X3" s="506"/>
      <c r="Y3" s="506"/>
      <c r="Z3" s="506"/>
      <c r="AA3" s="506"/>
      <c r="AB3" s="506"/>
      <c r="AC3" s="506"/>
      <c r="AD3" s="506"/>
      <c r="AE3" s="506"/>
      <c r="AF3" s="534" t="s">
        <v>151</v>
      </c>
      <c r="AG3" s="506"/>
      <c r="AH3" s="506"/>
      <c r="AI3" s="506"/>
      <c r="AJ3" s="506"/>
      <c r="AK3" s="506"/>
      <c r="AL3" s="506"/>
      <c r="AM3" s="506"/>
      <c r="AN3" s="506"/>
      <c r="AO3" s="507"/>
    </row>
    <row r="4" spans="1:42" ht="24.75" customHeight="1" x14ac:dyDescent="0.2">
      <c r="A4" s="504"/>
      <c r="B4" s="510" t="s">
        <v>61</v>
      </c>
      <c r="C4" s="511"/>
      <c r="D4" s="512"/>
      <c r="E4" s="513" t="s">
        <v>62</v>
      </c>
      <c r="F4" s="514"/>
      <c r="G4" s="514"/>
      <c r="H4" s="514"/>
      <c r="I4" s="514"/>
      <c r="J4" s="515"/>
      <c r="K4" s="526" t="s">
        <v>52</v>
      </c>
      <c r="L4" s="510" t="s">
        <v>61</v>
      </c>
      <c r="M4" s="511"/>
      <c r="N4" s="512"/>
      <c r="O4" s="513" t="s">
        <v>62</v>
      </c>
      <c r="P4" s="514"/>
      <c r="Q4" s="514"/>
      <c r="R4" s="514"/>
      <c r="S4" s="514"/>
      <c r="T4" s="515"/>
      <c r="U4" s="516" t="s">
        <v>52</v>
      </c>
      <c r="V4" s="510" t="s">
        <v>61</v>
      </c>
      <c r="W4" s="511"/>
      <c r="X4" s="512"/>
      <c r="Y4" s="513" t="s">
        <v>62</v>
      </c>
      <c r="Z4" s="514"/>
      <c r="AA4" s="514"/>
      <c r="AB4" s="514"/>
      <c r="AC4" s="514"/>
      <c r="AD4" s="515"/>
      <c r="AE4" s="526" t="s">
        <v>52</v>
      </c>
      <c r="AF4" s="510" t="s">
        <v>61</v>
      </c>
      <c r="AG4" s="511"/>
      <c r="AH4" s="512"/>
      <c r="AI4" s="513" t="s">
        <v>62</v>
      </c>
      <c r="AJ4" s="514"/>
      <c r="AK4" s="514"/>
      <c r="AL4" s="514"/>
      <c r="AM4" s="514"/>
      <c r="AN4" s="515"/>
      <c r="AO4" s="516" t="s">
        <v>52</v>
      </c>
    </row>
    <row r="5" spans="1:42" ht="24.75" customHeight="1" thickBot="1" x14ac:dyDescent="0.25">
      <c r="A5" s="413" t="s">
        <v>42</v>
      </c>
      <c r="B5" s="31" t="s">
        <v>43</v>
      </c>
      <c r="C5" s="32" t="s">
        <v>44</v>
      </c>
      <c r="D5" s="32" t="s">
        <v>45</v>
      </c>
      <c r="E5" s="33" t="s">
        <v>47</v>
      </c>
      <c r="F5" s="34" t="s">
        <v>48</v>
      </c>
      <c r="G5" s="34" t="s">
        <v>49</v>
      </c>
      <c r="H5" s="35" t="s">
        <v>50</v>
      </c>
      <c r="I5" s="32" t="s">
        <v>51</v>
      </c>
      <c r="J5" s="36" t="s">
        <v>95</v>
      </c>
      <c r="K5" s="525"/>
      <c r="L5" s="31" t="s">
        <v>43</v>
      </c>
      <c r="M5" s="32" t="s">
        <v>44</v>
      </c>
      <c r="N5" s="36" t="s">
        <v>45</v>
      </c>
      <c r="O5" s="15" t="s">
        <v>47</v>
      </c>
      <c r="P5" s="34" t="s">
        <v>48</v>
      </c>
      <c r="Q5" s="34" t="s">
        <v>49</v>
      </c>
      <c r="R5" s="35" t="s">
        <v>50</v>
      </c>
      <c r="S5" s="32" t="s">
        <v>51</v>
      </c>
      <c r="T5" s="36" t="s">
        <v>45</v>
      </c>
      <c r="U5" s="517"/>
      <c r="V5" s="31" t="s">
        <v>43</v>
      </c>
      <c r="W5" s="32" t="s">
        <v>44</v>
      </c>
      <c r="X5" s="32" t="s">
        <v>45</v>
      </c>
      <c r="Y5" s="33" t="s">
        <v>47</v>
      </c>
      <c r="Z5" s="34" t="s">
        <v>48</v>
      </c>
      <c r="AA5" s="34" t="s">
        <v>49</v>
      </c>
      <c r="AB5" s="35" t="s">
        <v>50</v>
      </c>
      <c r="AC5" s="32" t="s">
        <v>51</v>
      </c>
      <c r="AD5" s="36" t="s">
        <v>45</v>
      </c>
      <c r="AE5" s="525"/>
      <c r="AF5" s="31" t="s">
        <v>43</v>
      </c>
      <c r="AG5" s="32" t="s">
        <v>44</v>
      </c>
      <c r="AH5" s="32" t="s">
        <v>45</v>
      </c>
      <c r="AI5" s="33" t="s">
        <v>47</v>
      </c>
      <c r="AJ5" s="34" t="s">
        <v>48</v>
      </c>
      <c r="AK5" s="34" t="s">
        <v>49</v>
      </c>
      <c r="AL5" s="35" t="s">
        <v>50</v>
      </c>
      <c r="AM5" s="32" t="s">
        <v>51</v>
      </c>
      <c r="AN5" s="36" t="s">
        <v>45</v>
      </c>
      <c r="AO5" s="517"/>
    </row>
    <row r="6" spans="1:42" ht="20.25" customHeight="1" x14ac:dyDescent="0.2">
      <c r="A6" s="412" t="s">
        <v>4</v>
      </c>
      <c r="B6" s="210">
        <v>0</v>
      </c>
      <c r="C6" s="211">
        <v>0</v>
      </c>
      <c r="D6" s="211">
        <v>0</v>
      </c>
      <c r="E6" s="212">
        <v>5</v>
      </c>
      <c r="F6" s="213">
        <v>36</v>
      </c>
      <c r="G6" s="213">
        <v>245</v>
      </c>
      <c r="H6" s="213">
        <v>406</v>
      </c>
      <c r="I6" s="211">
        <v>290</v>
      </c>
      <c r="J6" s="214">
        <v>982</v>
      </c>
      <c r="K6" s="215">
        <v>982</v>
      </c>
      <c r="L6" s="210">
        <v>0</v>
      </c>
      <c r="M6" s="211">
        <v>0</v>
      </c>
      <c r="N6" s="214">
        <v>0</v>
      </c>
      <c r="O6" s="217">
        <v>61</v>
      </c>
      <c r="P6" s="213">
        <v>139</v>
      </c>
      <c r="Q6" s="213">
        <v>206</v>
      </c>
      <c r="R6" s="213">
        <v>240</v>
      </c>
      <c r="S6" s="211">
        <v>132</v>
      </c>
      <c r="T6" s="214">
        <v>778</v>
      </c>
      <c r="U6" s="218">
        <v>778</v>
      </c>
      <c r="V6" s="217">
        <v>0</v>
      </c>
      <c r="W6" s="211">
        <v>0</v>
      </c>
      <c r="X6" s="211">
        <v>0</v>
      </c>
      <c r="Y6" s="212">
        <v>0</v>
      </c>
      <c r="Z6" s="213">
        <v>0</v>
      </c>
      <c r="AA6" s="213">
        <v>3</v>
      </c>
      <c r="AB6" s="213">
        <v>13</v>
      </c>
      <c r="AC6" s="211">
        <v>18</v>
      </c>
      <c r="AD6" s="214">
        <v>34</v>
      </c>
      <c r="AE6" s="215">
        <v>34</v>
      </c>
      <c r="AF6" s="210">
        <v>0</v>
      </c>
      <c r="AG6" s="211">
        <v>0</v>
      </c>
      <c r="AH6" s="211">
        <v>0</v>
      </c>
      <c r="AI6" s="212">
        <v>1</v>
      </c>
      <c r="AJ6" s="213">
        <v>1</v>
      </c>
      <c r="AK6" s="213">
        <v>4</v>
      </c>
      <c r="AL6" s="213">
        <v>9</v>
      </c>
      <c r="AM6" s="211">
        <v>12</v>
      </c>
      <c r="AN6" s="214">
        <v>27</v>
      </c>
      <c r="AO6" s="216">
        <v>27</v>
      </c>
      <c r="AP6" s="37"/>
    </row>
    <row r="7" spans="1:42" ht="20.25" customHeight="1" x14ac:dyDescent="0.2">
      <c r="A7" s="63" t="s">
        <v>5</v>
      </c>
      <c r="B7" s="219">
        <v>0</v>
      </c>
      <c r="C7" s="220">
        <v>0</v>
      </c>
      <c r="D7" s="220">
        <v>0</v>
      </c>
      <c r="E7" s="221">
        <v>4</v>
      </c>
      <c r="F7" s="222">
        <v>20</v>
      </c>
      <c r="G7" s="222">
        <v>118</v>
      </c>
      <c r="H7" s="222">
        <v>177</v>
      </c>
      <c r="I7" s="220">
        <v>139</v>
      </c>
      <c r="J7" s="223">
        <v>458</v>
      </c>
      <c r="K7" s="224">
        <v>458</v>
      </c>
      <c r="L7" s="219">
        <v>0</v>
      </c>
      <c r="M7" s="220">
        <v>0</v>
      </c>
      <c r="N7" s="223">
        <v>0</v>
      </c>
      <c r="O7" s="226">
        <v>27</v>
      </c>
      <c r="P7" s="222">
        <v>73</v>
      </c>
      <c r="Q7" s="222">
        <v>99</v>
      </c>
      <c r="R7" s="222">
        <v>119</v>
      </c>
      <c r="S7" s="220">
        <v>67</v>
      </c>
      <c r="T7" s="223">
        <v>385</v>
      </c>
      <c r="U7" s="227">
        <v>385</v>
      </c>
      <c r="V7" s="226">
        <v>0</v>
      </c>
      <c r="W7" s="220">
        <v>0</v>
      </c>
      <c r="X7" s="220">
        <v>0</v>
      </c>
      <c r="Y7" s="221">
        <v>0</v>
      </c>
      <c r="Z7" s="222">
        <v>0</v>
      </c>
      <c r="AA7" s="222">
        <v>1</v>
      </c>
      <c r="AB7" s="222">
        <v>3</v>
      </c>
      <c r="AC7" s="220">
        <v>5</v>
      </c>
      <c r="AD7" s="223">
        <v>9</v>
      </c>
      <c r="AE7" s="224">
        <v>9</v>
      </c>
      <c r="AF7" s="219">
        <v>0</v>
      </c>
      <c r="AG7" s="220">
        <v>0</v>
      </c>
      <c r="AH7" s="220">
        <v>0</v>
      </c>
      <c r="AI7" s="221">
        <v>0</v>
      </c>
      <c r="AJ7" s="222">
        <v>1</v>
      </c>
      <c r="AK7" s="222">
        <v>1</v>
      </c>
      <c r="AL7" s="222">
        <v>4</v>
      </c>
      <c r="AM7" s="220">
        <v>5</v>
      </c>
      <c r="AN7" s="223">
        <v>11</v>
      </c>
      <c r="AO7" s="225">
        <v>11</v>
      </c>
      <c r="AP7" s="37"/>
    </row>
    <row r="8" spans="1:42" ht="20.25" customHeight="1" x14ac:dyDescent="0.2">
      <c r="A8" s="63" t="s">
        <v>6</v>
      </c>
      <c r="B8" s="219">
        <v>0</v>
      </c>
      <c r="C8" s="220">
        <v>0</v>
      </c>
      <c r="D8" s="220">
        <v>0</v>
      </c>
      <c r="E8" s="221">
        <v>0</v>
      </c>
      <c r="F8" s="222">
        <v>9</v>
      </c>
      <c r="G8" s="222">
        <v>29</v>
      </c>
      <c r="H8" s="222">
        <v>45</v>
      </c>
      <c r="I8" s="220">
        <v>33</v>
      </c>
      <c r="J8" s="223">
        <v>116</v>
      </c>
      <c r="K8" s="224">
        <v>116</v>
      </c>
      <c r="L8" s="219">
        <v>0</v>
      </c>
      <c r="M8" s="220">
        <v>0</v>
      </c>
      <c r="N8" s="223">
        <v>0</v>
      </c>
      <c r="O8" s="226">
        <v>8</v>
      </c>
      <c r="P8" s="222">
        <v>19</v>
      </c>
      <c r="Q8" s="222">
        <v>19</v>
      </c>
      <c r="R8" s="222">
        <v>44</v>
      </c>
      <c r="S8" s="220">
        <v>16</v>
      </c>
      <c r="T8" s="223">
        <v>106</v>
      </c>
      <c r="U8" s="227">
        <v>106</v>
      </c>
      <c r="V8" s="226">
        <v>0</v>
      </c>
      <c r="W8" s="220">
        <v>0</v>
      </c>
      <c r="X8" s="220">
        <v>0</v>
      </c>
      <c r="Y8" s="221">
        <v>0</v>
      </c>
      <c r="Z8" s="222">
        <v>0</v>
      </c>
      <c r="AA8" s="222">
        <v>1</v>
      </c>
      <c r="AB8" s="222">
        <v>9</v>
      </c>
      <c r="AC8" s="220">
        <v>10</v>
      </c>
      <c r="AD8" s="223">
        <v>20</v>
      </c>
      <c r="AE8" s="224">
        <v>20</v>
      </c>
      <c r="AF8" s="219">
        <v>0</v>
      </c>
      <c r="AG8" s="220">
        <v>0</v>
      </c>
      <c r="AH8" s="220">
        <v>0</v>
      </c>
      <c r="AI8" s="221">
        <v>0</v>
      </c>
      <c r="AJ8" s="222">
        <v>0</v>
      </c>
      <c r="AK8" s="222">
        <v>1</v>
      </c>
      <c r="AL8" s="222">
        <v>1</v>
      </c>
      <c r="AM8" s="220">
        <v>1</v>
      </c>
      <c r="AN8" s="223">
        <v>3</v>
      </c>
      <c r="AO8" s="225">
        <v>3</v>
      </c>
      <c r="AP8" s="37"/>
    </row>
    <row r="9" spans="1:42" ht="20.25" customHeight="1" x14ac:dyDescent="0.2">
      <c r="A9" s="63" t="s">
        <v>14</v>
      </c>
      <c r="B9" s="219">
        <v>0</v>
      </c>
      <c r="C9" s="220">
        <v>0</v>
      </c>
      <c r="D9" s="220">
        <v>0</v>
      </c>
      <c r="E9" s="221">
        <v>0</v>
      </c>
      <c r="F9" s="222">
        <v>0</v>
      </c>
      <c r="G9" s="222">
        <v>18</v>
      </c>
      <c r="H9" s="222">
        <v>33</v>
      </c>
      <c r="I9" s="220">
        <v>18</v>
      </c>
      <c r="J9" s="223">
        <v>69</v>
      </c>
      <c r="K9" s="224">
        <v>69</v>
      </c>
      <c r="L9" s="219">
        <v>0</v>
      </c>
      <c r="M9" s="220">
        <v>0</v>
      </c>
      <c r="N9" s="223">
        <v>0</v>
      </c>
      <c r="O9" s="226">
        <v>2</v>
      </c>
      <c r="P9" s="222">
        <v>7</v>
      </c>
      <c r="Q9" s="222">
        <v>8</v>
      </c>
      <c r="R9" s="222">
        <v>11</v>
      </c>
      <c r="S9" s="220">
        <v>3</v>
      </c>
      <c r="T9" s="223">
        <v>31</v>
      </c>
      <c r="U9" s="227">
        <v>31</v>
      </c>
      <c r="V9" s="226">
        <v>0</v>
      </c>
      <c r="W9" s="220">
        <v>0</v>
      </c>
      <c r="X9" s="220">
        <v>0</v>
      </c>
      <c r="Y9" s="221">
        <v>0</v>
      </c>
      <c r="Z9" s="222">
        <v>0</v>
      </c>
      <c r="AA9" s="222">
        <v>0</v>
      </c>
      <c r="AB9" s="222">
        <v>0</v>
      </c>
      <c r="AC9" s="220">
        <v>0</v>
      </c>
      <c r="AD9" s="223">
        <v>0</v>
      </c>
      <c r="AE9" s="224">
        <v>0</v>
      </c>
      <c r="AF9" s="219">
        <v>0</v>
      </c>
      <c r="AG9" s="220">
        <v>0</v>
      </c>
      <c r="AH9" s="220">
        <v>0</v>
      </c>
      <c r="AI9" s="221">
        <v>0</v>
      </c>
      <c r="AJ9" s="222">
        <v>0</v>
      </c>
      <c r="AK9" s="222">
        <v>1</v>
      </c>
      <c r="AL9" s="222">
        <v>1</v>
      </c>
      <c r="AM9" s="220">
        <v>1</v>
      </c>
      <c r="AN9" s="223">
        <v>3</v>
      </c>
      <c r="AO9" s="225">
        <v>3</v>
      </c>
      <c r="AP9" s="37"/>
    </row>
    <row r="10" spans="1:42" ht="20.25" customHeight="1" x14ac:dyDescent="0.2">
      <c r="A10" s="63" t="s">
        <v>7</v>
      </c>
      <c r="B10" s="219">
        <v>0</v>
      </c>
      <c r="C10" s="220">
        <v>0</v>
      </c>
      <c r="D10" s="220">
        <v>0</v>
      </c>
      <c r="E10" s="221">
        <v>0</v>
      </c>
      <c r="F10" s="222">
        <v>1</v>
      </c>
      <c r="G10" s="222">
        <v>2</v>
      </c>
      <c r="H10" s="222">
        <v>19</v>
      </c>
      <c r="I10" s="220">
        <v>13</v>
      </c>
      <c r="J10" s="223">
        <v>35</v>
      </c>
      <c r="K10" s="224">
        <v>35</v>
      </c>
      <c r="L10" s="219">
        <v>0</v>
      </c>
      <c r="M10" s="220">
        <v>0</v>
      </c>
      <c r="N10" s="223">
        <v>0</v>
      </c>
      <c r="O10" s="226">
        <v>0</v>
      </c>
      <c r="P10" s="222">
        <v>5</v>
      </c>
      <c r="Q10" s="222">
        <v>6</v>
      </c>
      <c r="R10" s="222">
        <v>5</v>
      </c>
      <c r="S10" s="220">
        <v>4</v>
      </c>
      <c r="T10" s="223">
        <v>20</v>
      </c>
      <c r="U10" s="227">
        <v>20</v>
      </c>
      <c r="V10" s="226">
        <v>0</v>
      </c>
      <c r="W10" s="220">
        <v>0</v>
      </c>
      <c r="X10" s="220">
        <v>0</v>
      </c>
      <c r="Y10" s="221">
        <v>0</v>
      </c>
      <c r="Z10" s="222">
        <v>0</v>
      </c>
      <c r="AA10" s="222">
        <v>0</v>
      </c>
      <c r="AB10" s="222">
        <v>0</v>
      </c>
      <c r="AC10" s="220">
        <v>0</v>
      </c>
      <c r="AD10" s="223">
        <v>0</v>
      </c>
      <c r="AE10" s="224">
        <v>0</v>
      </c>
      <c r="AF10" s="219">
        <v>0</v>
      </c>
      <c r="AG10" s="220">
        <v>0</v>
      </c>
      <c r="AH10" s="220">
        <v>0</v>
      </c>
      <c r="AI10" s="221">
        <v>0</v>
      </c>
      <c r="AJ10" s="222">
        <v>0</v>
      </c>
      <c r="AK10" s="222">
        <v>0</v>
      </c>
      <c r="AL10" s="222">
        <v>0</v>
      </c>
      <c r="AM10" s="220">
        <v>0</v>
      </c>
      <c r="AN10" s="223">
        <v>0</v>
      </c>
      <c r="AO10" s="225">
        <v>0</v>
      </c>
      <c r="AP10" s="37"/>
    </row>
    <row r="11" spans="1:42" ht="20.25" customHeight="1" x14ac:dyDescent="0.2">
      <c r="A11" s="63" t="s">
        <v>8</v>
      </c>
      <c r="B11" s="219">
        <v>0</v>
      </c>
      <c r="C11" s="220">
        <v>0</v>
      </c>
      <c r="D11" s="220">
        <v>0</v>
      </c>
      <c r="E11" s="221">
        <v>0</v>
      </c>
      <c r="F11" s="222">
        <v>1</v>
      </c>
      <c r="G11" s="222">
        <v>2</v>
      </c>
      <c r="H11" s="222">
        <v>10</v>
      </c>
      <c r="I11" s="220">
        <v>6</v>
      </c>
      <c r="J11" s="223">
        <v>19</v>
      </c>
      <c r="K11" s="224">
        <v>19</v>
      </c>
      <c r="L11" s="219">
        <v>0</v>
      </c>
      <c r="M11" s="220">
        <v>0</v>
      </c>
      <c r="N11" s="223">
        <v>0</v>
      </c>
      <c r="O11" s="226">
        <v>0</v>
      </c>
      <c r="P11" s="222">
        <v>2</v>
      </c>
      <c r="Q11" s="222">
        <v>3</v>
      </c>
      <c r="R11" s="222">
        <v>6</v>
      </c>
      <c r="S11" s="220">
        <v>1</v>
      </c>
      <c r="T11" s="223">
        <v>12</v>
      </c>
      <c r="U11" s="227">
        <v>12</v>
      </c>
      <c r="V11" s="226">
        <v>0</v>
      </c>
      <c r="W11" s="220">
        <v>0</v>
      </c>
      <c r="X11" s="220">
        <v>0</v>
      </c>
      <c r="Y11" s="221">
        <v>0</v>
      </c>
      <c r="Z11" s="222">
        <v>0</v>
      </c>
      <c r="AA11" s="222">
        <v>0</v>
      </c>
      <c r="AB11" s="222">
        <v>0</v>
      </c>
      <c r="AC11" s="220">
        <v>0</v>
      </c>
      <c r="AD11" s="223">
        <v>0</v>
      </c>
      <c r="AE11" s="224">
        <v>0</v>
      </c>
      <c r="AF11" s="219">
        <v>0</v>
      </c>
      <c r="AG11" s="220">
        <v>0</v>
      </c>
      <c r="AH11" s="220">
        <v>0</v>
      </c>
      <c r="AI11" s="221">
        <v>0</v>
      </c>
      <c r="AJ11" s="222">
        <v>0</v>
      </c>
      <c r="AK11" s="222">
        <v>0</v>
      </c>
      <c r="AL11" s="222">
        <v>0</v>
      </c>
      <c r="AM11" s="220">
        <v>0</v>
      </c>
      <c r="AN11" s="223">
        <v>0</v>
      </c>
      <c r="AO11" s="225">
        <v>0</v>
      </c>
      <c r="AP11" s="37"/>
    </row>
    <row r="12" spans="1:42" ht="20.25" customHeight="1" x14ac:dyDescent="0.2">
      <c r="A12" s="63" t="s">
        <v>9</v>
      </c>
      <c r="B12" s="219">
        <v>0</v>
      </c>
      <c r="C12" s="220">
        <v>0</v>
      </c>
      <c r="D12" s="220">
        <v>0</v>
      </c>
      <c r="E12" s="221">
        <v>0</v>
      </c>
      <c r="F12" s="222">
        <v>0</v>
      </c>
      <c r="G12" s="222">
        <v>7</v>
      </c>
      <c r="H12" s="222">
        <v>19</v>
      </c>
      <c r="I12" s="220">
        <v>17</v>
      </c>
      <c r="J12" s="223">
        <v>43</v>
      </c>
      <c r="K12" s="224">
        <v>43</v>
      </c>
      <c r="L12" s="219">
        <v>0</v>
      </c>
      <c r="M12" s="220">
        <v>0</v>
      </c>
      <c r="N12" s="223">
        <v>0</v>
      </c>
      <c r="O12" s="226">
        <v>4</v>
      </c>
      <c r="P12" s="222">
        <v>3</v>
      </c>
      <c r="Q12" s="222">
        <v>8</v>
      </c>
      <c r="R12" s="222">
        <v>7</v>
      </c>
      <c r="S12" s="220">
        <v>7</v>
      </c>
      <c r="T12" s="223">
        <v>29</v>
      </c>
      <c r="U12" s="227">
        <v>29</v>
      </c>
      <c r="V12" s="226">
        <v>0</v>
      </c>
      <c r="W12" s="220">
        <v>0</v>
      </c>
      <c r="X12" s="220">
        <v>0</v>
      </c>
      <c r="Y12" s="221">
        <v>0</v>
      </c>
      <c r="Z12" s="222">
        <v>0</v>
      </c>
      <c r="AA12" s="222">
        <v>0</v>
      </c>
      <c r="AB12" s="222">
        <v>0</v>
      </c>
      <c r="AC12" s="220">
        <v>0</v>
      </c>
      <c r="AD12" s="223">
        <v>0</v>
      </c>
      <c r="AE12" s="224">
        <v>0</v>
      </c>
      <c r="AF12" s="219">
        <v>0</v>
      </c>
      <c r="AG12" s="220">
        <v>0</v>
      </c>
      <c r="AH12" s="220">
        <v>0</v>
      </c>
      <c r="AI12" s="221">
        <v>0</v>
      </c>
      <c r="AJ12" s="222">
        <v>0</v>
      </c>
      <c r="AK12" s="222">
        <v>0</v>
      </c>
      <c r="AL12" s="222">
        <v>0</v>
      </c>
      <c r="AM12" s="220">
        <v>0</v>
      </c>
      <c r="AN12" s="223">
        <v>0</v>
      </c>
      <c r="AO12" s="225">
        <v>0</v>
      </c>
      <c r="AP12" s="37"/>
    </row>
    <row r="13" spans="1:42" ht="20.25" customHeight="1" x14ac:dyDescent="0.2">
      <c r="A13" s="63" t="s">
        <v>10</v>
      </c>
      <c r="B13" s="219">
        <v>0</v>
      </c>
      <c r="C13" s="220">
        <v>0</v>
      </c>
      <c r="D13" s="220">
        <v>0</v>
      </c>
      <c r="E13" s="221">
        <v>0</v>
      </c>
      <c r="F13" s="222">
        <v>1</v>
      </c>
      <c r="G13" s="222">
        <v>19</v>
      </c>
      <c r="H13" s="222">
        <v>20</v>
      </c>
      <c r="I13" s="220">
        <v>20</v>
      </c>
      <c r="J13" s="223">
        <v>60</v>
      </c>
      <c r="K13" s="224">
        <v>60</v>
      </c>
      <c r="L13" s="219">
        <v>0</v>
      </c>
      <c r="M13" s="220">
        <v>0</v>
      </c>
      <c r="N13" s="223">
        <v>0</v>
      </c>
      <c r="O13" s="226">
        <v>4</v>
      </c>
      <c r="P13" s="222">
        <v>5</v>
      </c>
      <c r="Q13" s="222">
        <v>12</v>
      </c>
      <c r="R13" s="222">
        <v>3</v>
      </c>
      <c r="S13" s="220">
        <v>4</v>
      </c>
      <c r="T13" s="223">
        <v>28</v>
      </c>
      <c r="U13" s="227">
        <v>28</v>
      </c>
      <c r="V13" s="226">
        <v>0</v>
      </c>
      <c r="W13" s="220">
        <v>0</v>
      </c>
      <c r="X13" s="220">
        <v>0</v>
      </c>
      <c r="Y13" s="221">
        <v>0</v>
      </c>
      <c r="Z13" s="222">
        <v>0</v>
      </c>
      <c r="AA13" s="222">
        <v>0</v>
      </c>
      <c r="AB13" s="222">
        <v>0</v>
      </c>
      <c r="AC13" s="220">
        <v>0</v>
      </c>
      <c r="AD13" s="223">
        <v>0</v>
      </c>
      <c r="AE13" s="224">
        <v>0</v>
      </c>
      <c r="AF13" s="219">
        <v>0</v>
      </c>
      <c r="AG13" s="220">
        <v>0</v>
      </c>
      <c r="AH13" s="220">
        <v>0</v>
      </c>
      <c r="AI13" s="221">
        <v>0</v>
      </c>
      <c r="AJ13" s="222">
        <v>0</v>
      </c>
      <c r="AK13" s="222">
        <v>0</v>
      </c>
      <c r="AL13" s="222">
        <v>0</v>
      </c>
      <c r="AM13" s="220">
        <v>2</v>
      </c>
      <c r="AN13" s="223">
        <v>2</v>
      </c>
      <c r="AO13" s="225">
        <v>2</v>
      </c>
      <c r="AP13" s="37"/>
    </row>
    <row r="14" spans="1:42" ht="20.25" customHeight="1" x14ac:dyDescent="0.2">
      <c r="A14" s="63" t="s">
        <v>11</v>
      </c>
      <c r="B14" s="219">
        <v>0</v>
      </c>
      <c r="C14" s="220">
        <v>0</v>
      </c>
      <c r="D14" s="220">
        <v>0</v>
      </c>
      <c r="E14" s="221">
        <v>0</v>
      </c>
      <c r="F14" s="222">
        <v>0</v>
      </c>
      <c r="G14" s="222">
        <v>2</v>
      </c>
      <c r="H14" s="222">
        <v>10</v>
      </c>
      <c r="I14" s="220">
        <v>3</v>
      </c>
      <c r="J14" s="223">
        <v>15</v>
      </c>
      <c r="K14" s="224">
        <v>15</v>
      </c>
      <c r="L14" s="219">
        <v>0</v>
      </c>
      <c r="M14" s="220">
        <v>0</v>
      </c>
      <c r="N14" s="223">
        <v>0</v>
      </c>
      <c r="O14" s="226">
        <v>2</v>
      </c>
      <c r="P14" s="222">
        <v>1</v>
      </c>
      <c r="Q14" s="222">
        <v>1</v>
      </c>
      <c r="R14" s="222">
        <v>4</v>
      </c>
      <c r="S14" s="220">
        <v>3</v>
      </c>
      <c r="T14" s="223">
        <v>11</v>
      </c>
      <c r="U14" s="227">
        <v>11</v>
      </c>
      <c r="V14" s="226">
        <v>0</v>
      </c>
      <c r="W14" s="220">
        <v>0</v>
      </c>
      <c r="X14" s="220">
        <v>0</v>
      </c>
      <c r="Y14" s="221">
        <v>0</v>
      </c>
      <c r="Z14" s="222">
        <v>0</v>
      </c>
      <c r="AA14" s="222">
        <v>0</v>
      </c>
      <c r="AB14" s="222">
        <v>0</v>
      </c>
      <c r="AC14" s="220">
        <v>0</v>
      </c>
      <c r="AD14" s="223">
        <v>0</v>
      </c>
      <c r="AE14" s="224">
        <v>0</v>
      </c>
      <c r="AF14" s="219">
        <v>0</v>
      </c>
      <c r="AG14" s="220">
        <v>0</v>
      </c>
      <c r="AH14" s="220">
        <v>0</v>
      </c>
      <c r="AI14" s="221">
        <v>0</v>
      </c>
      <c r="AJ14" s="222">
        <v>0</v>
      </c>
      <c r="AK14" s="222">
        <v>0</v>
      </c>
      <c r="AL14" s="222">
        <v>1</v>
      </c>
      <c r="AM14" s="220">
        <v>0</v>
      </c>
      <c r="AN14" s="223">
        <v>1</v>
      </c>
      <c r="AO14" s="225">
        <v>1</v>
      </c>
      <c r="AP14" s="37"/>
    </row>
    <row r="15" spans="1:42" ht="20.25" customHeight="1" x14ac:dyDescent="0.2">
      <c r="A15" s="63" t="s">
        <v>12</v>
      </c>
      <c r="B15" s="219">
        <v>0</v>
      </c>
      <c r="C15" s="220">
        <v>0</v>
      </c>
      <c r="D15" s="220">
        <v>0</v>
      </c>
      <c r="E15" s="221">
        <v>0</v>
      </c>
      <c r="F15" s="222">
        <v>1</v>
      </c>
      <c r="G15" s="222">
        <v>7</v>
      </c>
      <c r="H15" s="222">
        <v>9</v>
      </c>
      <c r="I15" s="220">
        <v>6</v>
      </c>
      <c r="J15" s="223">
        <v>23</v>
      </c>
      <c r="K15" s="224">
        <v>23</v>
      </c>
      <c r="L15" s="219">
        <v>0</v>
      </c>
      <c r="M15" s="220">
        <v>0</v>
      </c>
      <c r="N15" s="223">
        <v>0</v>
      </c>
      <c r="O15" s="226">
        <v>0</v>
      </c>
      <c r="P15" s="222">
        <v>4</v>
      </c>
      <c r="Q15" s="222">
        <v>4</v>
      </c>
      <c r="R15" s="222">
        <v>7</v>
      </c>
      <c r="S15" s="220">
        <v>3</v>
      </c>
      <c r="T15" s="223">
        <v>18</v>
      </c>
      <c r="U15" s="227">
        <v>18</v>
      </c>
      <c r="V15" s="226">
        <v>0</v>
      </c>
      <c r="W15" s="220">
        <v>0</v>
      </c>
      <c r="X15" s="220">
        <v>0</v>
      </c>
      <c r="Y15" s="221">
        <v>0</v>
      </c>
      <c r="Z15" s="222">
        <v>0</v>
      </c>
      <c r="AA15" s="222">
        <v>0</v>
      </c>
      <c r="AB15" s="222">
        <v>0</v>
      </c>
      <c r="AC15" s="220">
        <v>1</v>
      </c>
      <c r="AD15" s="223">
        <v>1</v>
      </c>
      <c r="AE15" s="224">
        <v>1</v>
      </c>
      <c r="AF15" s="219">
        <v>0</v>
      </c>
      <c r="AG15" s="220">
        <v>0</v>
      </c>
      <c r="AH15" s="220">
        <v>0</v>
      </c>
      <c r="AI15" s="221">
        <v>0</v>
      </c>
      <c r="AJ15" s="222">
        <v>0</v>
      </c>
      <c r="AK15" s="222">
        <v>0</v>
      </c>
      <c r="AL15" s="222">
        <v>0</v>
      </c>
      <c r="AM15" s="220">
        <v>1</v>
      </c>
      <c r="AN15" s="223">
        <v>1</v>
      </c>
      <c r="AO15" s="225">
        <v>1</v>
      </c>
      <c r="AP15" s="37"/>
    </row>
    <row r="16" spans="1:42" ht="20.25" customHeight="1" x14ac:dyDescent="0.2">
      <c r="A16" s="63" t="s">
        <v>13</v>
      </c>
      <c r="B16" s="219">
        <v>0</v>
      </c>
      <c r="C16" s="220">
        <v>0</v>
      </c>
      <c r="D16" s="220">
        <v>0</v>
      </c>
      <c r="E16" s="221">
        <v>0</v>
      </c>
      <c r="F16" s="222">
        <v>0</v>
      </c>
      <c r="G16" s="222">
        <v>3</v>
      </c>
      <c r="H16" s="222">
        <v>4</v>
      </c>
      <c r="I16" s="220">
        <v>6</v>
      </c>
      <c r="J16" s="223">
        <v>13</v>
      </c>
      <c r="K16" s="224">
        <v>13</v>
      </c>
      <c r="L16" s="219">
        <v>0</v>
      </c>
      <c r="M16" s="220">
        <v>0</v>
      </c>
      <c r="N16" s="223">
        <v>0</v>
      </c>
      <c r="O16" s="226">
        <v>0</v>
      </c>
      <c r="P16" s="222">
        <v>1</v>
      </c>
      <c r="Q16" s="222">
        <v>2</v>
      </c>
      <c r="R16" s="222">
        <v>0</v>
      </c>
      <c r="S16" s="220">
        <v>1</v>
      </c>
      <c r="T16" s="223">
        <v>4</v>
      </c>
      <c r="U16" s="227">
        <v>4</v>
      </c>
      <c r="V16" s="226">
        <v>0</v>
      </c>
      <c r="W16" s="220">
        <v>0</v>
      </c>
      <c r="X16" s="220">
        <v>0</v>
      </c>
      <c r="Y16" s="221">
        <v>0</v>
      </c>
      <c r="Z16" s="222">
        <v>0</v>
      </c>
      <c r="AA16" s="222">
        <v>0</v>
      </c>
      <c r="AB16" s="222">
        <v>0</v>
      </c>
      <c r="AC16" s="220">
        <v>0</v>
      </c>
      <c r="AD16" s="223">
        <v>0</v>
      </c>
      <c r="AE16" s="224">
        <v>0</v>
      </c>
      <c r="AF16" s="219">
        <v>0</v>
      </c>
      <c r="AG16" s="220">
        <v>0</v>
      </c>
      <c r="AH16" s="220">
        <v>0</v>
      </c>
      <c r="AI16" s="221">
        <v>0</v>
      </c>
      <c r="AJ16" s="222">
        <v>0</v>
      </c>
      <c r="AK16" s="222">
        <v>0</v>
      </c>
      <c r="AL16" s="222">
        <v>0</v>
      </c>
      <c r="AM16" s="220">
        <v>0</v>
      </c>
      <c r="AN16" s="223">
        <v>0</v>
      </c>
      <c r="AO16" s="225">
        <v>0</v>
      </c>
      <c r="AP16" s="37"/>
    </row>
    <row r="17" spans="1:42" ht="20.25" customHeight="1" x14ac:dyDescent="0.2">
      <c r="A17" s="63" t="s">
        <v>15</v>
      </c>
      <c r="B17" s="219">
        <v>0</v>
      </c>
      <c r="C17" s="220">
        <v>0</v>
      </c>
      <c r="D17" s="220">
        <v>0</v>
      </c>
      <c r="E17" s="221">
        <v>0</v>
      </c>
      <c r="F17" s="222">
        <v>0</v>
      </c>
      <c r="G17" s="222">
        <v>0</v>
      </c>
      <c r="H17" s="222">
        <v>1</v>
      </c>
      <c r="I17" s="220">
        <v>3</v>
      </c>
      <c r="J17" s="223">
        <v>4</v>
      </c>
      <c r="K17" s="224">
        <v>4</v>
      </c>
      <c r="L17" s="219">
        <v>0</v>
      </c>
      <c r="M17" s="220">
        <v>0</v>
      </c>
      <c r="N17" s="223">
        <v>0</v>
      </c>
      <c r="O17" s="226">
        <v>1</v>
      </c>
      <c r="P17" s="222">
        <v>0</v>
      </c>
      <c r="Q17" s="222">
        <v>1</v>
      </c>
      <c r="R17" s="222">
        <v>1</v>
      </c>
      <c r="S17" s="220">
        <v>0</v>
      </c>
      <c r="T17" s="223">
        <v>3</v>
      </c>
      <c r="U17" s="227">
        <v>3</v>
      </c>
      <c r="V17" s="226">
        <v>0</v>
      </c>
      <c r="W17" s="220">
        <v>0</v>
      </c>
      <c r="X17" s="220">
        <v>0</v>
      </c>
      <c r="Y17" s="221">
        <v>0</v>
      </c>
      <c r="Z17" s="222">
        <v>0</v>
      </c>
      <c r="AA17" s="222">
        <v>0</v>
      </c>
      <c r="AB17" s="222">
        <v>0</v>
      </c>
      <c r="AC17" s="220">
        <v>0</v>
      </c>
      <c r="AD17" s="223">
        <v>0</v>
      </c>
      <c r="AE17" s="224">
        <v>0</v>
      </c>
      <c r="AF17" s="219">
        <v>0</v>
      </c>
      <c r="AG17" s="220">
        <v>0</v>
      </c>
      <c r="AH17" s="220">
        <v>0</v>
      </c>
      <c r="AI17" s="221">
        <v>0</v>
      </c>
      <c r="AJ17" s="222">
        <v>0</v>
      </c>
      <c r="AK17" s="222">
        <v>0</v>
      </c>
      <c r="AL17" s="222">
        <v>0</v>
      </c>
      <c r="AM17" s="220">
        <v>0</v>
      </c>
      <c r="AN17" s="223">
        <v>0</v>
      </c>
      <c r="AO17" s="225">
        <v>0</v>
      </c>
      <c r="AP17" s="37"/>
    </row>
    <row r="18" spans="1:42" ht="20.25" customHeight="1" x14ac:dyDescent="0.2">
      <c r="A18" s="63" t="s">
        <v>16</v>
      </c>
      <c r="B18" s="219">
        <v>0</v>
      </c>
      <c r="C18" s="220">
        <v>0</v>
      </c>
      <c r="D18" s="220">
        <v>0</v>
      </c>
      <c r="E18" s="221">
        <v>0</v>
      </c>
      <c r="F18" s="222">
        <v>0</v>
      </c>
      <c r="G18" s="222">
        <v>9</v>
      </c>
      <c r="H18" s="222">
        <v>2</v>
      </c>
      <c r="I18" s="220">
        <v>0</v>
      </c>
      <c r="J18" s="223">
        <v>11</v>
      </c>
      <c r="K18" s="224">
        <v>11</v>
      </c>
      <c r="L18" s="219">
        <v>0</v>
      </c>
      <c r="M18" s="220">
        <v>0</v>
      </c>
      <c r="N18" s="223">
        <v>0</v>
      </c>
      <c r="O18" s="226">
        <v>4</v>
      </c>
      <c r="P18" s="222">
        <v>2</v>
      </c>
      <c r="Q18" s="222">
        <v>6</v>
      </c>
      <c r="R18" s="222">
        <v>5</v>
      </c>
      <c r="S18" s="220">
        <v>3</v>
      </c>
      <c r="T18" s="223">
        <v>20</v>
      </c>
      <c r="U18" s="227">
        <v>20</v>
      </c>
      <c r="V18" s="226">
        <v>0</v>
      </c>
      <c r="W18" s="220">
        <v>0</v>
      </c>
      <c r="X18" s="220">
        <v>0</v>
      </c>
      <c r="Y18" s="221">
        <v>0</v>
      </c>
      <c r="Z18" s="222">
        <v>0</v>
      </c>
      <c r="AA18" s="222">
        <v>0</v>
      </c>
      <c r="AB18" s="222">
        <v>0</v>
      </c>
      <c r="AC18" s="220">
        <v>0</v>
      </c>
      <c r="AD18" s="223">
        <v>0</v>
      </c>
      <c r="AE18" s="224">
        <v>0</v>
      </c>
      <c r="AF18" s="219">
        <v>0</v>
      </c>
      <c r="AG18" s="220">
        <v>0</v>
      </c>
      <c r="AH18" s="220">
        <v>0</v>
      </c>
      <c r="AI18" s="221">
        <v>0</v>
      </c>
      <c r="AJ18" s="222">
        <v>0</v>
      </c>
      <c r="AK18" s="222">
        <v>1</v>
      </c>
      <c r="AL18" s="222">
        <v>1</v>
      </c>
      <c r="AM18" s="220">
        <v>0</v>
      </c>
      <c r="AN18" s="223">
        <v>2</v>
      </c>
      <c r="AO18" s="225">
        <v>2</v>
      </c>
      <c r="AP18" s="37"/>
    </row>
    <row r="19" spans="1:42" ht="20.25" customHeight="1" x14ac:dyDescent="0.2">
      <c r="A19" s="63" t="s">
        <v>17</v>
      </c>
      <c r="B19" s="219">
        <v>0</v>
      </c>
      <c r="C19" s="220">
        <v>0</v>
      </c>
      <c r="D19" s="220">
        <v>0</v>
      </c>
      <c r="E19" s="221">
        <v>1</v>
      </c>
      <c r="F19" s="222">
        <v>2</v>
      </c>
      <c r="G19" s="222">
        <v>5</v>
      </c>
      <c r="H19" s="222">
        <v>7</v>
      </c>
      <c r="I19" s="220">
        <v>7</v>
      </c>
      <c r="J19" s="223">
        <v>22</v>
      </c>
      <c r="K19" s="224">
        <v>22</v>
      </c>
      <c r="L19" s="219">
        <v>0</v>
      </c>
      <c r="M19" s="220">
        <v>0</v>
      </c>
      <c r="N19" s="223">
        <v>0</v>
      </c>
      <c r="O19" s="226">
        <v>0</v>
      </c>
      <c r="P19" s="222">
        <v>4</v>
      </c>
      <c r="Q19" s="222">
        <v>10</v>
      </c>
      <c r="R19" s="222">
        <v>8</v>
      </c>
      <c r="S19" s="220">
        <v>2</v>
      </c>
      <c r="T19" s="223">
        <v>24</v>
      </c>
      <c r="U19" s="227">
        <v>24</v>
      </c>
      <c r="V19" s="226">
        <v>0</v>
      </c>
      <c r="W19" s="220">
        <v>0</v>
      </c>
      <c r="X19" s="220">
        <v>0</v>
      </c>
      <c r="Y19" s="221">
        <v>0</v>
      </c>
      <c r="Z19" s="222">
        <v>0</v>
      </c>
      <c r="AA19" s="222">
        <v>0</v>
      </c>
      <c r="AB19" s="222">
        <v>0</v>
      </c>
      <c r="AC19" s="220">
        <v>1</v>
      </c>
      <c r="AD19" s="223">
        <v>1</v>
      </c>
      <c r="AE19" s="224">
        <v>1</v>
      </c>
      <c r="AF19" s="219">
        <v>0</v>
      </c>
      <c r="AG19" s="220">
        <v>0</v>
      </c>
      <c r="AH19" s="220">
        <v>0</v>
      </c>
      <c r="AI19" s="221">
        <v>0</v>
      </c>
      <c r="AJ19" s="222">
        <v>0</v>
      </c>
      <c r="AK19" s="222">
        <v>0</v>
      </c>
      <c r="AL19" s="222">
        <v>0</v>
      </c>
      <c r="AM19" s="220">
        <v>0</v>
      </c>
      <c r="AN19" s="223">
        <v>0</v>
      </c>
      <c r="AO19" s="225">
        <v>0</v>
      </c>
      <c r="AP19" s="37"/>
    </row>
    <row r="20" spans="1:42" ht="20.25" customHeight="1" x14ac:dyDescent="0.2">
      <c r="A20" s="63" t="s">
        <v>18</v>
      </c>
      <c r="B20" s="219">
        <v>0</v>
      </c>
      <c r="C20" s="220">
        <v>0</v>
      </c>
      <c r="D20" s="220">
        <v>0</v>
      </c>
      <c r="E20" s="221">
        <v>0</v>
      </c>
      <c r="F20" s="222">
        <v>0</v>
      </c>
      <c r="G20" s="222">
        <v>6</v>
      </c>
      <c r="H20" s="222">
        <v>17</v>
      </c>
      <c r="I20" s="220">
        <v>3</v>
      </c>
      <c r="J20" s="223">
        <v>26</v>
      </c>
      <c r="K20" s="224">
        <v>26</v>
      </c>
      <c r="L20" s="219">
        <v>0</v>
      </c>
      <c r="M20" s="220">
        <v>0</v>
      </c>
      <c r="N20" s="223">
        <v>0</v>
      </c>
      <c r="O20" s="226">
        <v>2</v>
      </c>
      <c r="P20" s="222">
        <v>1</v>
      </c>
      <c r="Q20" s="222">
        <v>6</v>
      </c>
      <c r="R20" s="222">
        <v>6</v>
      </c>
      <c r="S20" s="220">
        <v>5</v>
      </c>
      <c r="T20" s="223">
        <v>20</v>
      </c>
      <c r="U20" s="227">
        <v>20</v>
      </c>
      <c r="V20" s="226">
        <v>0</v>
      </c>
      <c r="W20" s="220">
        <v>0</v>
      </c>
      <c r="X20" s="220">
        <v>0</v>
      </c>
      <c r="Y20" s="221">
        <v>0</v>
      </c>
      <c r="Z20" s="222">
        <v>0</v>
      </c>
      <c r="AA20" s="222">
        <v>0</v>
      </c>
      <c r="AB20" s="222">
        <v>0</v>
      </c>
      <c r="AC20" s="220">
        <v>1</v>
      </c>
      <c r="AD20" s="223">
        <v>1</v>
      </c>
      <c r="AE20" s="224">
        <v>1</v>
      </c>
      <c r="AF20" s="219">
        <v>0</v>
      </c>
      <c r="AG20" s="220">
        <v>0</v>
      </c>
      <c r="AH20" s="220">
        <v>0</v>
      </c>
      <c r="AI20" s="221">
        <v>0</v>
      </c>
      <c r="AJ20" s="222">
        <v>0</v>
      </c>
      <c r="AK20" s="222">
        <v>0</v>
      </c>
      <c r="AL20" s="222">
        <v>0</v>
      </c>
      <c r="AM20" s="220">
        <v>0</v>
      </c>
      <c r="AN20" s="223">
        <v>0</v>
      </c>
      <c r="AO20" s="225">
        <v>0</v>
      </c>
      <c r="AP20" s="37"/>
    </row>
    <row r="21" spans="1:42" ht="20.25" customHeight="1" x14ac:dyDescent="0.2">
      <c r="A21" s="63" t="s">
        <v>19</v>
      </c>
      <c r="B21" s="219">
        <v>0</v>
      </c>
      <c r="C21" s="220">
        <v>0</v>
      </c>
      <c r="D21" s="220">
        <v>0</v>
      </c>
      <c r="E21" s="221">
        <v>0</v>
      </c>
      <c r="F21" s="222">
        <v>0</v>
      </c>
      <c r="G21" s="222">
        <v>2</v>
      </c>
      <c r="H21" s="222">
        <v>4</v>
      </c>
      <c r="I21" s="220">
        <v>4</v>
      </c>
      <c r="J21" s="223">
        <v>10</v>
      </c>
      <c r="K21" s="224">
        <v>10</v>
      </c>
      <c r="L21" s="219">
        <v>0</v>
      </c>
      <c r="M21" s="220">
        <v>0</v>
      </c>
      <c r="N21" s="223">
        <v>0</v>
      </c>
      <c r="O21" s="226">
        <v>1</v>
      </c>
      <c r="P21" s="222">
        <v>3</v>
      </c>
      <c r="Q21" s="222">
        <v>5</v>
      </c>
      <c r="R21" s="222">
        <v>0</v>
      </c>
      <c r="S21" s="220">
        <v>1</v>
      </c>
      <c r="T21" s="223">
        <v>10</v>
      </c>
      <c r="U21" s="227">
        <v>10</v>
      </c>
      <c r="V21" s="226">
        <v>0</v>
      </c>
      <c r="W21" s="220">
        <v>0</v>
      </c>
      <c r="X21" s="220">
        <v>0</v>
      </c>
      <c r="Y21" s="221">
        <v>0</v>
      </c>
      <c r="Z21" s="222">
        <v>0</v>
      </c>
      <c r="AA21" s="222">
        <v>0</v>
      </c>
      <c r="AB21" s="222">
        <v>0</v>
      </c>
      <c r="AC21" s="220">
        <v>0</v>
      </c>
      <c r="AD21" s="223">
        <v>0</v>
      </c>
      <c r="AE21" s="224">
        <v>0</v>
      </c>
      <c r="AF21" s="219">
        <v>0</v>
      </c>
      <c r="AG21" s="220">
        <v>0</v>
      </c>
      <c r="AH21" s="220">
        <v>0</v>
      </c>
      <c r="AI21" s="221">
        <v>0</v>
      </c>
      <c r="AJ21" s="222">
        <v>0</v>
      </c>
      <c r="AK21" s="222">
        <v>0</v>
      </c>
      <c r="AL21" s="222">
        <v>1</v>
      </c>
      <c r="AM21" s="220">
        <v>0</v>
      </c>
      <c r="AN21" s="223">
        <v>1</v>
      </c>
      <c r="AO21" s="225">
        <v>1</v>
      </c>
      <c r="AP21" s="37"/>
    </row>
    <row r="22" spans="1:42" ht="20.25" customHeight="1" x14ac:dyDescent="0.2">
      <c r="A22" s="63" t="s">
        <v>20</v>
      </c>
      <c r="B22" s="219">
        <v>0</v>
      </c>
      <c r="C22" s="220">
        <v>0</v>
      </c>
      <c r="D22" s="220">
        <v>0</v>
      </c>
      <c r="E22" s="221">
        <v>0</v>
      </c>
      <c r="F22" s="222">
        <v>1</v>
      </c>
      <c r="G22" s="222">
        <v>4</v>
      </c>
      <c r="H22" s="222">
        <v>7</v>
      </c>
      <c r="I22" s="220">
        <v>3</v>
      </c>
      <c r="J22" s="223">
        <v>15</v>
      </c>
      <c r="K22" s="224">
        <v>15</v>
      </c>
      <c r="L22" s="219">
        <v>0</v>
      </c>
      <c r="M22" s="220">
        <v>0</v>
      </c>
      <c r="N22" s="223">
        <v>0</v>
      </c>
      <c r="O22" s="226">
        <v>1</v>
      </c>
      <c r="P22" s="222">
        <v>2</v>
      </c>
      <c r="Q22" s="222">
        <v>4</v>
      </c>
      <c r="R22" s="222">
        <v>1</v>
      </c>
      <c r="S22" s="220">
        <v>0</v>
      </c>
      <c r="T22" s="223">
        <v>8</v>
      </c>
      <c r="U22" s="227">
        <v>8</v>
      </c>
      <c r="V22" s="226">
        <v>0</v>
      </c>
      <c r="W22" s="220">
        <v>0</v>
      </c>
      <c r="X22" s="220">
        <v>0</v>
      </c>
      <c r="Y22" s="221">
        <v>0</v>
      </c>
      <c r="Z22" s="222">
        <v>0</v>
      </c>
      <c r="AA22" s="222">
        <v>0</v>
      </c>
      <c r="AB22" s="222">
        <v>0</v>
      </c>
      <c r="AC22" s="220">
        <v>0</v>
      </c>
      <c r="AD22" s="223">
        <v>0</v>
      </c>
      <c r="AE22" s="224">
        <v>0</v>
      </c>
      <c r="AF22" s="219">
        <v>0</v>
      </c>
      <c r="AG22" s="220">
        <v>0</v>
      </c>
      <c r="AH22" s="220">
        <v>0</v>
      </c>
      <c r="AI22" s="221">
        <v>0</v>
      </c>
      <c r="AJ22" s="222">
        <v>0</v>
      </c>
      <c r="AK22" s="222">
        <v>0</v>
      </c>
      <c r="AL22" s="222">
        <v>0</v>
      </c>
      <c r="AM22" s="220">
        <v>0</v>
      </c>
      <c r="AN22" s="223">
        <v>0</v>
      </c>
      <c r="AO22" s="225">
        <v>0</v>
      </c>
      <c r="AP22" s="37"/>
    </row>
    <row r="23" spans="1:42" ht="20.25" customHeight="1" x14ac:dyDescent="0.2">
      <c r="A23" s="63" t="s">
        <v>21</v>
      </c>
      <c r="B23" s="219">
        <v>0</v>
      </c>
      <c r="C23" s="220">
        <v>0</v>
      </c>
      <c r="D23" s="220">
        <v>0</v>
      </c>
      <c r="E23" s="221">
        <v>0</v>
      </c>
      <c r="F23" s="222">
        <v>0</v>
      </c>
      <c r="G23" s="222">
        <v>2</v>
      </c>
      <c r="H23" s="222">
        <v>7</v>
      </c>
      <c r="I23" s="220">
        <v>2</v>
      </c>
      <c r="J23" s="223">
        <v>11</v>
      </c>
      <c r="K23" s="224">
        <v>11</v>
      </c>
      <c r="L23" s="219">
        <v>0</v>
      </c>
      <c r="M23" s="220">
        <v>0</v>
      </c>
      <c r="N23" s="223">
        <v>0</v>
      </c>
      <c r="O23" s="226">
        <v>0</v>
      </c>
      <c r="P23" s="222">
        <v>1</v>
      </c>
      <c r="Q23" s="222">
        <v>2</v>
      </c>
      <c r="R23" s="222">
        <v>4</v>
      </c>
      <c r="S23" s="220">
        <v>2</v>
      </c>
      <c r="T23" s="223">
        <v>9</v>
      </c>
      <c r="U23" s="227">
        <v>9</v>
      </c>
      <c r="V23" s="226">
        <v>0</v>
      </c>
      <c r="W23" s="220">
        <v>0</v>
      </c>
      <c r="X23" s="220">
        <v>0</v>
      </c>
      <c r="Y23" s="221">
        <v>0</v>
      </c>
      <c r="Z23" s="222">
        <v>0</v>
      </c>
      <c r="AA23" s="222">
        <v>0</v>
      </c>
      <c r="AB23" s="222">
        <v>0</v>
      </c>
      <c r="AC23" s="220">
        <v>0</v>
      </c>
      <c r="AD23" s="223">
        <v>0</v>
      </c>
      <c r="AE23" s="224">
        <v>0</v>
      </c>
      <c r="AF23" s="219">
        <v>0</v>
      </c>
      <c r="AG23" s="220">
        <v>0</v>
      </c>
      <c r="AH23" s="220">
        <v>0</v>
      </c>
      <c r="AI23" s="221">
        <v>0</v>
      </c>
      <c r="AJ23" s="222">
        <v>0</v>
      </c>
      <c r="AK23" s="222">
        <v>0</v>
      </c>
      <c r="AL23" s="222">
        <v>0</v>
      </c>
      <c r="AM23" s="220">
        <v>0</v>
      </c>
      <c r="AN23" s="223">
        <v>0</v>
      </c>
      <c r="AO23" s="225">
        <v>0</v>
      </c>
      <c r="AP23" s="37"/>
    </row>
    <row r="24" spans="1:42" ht="20.25" customHeight="1" x14ac:dyDescent="0.2">
      <c r="A24" s="63" t="s">
        <v>22</v>
      </c>
      <c r="B24" s="219">
        <v>0</v>
      </c>
      <c r="C24" s="220">
        <v>0</v>
      </c>
      <c r="D24" s="220">
        <v>0</v>
      </c>
      <c r="E24" s="221">
        <v>0</v>
      </c>
      <c r="F24" s="222">
        <v>0</v>
      </c>
      <c r="G24" s="222">
        <v>0</v>
      </c>
      <c r="H24" s="222">
        <v>0</v>
      </c>
      <c r="I24" s="220">
        <v>0</v>
      </c>
      <c r="J24" s="223">
        <v>0</v>
      </c>
      <c r="K24" s="224">
        <v>0</v>
      </c>
      <c r="L24" s="219">
        <v>0</v>
      </c>
      <c r="M24" s="220">
        <v>0</v>
      </c>
      <c r="N24" s="223">
        <v>0</v>
      </c>
      <c r="O24" s="226">
        <v>1</v>
      </c>
      <c r="P24" s="222">
        <v>1</v>
      </c>
      <c r="Q24" s="222">
        <v>1</v>
      </c>
      <c r="R24" s="222">
        <v>0</v>
      </c>
      <c r="S24" s="220">
        <v>0</v>
      </c>
      <c r="T24" s="223">
        <v>3</v>
      </c>
      <c r="U24" s="227">
        <v>3</v>
      </c>
      <c r="V24" s="226">
        <v>0</v>
      </c>
      <c r="W24" s="220">
        <v>0</v>
      </c>
      <c r="X24" s="220">
        <v>0</v>
      </c>
      <c r="Y24" s="221">
        <v>0</v>
      </c>
      <c r="Z24" s="222">
        <v>0</v>
      </c>
      <c r="AA24" s="222">
        <v>0</v>
      </c>
      <c r="AB24" s="222">
        <v>0</v>
      </c>
      <c r="AC24" s="220">
        <v>0</v>
      </c>
      <c r="AD24" s="223">
        <v>0</v>
      </c>
      <c r="AE24" s="224">
        <v>0</v>
      </c>
      <c r="AF24" s="219">
        <v>0</v>
      </c>
      <c r="AG24" s="220">
        <v>0</v>
      </c>
      <c r="AH24" s="220">
        <v>0</v>
      </c>
      <c r="AI24" s="221">
        <v>0</v>
      </c>
      <c r="AJ24" s="222">
        <v>0</v>
      </c>
      <c r="AK24" s="222">
        <v>0</v>
      </c>
      <c r="AL24" s="222">
        <v>0</v>
      </c>
      <c r="AM24" s="220">
        <v>0</v>
      </c>
      <c r="AN24" s="223">
        <v>0</v>
      </c>
      <c r="AO24" s="225">
        <v>0</v>
      </c>
      <c r="AP24" s="37"/>
    </row>
    <row r="25" spans="1:42" ht="20.25" customHeight="1" x14ac:dyDescent="0.2">
      <c r="A25" s="63" t="s">
        <v>23</v>
      </c>
      <c r="B25" s="219">
        <v>0</v>
      </c>
      <c r="C25" s="220">
        <v>0</v>
      </c>
      <c r="D25" s="220">
        <v>0</v>
      </c>
      <c r="E25" s="221">
        <v>0</v>
      </c>
      <c r="F25" s="222">
        <v>0</v>
      </c>
      <c r="G25" s="222">
        <v>2</v>
      </c>
      <c r="H25" s="222">
        <v>6</v>
      </c>
      <c r="I25" s="220">
        <v>1</v>
      </c>
      <c r="J25" s="223">
        <v>9</v>
      </c>
      <c r="K25" s="224">
        <v>9</v>
      </c>
      <c r="L25" s="219">
        <v>0</v>
      </c>
      <c r="M25" s="220">
        <v>0</v>
      </c>
      <c r="N25" s="223">
        <v>0</v>
      </c>
      <c r="O25" s="226">
        <v>0</v>
      </c>
      <c r="P25" s="222">
        <v>1</v>
      </c>
      <c r="Q25" s="222">
        <v>2</v>
      </c>
      <c r="R25" s="222">
        <v>1</v>
      </c>
      <c r="S25" s="220">
        <v>3</v>
      </c>
      <c r="T25" s="223">
        <v>7</v>
      </c>
      <c r="U25" s="227">
        <v>7</v>
      </c>
      <c r="V25" s="226">
        <v>0</v>
      </c>
      <c r="W25" s="220">
        <v>0</v>
      </c>
      <c r="X25" s="220">
        <v>0</v>
      </c>
      <c r="Y25" s="221">
        <v>0</v>
      </c>
      <c r="Z25" s="222">
        <v>0</v>
      </c>
      <c r="AA25" s="222">
        <v>1</v>
      </c>
      <c r="AB25" s="222">
        <v>0</v>
      </c>
      <c r="AC25" s="220">
        <v>0</v>
      </c>
      <c r="AD25" s="223">
        <v>1</v>
      </c>
      <c r="AE25" s="224">
        <v>1</v>
      </c>
      <c r="AF25" s="219">
        <v>0</v>
      </c>
      <c r="AG25" s="220">
        <v>0</v>
      </c>
      <c r="AH25" s="220">
        <v>0</v>
      </c>
      <c r="AI25" s="221">
        <v>0</v>
      </c>
      <c r="AJ25" s="222">
        <v>0</v>
      </c>
      <c r="AK25" s="222">
        <v>0</v>
      </c>
      <c r="AL25" s="222">
        <v>0</v>
      </c>
      <c r="AM25" s="220">
        <v>0</v>
      </c>
      <c r="AN25" s="223">
        <v>0</v>
      </c>
      <c r="AO25" s="225">
        <v>0</v>
      </c>
      <c r="AP25" s="37"/>
    </row>
    <row r="26" spans="1:42" ht="20.25" customHeight="1" x14ac:dyDescent="0.2">
      <c r="A26" s="63" t="s">
        <v>24</v>
      </c>
      <c r="B26" s="219">
        <v>0</v>
      </c>
      <c r="C26" s="220">
        <v>0</v>
      </c>
      <c r="D26" s="220">
        <v>0</v>
      </c>
      <c r="E26" s="221">
        <v>0</v>
      </c>
      <c r="F26" s="222">
        <v>0</v>
      </c>
      <c r="G26" s="222">
        <v>1</v>
      </c>
      <c r="H26" s="222">
        <v>2</v>
      </c>
      <c r="I26" s="220">
        <v>0</v>
      </c>
      <c r="J26" s="223">
        <v>3</v>
      </c>
      <c r="K26" s="224">
        <v>3</v>
      </c>
      <c r="L26" s="219">
        <v>0</v>
      </c>
      <c r="M26" s="220">
        <v>0</v>
      </c>
      <c r="N26" s="223">
        <v>0</v>
      </c>
      <c r="O26" s="226">
        <v>1</v>
      </c>
      <c r="P26" s="222">
        <v>0</v>
      </c>
      <c r="Q26" s="222">
        <v>0</v>
      </c>
      <c r="R26" s="222">
        <v>2</v>
      </c>
      <c r="S26" s="220">
        <v>0</v>
      </c>
      <c r="T26" s="223">
        <v>3</v>
      </c>
      <c r="U26" s="227">
        <v>3</v>
      </c>
      <c r="V26" s="226">
        <v>0</v>
      </c>
      <c r="W26" s="220">
        <v>0</v>
      </c>
      <c r="X26" s="220">
        <v>0</v>
      </c>
      <c r="Y26" s="221">
        <v>0</v>
      </c>
      <c r="Z26" s="222">
        <v>0</v>
      </c>
      <c r="AA26" s="222">
        <v>0</v>
      </c>
      <c r="AB26" s="222">
        <v>0</v>
      </c>
      <c r="AC26" s="220">
        <v>0</v>
      </c>
      <c r="AD26" s="223">
        <v>0</v>
      </c>
      <c r="AE26" s="224">
        <v>0</v>
      </c>
      <c r="AF26" s="219">
        <v>0</v>
      </c>
      <c r="AG26" s="220">
        <v>0</v>
      </c>
      <c r="AH26" s="220">
        <v>0</v>
      </c>
      <c r="AI26" s="221">
        <v>0</v>
      </c>
      <c r="AJ26" s="222">
        <v>0</v>
      </c>
      <c r="AK26" s="222">
        <v>0</v>
      </c>
      <c r="AL26" s="222">
        <v>0</v>
      </c>
      <c r="AM26" s="220">
        <v>0</v>
      </c>
      <c r="AN26" s="223">
        <v>0</v>
      </c>
      <c r="AO26" s="225">
        <v>0</v>
      </c>
      <c r="AP26" s="37"/>
    </row>
    <row r="27" spans="1:42" ht="20.25" customHeight="1" x14ac:dyDescent="0.2">
      <c r="A27" s="63" t="s">
        <v>25</v>
      </c>
      <c r="B27" s="219">
        <v>0</v>
      </c>
      <c r="C27" s="220">
        <v>0</v>
      </c>
      <c r="D27" s="220">
        <v>0</v>
      </c>
      <c r="E27" s="221">
        <v>0</v>
      </c>
      <c r="F27" s="222">
        <v>0</v>
      </c>
      <c r="G27" s="222">
        <v>0</v>
      </c>
      <c r="H27" s="222">
        <v>1</v>
      </c>
      <c r="I27" s="220">
        <v>2</v>
      </c>
      <c r="J27" s="223">
        <v>3</v>
      </c>
      <c r="K27" s="224">
        <v>3</v>
      </c>
      <c r="L27" s="219">
        <v>0</v>
      </c>
      <c r="M27" s="220">
        <v>0</v>
      </c>
      <c r="N27" s="223">
        <v>0</v>
      </c>
      <c r="O27" s="226">
        <v>0</v>
      </c>
      <c r="P27" s="222">
        <v>0</v>
      </c>
      <c r="Q27" s="222">
        <v>0</v>
      </c>
      <c r="R27" s="222">
        <v>2</v>
      </c>
      <c r="S27" s="220">
        <v>0</v>
      </c>
      <c r="T27" s="223">
        <v>2</v>
      </c>
      <c r="U27" s="227">
        <v>2</v>
      </c>
      <c r="V27" s="226">
        <v>0</v>
      </c>
      <c r="W27" s="220">
        <v>0</v>
      </c>
      <c r="X27" s="220">
        <v>0</v>
      </c>
      <c r="Y27" s="221">
        <v>0</v>
      </c>
      <c r="Z27" s="222">
        <v>0</v>
      </c>
      <c r="AA27" s="222">
        <v>0</v>
      </c>
      <c r="AB27" s="222">
        <v>0</v>
      </c>
      <c r="AC27" s="220">
        <v>0</v>
      </c>
      <c r="AD27" s="223">
        <v>0</v>
      </c>
      <c r="AE27" s="224">
        <v>0</v>
      </c>
      <c r="AF27" s="219">
        <v>0</v>
      </c>
      <c r="AG27" s="220">
        <v>0</v>
      </c>
      <c r="AH27" s="220">
        <v>0</v>
      </c>
      <c r="AI27" s="221">
        <v>0</v>
      </c>
      <c r="AJ27" s="222">
        <v>0</v>
      </c>
      <c r="AK27" s="222">
        <v>0</v>
      </c>
      <c r="AL27" s="222">
        <v>0</v>
      </c>
      <c r="AM27" s="220">
        <v>0</v>
      </c>
      <c r="AN27" s="223">
        <v>0</v>
      </c>
      <c r="AO27" s="225">
        <v>0</v>
      </c>
      <c r="AP27" s="37"/>
    </row>
    <row r="28" spans="1:42" ht="20.25" customHeight="1" x14ac:dyDescent="0.2">
      <c r="A28" s="63" t="s">
        <v>26</v>
      </c>
      <c r="B28" s="219">
        <v>0</v>
      </c>
      <c r="C28" s="220">
        <v>0</v>
      </c>
      <c r="D28" s="220">
        <v>0</v>
      </c>
      <c r="E28" s="221">
        <v>0</v>
      </c>
      <c r="F28" s="222">
        <v>0</v>
      </c>
      <c r="G28" s="222">
        <v>0</v>
      </c>
      <c r="H28" s="222">
        <v>1</v>
      </c>
      <c r="I28" s="220">
        <v>2</v>
      </c>
      <c r="J28" s="223">
        <v>3</v>
      </c>
      <c r="K28" s="224">
        <v>3</v>
      </c>
      <c r="L28" s="219">
        <v>0</v>
      </c>
      <c r="M28" s="220">
        <v>0</v>
      </c>
      <c r="N28" s="223">
        <v>0</v>
      </c>
      <c r="O28" s="226">
        <v>1</v>
      </c>
      <c r="P28" s="222">
        <v>1</v>
      </c>
      <c r="Q28" s="222">
        <v>1</v>
      </c>
      <c r="R28" s="222">
        <v>0</v>
      </c>
      <c r="S28" s="220">
        <v>0</v>
      </c>
      <c r="T28" s="223">
        <v>3</v>
      </c>
      <c r="U28" s="227">
        <v>3</v>
      </c>
      <c r="V28" s="226">
        <v>0</v>
      </c>
      <c r="W28" s="220">
        <v>0</v>
      </c>
      <c r="X28" s="220">
        <v>0</v>
      </c>
      <c r="Y28" s="221">
        <v>0</v>
      </c>
      <c r="Z28" s="222">
        <v>0</v>
      </c>
      <c r="AA28" s="222">
        <v>0</v>
      </c>
      <c r="AB28" s="222">
        <v>0</v>
      </c>
      <c r="AC28" s="220">
        <v>0</v>
      </c>
      <c r="AD28" s="223">
        <v>0</v>
      </c>
      <c r="AE28" s="224">
        <v>0</v>
      </c>
      <c r="AF28" s="219">
        <v>0</v>
      </c>
      <c r="AG28" s="220">
        <v>0</v>
      </c>
      <c r="AH28" s="220">
        <v>0</v>
      </c>
      <c r="AI28" s="221">
        <v>0</v>
      </c>
      <c r="AJ28" s="222">
        <v>0</v>
      </c>
      <c r="AK28" s="222">
        <v>0</v>
      </c>
      <c r="AL28" s="222">
        <v>0</v>
      </c>
      <c r="AM28" s="220">
        <v>0</v>
      </c>
      <c r="AN28" s="223">
        <v>0</v>
      </c>
      <c r="AO28" s="225">
        <v>0</v>
      </c>
      <c r="AP28" s="37"/>
    </row>
    <row r="29" spans="1:42" ht="20.25" customHeight="1" x14ac:dyDescent="0.2">
      <c r="A29" s="63" t="s">
        <v>27</v>
      </c>
      <c r="B29" s="219">
        <v>0</v>
      </c>
      <c r="C29" s="220">
        <v>0</v>
      </c>
      <c r="D29" s="220">
        <v>0</v>
      </c>
      <c r="E29" s="221">
        <v>0</v>
      </c>
      <c r="F29" s="222">
        <v>0</v>
      </c>
      <c r="G29" s="222">
        <v>2</v>
      </c>
      <c r="H29" s="222">
        <v>1</v>
      </c>
      <c r="I29" s="220">
        <v>0</v>
      </c>
      <c r="J29" s="223">
        <v>3</v>
      </c>
      <c r="K29" s="224">
        <v>3</v>
      </c>
      <c r="L29" s="219">
        <v>0</v>
      </c>
      <c r="M29" s="220">
        <v>0</v>
      </c>
      <c r="N29" s="223">
        <v>0</v>
      </c>
      <c r="O29" s="226">
        <v>0</v>
      </c>
      <c r="P29" s="222">
        <v>1</v>
      </c>
      <c r="Q29" s="222">
        <v>1</v>
      </c>
      <c r="R29" s="222">
        <v>1</v>
      </c>
      <c r="S29" s="220">
        <v>0</v>
      </c>
      <c r="T29" s="223">
        <v>3</v>
      </c>
      <c r="U29" s="227">
        <v>3</v>
      </c>
      <c r="V29" s="226">
        <v>0</v>
      </c>
      <c r="W29" s="220">
        <v>0</v>
      </c>
      <c r="X29" s="220">
        <v>0</v>
      </c>
      <c r="Y29" s="221">
        <v>0</v>
      </c>
      <c r="Z29" s="222">
        <v>0</v>
      </c>
      <c r="AA29" s="222">
        <v>0</v>
      </c>
      <c r="AB29" s="222">
        <v>0</v>
      </c>
      <c r="AC29" s="220">
        <v>0</v>
      </c>
      <c r="AD29" s="223">
        <v>0</v>
      </c>
      <c r="AE29" s="224">
        <v>0</v>
      </c>
      <c r="AF29" s="219">
        <v>0</v>
      </c>
      <c r="AG29" s="220">
        <v>0</v>
      </c>
      <c r="AH29" s="220">
        <v>0</v>
      </c>
      <c r="AI29" s="221">
        <v>0</v>
      </c>
      <c r="AJ29" s="222">
        <v>0</v>
      </c>
      <c r="AK29" s="222">
        <v>0</v>
      </c>
      <c r="AL29" s="222">
        <v>0</v>
      </c>
      <c r="AM29" s="220">
        <v>0</v>
      </c>
      <c r="AN29" s="223">
        <v>0</v>
      </c>
      <c r="AO29" s="225">
        <v>0</v>
      </c>
      <c r="AP29" s="37"/>
    </row>
    <row r="30" spans="1:42" ht="20.25" customHeight="1" x14ac:dyDescent="0.2">
      <c r="A30" s="63" t="s">
        <v>28</v>
      </c>
      <c r="B30" s="219">
        <v>0</v>
      </c>
      <c r="C30" s="220">
        <v>0</v>
      </c>
      <c r="D30" s="220">
        <v>0</v>
      </c>
      <c r="E30" s="221">
        <v>0</v>
      </c>
      <c r="F30" s="222">
        <v>0</v>
      </c>
      <c r="G30" s="222">
        <v>1</v>
      </c>
      <c r="H30" s="222">
        <v>1</v>
      </c>
      <c r="I30" s="220">
        <v>0</v>
      </c>
      <c r="J30" s="223">
        <v>2</v>
      </c>
      <c r="K30" s="224">
        <v>2</v>
      </c>
      <c r="L30" s="219">
        <v>0</v>
      </c>
      <c r="M30" s="220">
        <v>0</v>
      </c>
      <c r="N30" s="223">
        <v>0</v>
      </c>
      <c r="O30" s="226">
        <v>0</v>
      </c>
      <c r="P30" s="222">
        <v>0</v>
      </c>
      <c r="Q30" s="222">
        <v>1</v>
      </c>
      <c r="R30" s="222">
        <v>0</v>
      </c>
      <c r="S30" s="220">
        <v>2</v>
      </c>
      <c r="T30" s="223">
        <v>3</v>
      </c>
      <c r="U30" s="227">
        <v>3</v>
      </c>
      <c r="V30" s="226">
        <v>0</v>
      </c>
      <c r="W30" s="220">
        <v>0</v>
      </c>
      <c r="X30" s="220">
        <v>0</v>
      </c>
      <c r="Y30" s="221">
        <v>0</v>
      </c>
      <c r="Z30" s="222">
        <v>0</v>
      </c>
      <c r="AA30" s="222">
        <v>0</v>
      </c>
      <c r="AB30" s="222">
        <v>0</v>
      </c>
      <c r="AC30" s="220">
        <v>0</v>
      </c>
      <c r="AD30" s="223">
        <v>0</v>
      </c>
      <c r="AE30" s="224">
        <v>0</v>
      </c>
      <c r="AF30" s="219">
        <v>0</v>
      </c>
      <c r="AG30" s="220">
        <v>0</v>
      </c>
      <c r="AH30" s="220">
        <v>0</v>
      </c>
      <c r="AI30" s="221">
        <v>0</v>
      </c>
      <c r="AJ30" s="222">
        <v>0</v>
      </c>
      <c r="AK30" s="222">
        <v>0</v>
      </c>
      <c r="AL30" s="222">
        <v>0</v>
      </c>
      <c r="AM30" s="220">
        <v>0</v>
      </c>
      <c r="AN30" s="223">
        <v>0</v>
      </c>
      <c r="AO30" s="225">
        <v>0</v>
      </c>
      <c r="AP30" s="37"/>
    </row>
    <row r="31" spans="1:42" ht="20.25" customHeight="1" x14ac:dyDescent="0.2">
      <c r="A31" s="63" t="s">
        <v>29</v>
      </c>
      <c r="B31" s="219">
        <v>0</v>
      </c>
      <c r="C31" s="220">
        <v>0</v>
      </c>
      <c r="D31" s="220">
        <v>0</v>
      </c>
      <c r="E31" s="221">
        <v>0</v>
      </c>
      <c r="F31" s="222">
        <v>0</v>
      </c>
      <c r="G31" s="222">
        <v>1</v>
      </c>
      <c r="H31" s="222">
        <v>1</v>
      </c>
      <c r="I31" s="220">
        <v>0</v>
      </c>
      <c r="J31" s="223">
        <v>2</v>
      </c>
      <c r="K31" s="224">
        <v>2</v>
      </c>
      <c r="L31" s="219">
        <v>0</v>
      </c>
      <c r="M31" s="220">
        <v>0</v>
      </c>
      <c r="N31" s="223">
        <v>0</v>
      </c>
      <c r="O31" s="226">
        <v>0</v>
      </c>
      <c r="P31" s="222">
        <v>0</v>
      </c>
      <c r="Q31" s="222">
        <v>2</v>
      </c>
      <c r="R31" s="222">
        <v>0</v>
      </c>
      <c r="S31" s="220">
        <v>1</v>
      </c>
      <c r="T31" s="223">
        <v>3</v>
      </c>
      <c r="U31" s="227">
        <v>3</v>
      </c>
      <c r="V31" s="226">
        <v>0</v>
      </c>
      <c r="W31" s="220">
        <v>0</v>
      </c>
      <c r="X31" s="220">
        <v>0</v>
      </c>
      <c r="Y31" s="221">
        <v>0</v>
      </c>
      <c r="Z31" s="222">
        <v>0</v>
      </c>
      <c r="AA31" s="222">
        <v>0</v>
      </c>
      <c r="AB31" s="222">
        <v>0</v>
      </c>
      <c r="AC31" s="220">
        <v>0</v>
      </c>
      <c r="AD31" s="223">
        <v>0</v>
      </c>
      <c r="AE31" s="224">
        <v>0</v>
      </c>
      <c r="AF31" s="219">
        <v>0</v>
      </c>
      <c r="AG31" s="220">
        <v>0</v>
      </c>
      <c r="AH31" s="220">
        <v>0</v>
      </c>
      <c r="AI31" s="221">
        <v>0</v>
      </c>
      <c r="AJ31" s="222">
        <v>0</v>
      </c>
      <c r="AK31" s="222">
        <v>0</v>
      </c>
      <c r="AL31" s="222">
        <v>0</v>
      </c>
      <c r="AM31" s="220">
        <v>0</v>
      </c>
      <c r="AN31" s="223">
        <v>0</v>
      </c>
      <c r="AO31" s="225">
        <v>0</v>
      </c>
      <c r="AP31" s="37"/>
    </row>
    <row r="32" spans="1:42" ht="20.25" customHeight="1" x14ac:dyDescent="0.2">
      <c r="A32" s="63" t="s">
        <v>30</v>
      </c>
      <c r="B32" s="219">
        <v>0</v>
      </c>
      <c r="C32" s="220">
        <v>0</v>
      </c>
      <c r="D32" s="220">
        <v>0</v>
      </c>
      <c r="E32" s="221">
        <v>0</v>
      </c>
      <c r="F32" s="222">
        <v>0</v>
      </c>
      <c r="G32" s="222">
        <v>0</v>
      </c>
      <c r="H32" s="222">
        <v>0</v>
      </c>
      <c r="I32" s="220">
        <v>0</v>
      </c>
      <c r="J32" s="223">
        <v>0</v>
      </c>
      <c r="K32" s="224">
        <v>0</v>
      </c>
      <c r="L32" s="219">
        <v>0</v>
      </c>
      <c r="M32" s="220">
        <v>0</v>
      </c>
      <c r="N32" s="223">
        <v>0</v>
      </c>
      <c r="O32" s="226">
        <v>0</v>
      </c>
      <c r="P32" s="222">
        <v>1</v>
      </c>
      <c r="Q32" s="222">
        <v>0</v>
      </c>
      <c r="R32" s="222">
        <v>0</v>
      </c>
      <c r="S32" s="220">
        <v>1</v>
      </c>
      <c r="T32" s="223">
        <v>2</v>
      </c>
      <c r="U32" s="227">
        <v>2</v>
      </c>
      <c r="V32" s="226">
        <v>0</v>
      </c>
      <c r="W32" s="220">
        <v>0</v>
      </c>
      <c r="X32" s="220">
        <v>0</v>
      </c>
      <c r="Y32" s="221">
        <v>0</v>
      </c>
      <c r="Z32" s="222">
        <v>0</v>
      </c>
      <c r="AA32" s="222">
        <v>0</v>
      </c>
      <c r="AB32" s="222">
        <v>0</v>
      </c>
      <c r="AC32" s="220">
        <v>0</v>
      </c>
      <c r="AD32" s="223">
        <v>0</v>
      </c>
      <c r="AE32" s="224">
        <v>0</v>
      </c>
      <c r="AF32" s="219">
        <v>0</v>
      </c>
      <c r="AG32" s="220">
        <v>0</v>
      </c>
      <c r="AH32" s="220">
        <v>0</v>
      </c>
      <c r="AI32" s="221">
        <v>0</v>
      </c>
      <c r="AJ32" s="222">
        <v>0</v>
      </c>
      <c r="AK32" s="222">
        <v>0</v>
      </c>
      <c r="AL32" s="222">
        <v>0</v>
      </c>
      <c r="AM32" s="220">
        <v>0</v>
      </c>
      <c r="AN32" s="223">
        <v>0</v>
      </c>
      <c r="AO32" s="225">
        <v>0</v>
      </c>
      <c r="AP32" s="37"/>
    </row>
    <row r="33" spans="1:42" ht="20.25" customHeight="1" x14ac:dyDescent="0.2">
      <c r="A33" s="63" t="s">
        <v>31</v>
      </c>
      <c r="B33" s="219">
        <v>0</v>
      </c>
      <c r="C33" s="220">
        <v>0</v>
      </c>
      <c r="D33" s="220">
        <v>0</v>
      </c>
      <c r="E33" s="221">
        <v>0</v>
      </c>
      <c r="F33" s="222">
        <v>0</v>
      </c>
      <c r="G33" s="222">
        <v>2</v>
      </c>
      <c r="H33" s="222">
        <v>0</v>
      </c>
      <c r="I33" s="220">
        <v>0</v>
      </c>
      <c r="J33" s="223">
        <v>2</v>
      </c>
      <c r="K33" s="224">
        <v>2</v>
      </c>
      <c r="L33" s="219">
        <v>0</v>
      </c>
      <c r="M33" s="220">
        <v>0</v>
      </c>
      <c r="N33" s="223">
        <v>0</v>
      </c>
      <c r="O33" s="226">
        <v>0</v>
      </c>
      <c r="P33" s="222">
        <v>1</v>
      </c>
      <c r="Q33" s="222">
        <v>0</v>
      </c>
      <c r="R33" s="222">
        <v>1</v>
      </c>
      <c r="S33" s="220">
        <v>1</v>
      </c>
      <c r="T33" s="223">
        <v>3</v>
      </c>
      <c r="U33" s="227">
        <v>3</v>
      </c>
      <c r="V33" s="226">
        <v>0</v>
      </c>
      <c r="W33" s="220">
        <v>0</v>
      </c>
      <c r="X33" s="220">
        <v>0</v>
      </c>
      <c r="Y33" s="221">
        <v>0</v>
      </c>
      <c r="Z33" s="222">
        <v>0</v>
      </c>
      <c r="AA33" s="222">
        <v>0</v>
      </c>
      <c r="AB33" s="222">
        <v>0</v>
      </c>
      <c r="AC33" s="220">
        <v>0</v>
      </c>
      <c r="AD33" s="223">
        <v>0</v>
      </c>
      <c r="AE33" s="224">
        <v>0</v>
      </c>
      <c r="AF33" s="219">
        <v>0</v>
      </c>
      <c r="AG33" s="220">
        <v>0</v>
      </c>
      <c r="AH33" s="220">
        <v>0</v>
      </c>
      <c r="AI33" s="221">
        <v>0</v>
      </c>
      <c r="AJ33" s="222">
        <v>0</v>
      </c>
      <c r="AK33" s="222">
        <v>0</v>
      </c>
      <c r="AL33" s="222">
        <v>0</v>
      </c>
      <c r="AM33" s="220">
        <v>0</v>
      </c>
      <c r="AN33" s="223">
        <v>0</v>
      </c>
      <c r="AO33" s="225">
        <v>0</v>
      </c>
      <c r="AP33" s="37"/>
    </row>
    <row r="34" spans="1:42" ht="20.25" customHeight="1" x14ac:dyDescent="0.2">
      <c r="A34" s="63" t="s">
        <v>32</v>
      </c>
      <c r="B34" s="219">
        <v>0</v>
      </c>
      <c r="C34" s="220">
        <v>0</v>
      </c>
      <c r="D34" s="220">
        <v>0</v>
      </c>
      <c r="E34" s="221">
        <v>0</v>
      </c>
      <c r="F34" s="222">
        <v>0</v>
      </c>
      <c r="G34" s="222">
        <v>0</v>
      </c>
      <c r="H34" s="222">
        <v>0</v>
      </c>
      <c r="I34" s="220">
        <v>0</v>
      </c>
      <c r="J34" s="223">
        <v>0</v>
      </c>
      <c r="K34" s="224">
        <v>0</v>
      </c>
      <c r="L34" s="219">
        <v>0</v>
      </c>
      <c r="M34" s="220">
        <v>0</v>
      </c>
      <c r="N34" s="223">
        <v>0</v>
      </c>
      <c r="O34" s="226">
        <v>0</v>
      </c>
      <c r="P34" s="222">
        <v>0</v>
      </c>
      <c r="Q34" s="222">
        <v>0</v>
      </c>
      <c r="R34" s="222">
        <v>0</v>
      </c>
      <c r="S34" s="220">
        <v>1</v>
      </c>
      <c r="T34" s="223">
        <v>1</v>
      </c>
      <c r="U34" s="227">
        <v>1</v>
      </c>
      <c r="V34" s="226">
        <v>0</v>
      </c>
      <c r="W34" s="220">
        <v>0</v>
      </c>
      <c r="X34" s="220">
        <v>0</v>
      </c>
      <c r="Y34" s="221">
        <v>0</v>
      </c>
      <c r="Z34" s="222">
        <v>0</v>
      </c>
      <c r="AA34" s="222">
        <v>0</v>
      </c>
      <c r="AB34" s="222">
        <v>0</v>
      </c>
      <c r="AC34" s="220">
        <v>0</v>
      </c>
      <c r="AD34" s="223">
        <v>0</v>
      </c>
      <c r="AE34" s="224">
        <v>0</v>
      </c>
      <c r="AF34" s="219">
        <v>0</v>
      </c>
      <c r="AG34" s="220">
        <v>0</v>
      </c>
      <c r="AH34" s="220">
        <v>0</v>
      </c>
      <c r="AI34" s="221">
        <v>0</v>
      </c>
      <c r="AJ34" s="222">
        <v>0</v>
      </c>
      <c r="AK34" s="222">
        <v>0</v>
      </c>
      <c r="AL34" s="222">
        <v>0</v>
      </c>
      <c r="AM34" s="220">
        <v>0</v>
      </c>
      <c r="AN34" s="223">
        <v>0</v>
      </c>
      <c r="AO34" s="225">
        <v>0</v>
      </c>
      <c r="AP34" s="37"/>
    </row>
    <row r="35" spans="1:42" ht="20.25" customHeight="1" x14ac:dyDescent="0.2">
      <c r="A35" s="63" t="s">
        <v>33</v>
      </c>
      <c r="B35" s="219">
        <v>0</v>
      </c>
      <c r="C35" s="220">
        <v>0</v>
      </c>
      <c r="D35" s="220">
        <v>0</v>
      </c>
      <c r="E35" s="221">
        <v>0</v>
      </c>
      <c r="F35" s="222">
        <v>0</v>
      </c>
      <c r="G35" s="222">
        <v>0</v>
      </c>
      <c r="H35" s="222">
        <v>1</v>
      </c>
      <c r="I35" s="220">
        <v>0</v>
      </c>
      <c r="J35" s="223">
        <v>1</v>
      </c>
      <c r="K35" s="224">
        <v>1</v>
      </c>
      <c r="L35" s="219">
        <v>0</v>
      </c>
      <c r="M35" s="220">
        <v>0</v>
      </c>
      <c r="N35" s="223">
        <v>0</v>
      </c>
      <c r="O35" s="226">
        <v>0</v>
      </c>
      <c r="P35" s="222">
        <v>0</v>
      </c>
      <c r="Q35" s="222">
        <v>0</v>
      </c>
      <c r="R35" s="222">
        <v>0</v>
      </c>
      <c r="S35" s="220">
        <v>0</v>
      </c>
      <c r="T35" s="223">
        <v>0</v>
      </c>
      <c r="U35" s="227">
        <v>0</v>
      </c>
      <c r="V35" s="226">
        <v>0</v>
      </c>
      <c r="W35" s="220">
        <v>0</v>
      </c>
      <c r="X35" s="220">
        <v>0</v>
      </c>
      <c r="Y35" s="221">
        <v>0</v>
      </c>
      <c r="Z35" s="222">
        <v>0</v>
      </c>
      <c r="AA35" s="222">
        <v>0</v>
      </c>
      <c r="AB35" s="222">
        <v>0</v>
      </c>
      <c r="AC35" s="220">
        <v>0</v>
      </c>
      <c r="AD35" s="223">
        <v>0</v>
      </c>
      <c r="AE35" s="224">
        <v>0</v>
      </c>
      <c r="AF35" s="219">
        <v>0</v>
      </c>
      <c r="AG35" s="220">
        <v>0</v>
      </c>
      <c r="AH35" s="220">
        <v>0</v>
      </c>
      <c r="AI35" s="221">
        <v>1</v>
      </c>
      <c r="AJ35" s="222">
        <v>0</v>
      </c>
      <c r="AK35" s="222">
        <v>0</v>
      </c>
      <c r="AL35" s="222">
        <v>0</v>
      </c>
      <c r="AM35" s="220">
        <v>1</v>
      </c>
      <c r="AN35" s="223">
        <v>2</v>
      </c>
      <c r="AO35" s="225">
        <v>2</v>
      </c>
      <c r="AP35" s="37"/>
    </row>
    <row r="36" spans="1:42" ht="20.25" customHeight="1" x14ac:dyDescent="0.2">
      <c r="A36" s="63" t="s">
        <v>34</v>
      </c>
      <c r="B36" s="219">
        <v>0</v>
      </c>
      <c r="C36" s="220">
        <v>0</v>
      </c>
      <c r="D36" s="220">
        <v>0</v>
      </c>
      <c r="E36" s="221">
        <v>0</v>
      </c>
      <c r="F36" s="222">
        <v>0</v>
      </c>
      <c r="G36" s="222">
        <v>0</v>
      </c>
      <c r="H36" s="222">
        <v>0</v>
      </c>
      <c r="I36" s="220">
        <v>0</v>
      </c>
      <c r="J36" s="223">
        <v>0</v>
      </c>
      <c r="K36" s="224">
        <v>0</v>
      </c>
      <c r="L36" s="219">
        <v>0</v>
      </c>
      <c r="M36" s="220">
        <v>0</v>
      </c>
      <c r="N36" s="223">
        <v>0</v>
      </c>
      <c r="O36" s="226">
        <v>0</v>
      </c>
      <c r="P36" s="222">
        <v>0</v>
      </c>
      <c r="Q36" s="222">
        <v>1</v>
      </c>
      <c r="R36" s="222">
        <v>0</v>
      </c>
      <c r="S36" s="220">
        <v>0</v>
      </c>
      <c r="T36" s="223">
        <v>1</v>
      </c>
      <c r="U36" s="227">
        <v>1</v>
      </c>
      <c r="V36" s="226">
        <v>0</v>
      </c>
      <c r="W36" s="220">
        <v>0</v>
      </c>
      <c r="X36" s="220">
        <v>0</v>
      </c>
      <c r="Y36" s="221">
        <v>0</v>
      </c>
      <c r="Z36" s="222">
        <v>0</v>
      </c>
      <c r="AA36" s="222">
        <v>0</v>
      </c>
      <c r="AB36" s="222">
        <v>0</v>
      </c>
      <c r="AC36" s="220">
        <v>0</v>
      </c>
      <c r="AD36" s="223">
        <v>0</v>
      </c>
      <c r="AE36" s="224">
        <v>0</v>
      </c>
      <c r="AF36" s="219">
        <v>0</v>
      </c>
      <c r="AG36" s="220">
        <v>0</v>
      </c>
      <c r="AH36" s="220">
        <v>0</v>
      </c>
      <c r="AI36" s="221">
        <v>0</v>
      </c>
      <c r="AJ36" s="222">
        <v>0</v>
      </c>
      <c r="AK36" s="222">
        <v>0</v>
      </c>
      <c r="AL36" s="222">
        <v>0</v>
      </c>
      <c r="AM36" s="220">
        <v>0</v>
      </c>
      <c r="AN36" s="223">
        <v>0</v>
      </c>
      <c r="AO36" s="225">
        <v>0</v>
      </c>
      <c r="AP36" s="37"/>
    </row>
    <row r="37" spans="1:42" ht="20.25" customHeight="1" x14ac:dyDescent="0.2">
      <c r="A37" s="63" t="s">
        <v>35</v>
      </c>
      <c r="B37" s="219">
        <v>0</v>
      </c>
      <c r="C37" s="220">
        <v>0</v>
      </c>
      <c r="D37" s="220">
        <v>0</v>
      </c>
      <c r="E37" s="221">
        <v>0</v>
      </c>
      <c r="F37" s="222">
        <v>0</v>
      </c>
      <c r="G37" s="222">
        <v>1</v>
      </c>
      <c r="H37" s="222">
        <v>1</v>
      </c>
      <c r="I37" s="220">
        <v>0</v>
      </c>
      <c r="J37" s="223">
        <v>2</v>
      </c>
      <c r="K37" s="224">
        <v>2</v>
      </c>
      <c r="L37" s="219">
        <v>0</v>
      </c>
      <c r="M37" s="220">
        <v>0</v>
      </c>
      <c r="N37" s="223">
        <v>0</v>
      </c>
      <c r="O37" s="226">
        <v>0</v>
      </c>
      <c r="P37" s="222">
        <v>0</v>
      </c>
      <c r="Q37" s="222">
        <v>1</v>
      </c>
      <c r="R37" s="222">
        <v>1</v>
      </c>
      <c r="S37" s="220">
        <v>0</v>
      </c>
      <c r="T37" s="223">
        <v>2</v>
      </c>
      <c r="U37" s="227">
        <v>2</v>
      </c>
      <c r="V37" s="226">
        <v>0</v>
      </c>
      <c r="W37" s="220">
        <v>0</v>
      </c>
      <c r="X37" s="220">
        <v>0</v>
      </c>
      <c r="Y37" s="221">
        <v>0</v>
      </c>
      <c r="Z37" s="222">
        <v>0</v>
      </c>
      <c r="AA37" s="222">
        <v>0</v>
      </c>
      <c r="AB37" s="222">
        <v>0</v>
      </c>
      <c r="AC37" s="220">
        <v>0</v>
      </c>
      <c r="AD37" s="223">
        <v>0</v>
      </c>
      <c r="AE37" s="224">
        <v>0</v>
      </c>
      <c r="AF37" s="219">
        <v>0</v>
      </c>
      <c r="AG37" s="220">
        <v>0</v>
      </c>
      <c r="AH37" s="220">
        <v>0</v>
      </c>
      <c r="AI37" s="221">
        <v>0</v>
      </c>
      <c r="AJ37" s="222">
        <v>0</v>
      </c>
      <c r="AK37" s="222">
        <v>0</v>
      </c>
      <c r="AL37" s="222">
        <v>0</v>
      </c>
      <c r="AM37" s="220">
        <v>0</v>
      </c>
      <c r="AN37" s="223">
        <v>0</v>
      </c>
      <c r="AO37" s="225">
        <v>0</v>
      </c>
      <c r="AP37" s="37"/>
    </row>
    <row r="38" spans="1:42" ht="20.25" customHeight="1" x14ac:dyDescent="0.2">
      <c r="A38" s="63" t="s">
        <v>36</v>
      </c>
      <c r="B38" s="219">
        <v>0</v>
      </c>
      <c r="C38" s="220">
        <v>0</v>
      </c>
      <c r="D38" s="220">
        <v>0</v>
      </c>
      <c r="E38" s="221">
        <v>0</v>
      </c>
      <c r="F38" s="222">
        <v>0</v>
      </c>
      <c r="G38" s="222">
        <v>0</v>
      </c>
      <c r="H38" s="222">
        <v>0</v>
      </c>
      <c r="I38" s="220">
        <v>2</v>
      </c>
      <c r="J38" s="223">
        <v>2</v>
      </c>
      <c r="K38" s="224">
        <v>2</v>
      </c>
      <c r="L38" s="219">
        <v>0</v>
      </c>
      <c r="M38" s="220">
        <v>0</v>
      </c>
      <c r="N38" s="223">
        <v>0</v>
      </c>
      <c r="O38" s="226">
        <v>2</v>
      </c>
      <c r="P38" s="222">
        <v>0</v>
      </c>
      <c r="Q38" s="222">
        <v>0</v>
      </c>
      <c r="R38" s="222">
        <v>0</v>
      </c>
      <c r="S38" s="220">
        <v>1</v>
      </c>
      <c r="T38" s="223">
        <v>3</v>
      </c>
      <c r="U38" s="227">
        <v>3</v>
      </c>
      <c r="V38" s="226">
        <v>0</v>
      </c>
      <c r="W38" s="220">
        <v>0</v>
      </c>
      <c r="X38" s="220">
        <v>0</v>
      </c>
      <c r="Y38" s="221">
        <v>0</v>
      </c>
      <c r="Z38" s="222">
        <v>0</v>
      </c>
      <c r="AA38" s="222">
        <v>0</v>
      </c>
      <c r="AB38" s="222">
        <v>1</v>
      </c>
      <c r="AC38" s="220">
        <v>0</v>
      </c>
      <c r="AD38" s="223">
        <v>1</v>
      </c>
      <c r="AE38" s="224">
        <v>1</v>
      </c>
      <c r="AF38" s="219">
        <v>0</v>
      </c>
      <c r="AG38" s="220">
        <v>0</v>
      </c>
      <c r="AH38" s="220">
        <v>0</v>
      </c>
      <c r="AI38" s="221">
        <v>0</v>
      </c>
      <c r="AJ38" s="222">
        <v>0</v>
      </c>
      <c r="AK38" s="222">
        <v>0</v>
      </c>
      <c r="AL38" s="222">
        <v>0</v>
      </c>
      <c r="AM38" s="220">
        <v>0</v>
      </c>
      <c r="AN38" s="223">
        <v>0</v>
      </c>
      <c r="AO38" s="225">
        <v>0</v>
      </c>
      <c r="AP38" s="37"/>
    </row>
    <row r="39" spans="1:42" ht="20.25" customHeight="1" thickBot="1" x14ac:dyDescent="0.25">
      <c r="A39" s="64" t="s">
        <v>37</v>
      </c>
      <c r="B39" s="228">
        <v>0</v>
      </c>
      <c r="C39" s="229">
        <v>0</v>
      </c>
      <c r="D39" s="229">
        <v>0</v>
      </c>
      <c r="E39" s="230">
        <v>0</v>
      </c>
      <c r="F39" s="231">
        <v>0</v>
      </c>
      <c r="G39" s="231">
        <v>0</v>
      </c>
      <c r="H39" s="231">
        <v>0</v>
      </c>
      <c r="I39" s="229">
        <v>0</v>
      </c>
      <c r="J39" s="232">
        <v>0</v>
      </c>
      <c r="K39" s="233">
        <v>0</v>
      </c>
      <c r="L39" s="228">
        <v>0</v>
      </c>
      <c r="M39" s="229">
        <v>0</v>
      </c>
      <c r="N39" s="232">
        <v>0</v>
      </c>
      <c r="O39" s="235">
        <v>0</v>
      </c>
      <c r="P39" s="231">
        <v>0</v>
      </c>
      <c r="Q39" s="231">
        <v>0</v>
      </c>
      <c r="R39" s="231">
        <v>1</v>
      </c>
      <c r="S39" s="229">
        <v>0</v>
      </c>
      <c r="T39" s="232">
        <v>1</v>
      </c>
      <c r="U39" s="236">
        <v>1</v>
      </c>
      <c r="V39" s="235">
        <v>0</v>
      </c>
      <c r="W39" s="229">
        <v>0</v>
      </c>
      <c r="X39" s="229">
        <v>0</v>
      </c>
      <c r="Y39" s="230">
        <v>0</v>
      </c>
      <c r="Z39" s="231">
        <v>0</v>
      </c>
      <c r="AA39" s="231">
        <v>0</v>
      </c>
      <c r="AB39" s="231">
        <v>0</v>
      </c>
      <c r="AC39" s="229">
        <v>0</v>
      </c>
      <c r="AD39" s="232">
        <v>0</v>
      </c>
      <c r="AE39" s="233">
        <v>0</v>
      </c>
      <c r="AF39" s="228">
        <v>0</v>
      </c>
      <c r="AG39" s="229">
        <v>0</v>
      </c>
      <c r="AH39" s="229">
        <v>0</v>
      </c>
      <c r="AI39" s="230">
        <v>0</v>
      </c>
      <c r="AJ39" s="231">
        <v>0</v>
      </c>
      <c r="AK39" s="231">
        <v>0</v>
      </c>
      <c r="AL39" s="231">
        <v>0</v>
      </c>
      <c r="AM39" s="229">
        <v>1</v>
      </c>
      <c r="AN39" s="232">
        <v>1</v>
      </c>
      <c r="AO39" s="234">
        <v>1</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Y4:AD4"/>
    <mergeCell ref="AE4:AE5"/>
    <mergeCell ref="F1:G1"/>
    <mergeCell ref="AF4:AH4"/>
    <mergeCell ref="AI4:AN4"/>
    <mergeCell ref="AO4:AO5"/>
    <mergeCell ref="A3:A4"/>
    <mergeCell ref="B3:K3"/>
    <mergeCell ref="L3:U3"/>
    <mergeCell ref="V3:AE3"/>
    <mergeCell ref="AF3:AO3"/>
    <mergeCell ref="B4:D4"/>
    <mergeCell ref="E4:J4"/>
    <mergeCell ref="K4:K5"/>
    <mergeCell ref="L4:N4"/>
    <mergeCell ref="O4:T4"/>
    <mergeCell ref="U4:U5"/>
    <mergeCell ref="V4:X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1" max="1048575" man="1"/>
    <brk id="21"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1" customWidth="1"/>
    <col min="2" max="2" width="8.21875" style="1" customWidth="1"/>
    <col min="3" max="4" width="10" style="1" customWidth="1"/>
    <col min="5" max="5" width="7" style="1" customWidth="1"/>
    <col min="6" max="12" width="10.33203125" style="1" customWidth="1"/>
    <col min="13" max="15" width="8.88671875" style="1" customWidth="1"/>
    <col min="16" max="16" width="7.6640625" style="1" customWidth="1"/>
    <col min="17" max="23" width="10.6640625" style="1" customWidth="1"/>
    <col min="24" max="26" width="8.88671875" style="1" customWidth="1"/>
    <col min="27" max="27" width="7.6640625" style="1" customWidth="1"/>
    <col min="28" max="28" width="8.88671875" style="1" customWidth="1"/>
    <col min="29" max="29" width="10.44140625" style="1" customWidth="1"/>
    <col min="30" max="32" width="9.88671875" style="1" customWidth="1"/>
    <col min="33" max="34" width="10" style="1" customWidth="1"/>
    <col min="35" max="37" width="8.88671875" style="1" customWidth="1"/>
    <col min="38" max="38" width="7.77734375" style="1" customWidth="1"/>
    <col min="39" max="48" width="8.88671875" style="1" customWidth="1"/>
    <col min="49" max="49" width="7.77734375" style="1" customWidth="1"/>
    <col min="50" max="54" width="8.88671875" style="1" customWidth="1"/>
    <col min="55" max="56" width="10.33203125" style="1" customWidth="1"/>
    <col min="57" max="59" width="8.88671875" style="1" customWidth="1"/>
    <col min="60" max="60" width="8" style="1" customWidth="1"/>
    <col min="61" max="70" width="8.88671875" style="1" customWidth="1"/>
    <col min="71" max="71" width="7.44140625" style="1" customWidth="1"/>
    <col min="72" max="76" width="8.88671875" style="1" customWidth="1"/>
    <col min="77" max="77" width="11.77734375" style="1" customWidth="1"/>
    <col min="78" max="78" width="12" style="1" customWidth="1"/>
    <col min="79" max="81" width="8.88671875" style="39" customWidth="1"/>
    <col min="82" max="82" width="7.77734375" style="39" customWidth="1"/>
    <col min="83" max="85" width="9.5546875" style="39" customWidth="1"/>
    <col min="86" max="87" width="9" style="39" customWidth="1"/>
    <col min="88" max="89" width="9.5546875" style="39" customWidth="1"/>
    <col min="90" max="92" width="8.88671875" style="1" customWidth="1"/>
    <col min="93" max="93" width="7.44140625" style="1" customWidth="1"/>
    <col min="94" max="96" width="10.109375" style="1" customWidth="1"/>
    <col min="97" max="98" width="8.88671875" style="1" customWidth="1"/>
    <col min="99" max="100" width="10.21875" style="1" customWidth="1"/>
    <col min="101" max="103" width="8.88671875" style="1" customWidth="1"/>
    <col min="104" max="104" width="7.33203125" style="1" customWidth="1"/>
    <col min="105" max="109" width="8.88671875" style="1" customWidth="1"/>
    <col min="110" max="111" width="9.21875" style="1" customWidth="1"/>
    <col min="112" max="114" width="8.88671875" style="39" customWidth="1"/>
    <col min="115" max="115" width="7.33203125" style="39" customWidth="1"/>
    <col min="116" max="120" width="8.88671875" style="39" customWidth="1"/>
    <col min="121" max="122" width="9.6640625" style="39" customWidth="1"/>
    <col min="123" max="125" width="8.88671875" style="1" customWidth="1"/>
    <col min="126" max="126" width="7.77734375" style="1" customWidth="1"/>
    <col min="127" max="131" width="8.88671875" style="1" customWidth="1"/>
    <col min="132" max="133" width="9.33203125" style="1" customWidth="1"/>
    <col min="134" max="136" width="8.88671875" style="1" customWidth="1"/>
    <col min="137" max="137" width="7.44140625" style="1" customWidth="1"/>
    <col min="138" max="147" width="8.88671875" style="1" customWidth="1"/>
    <col min="148" max="148" width="7.21875" style="1" customWidth="1"/>
    <col min="149" max="158" width="8.88671875" style="1" customWidth="1"/>
    <col min="159" max="159" width="7.21875" style="1" customWidth="1"/>
    <col min="160" max="166" width="8.88671875" style="1" customWidth="1"/>
    <col min="167" max="169" width="8.88671875" style="39" customWidth="1"/>
    <col min="170" max="170" width="7.33203125" style="39" customWidth="1"/>
    <col min="171" max="175" width="8.88671875" style="39" customWidth="1"/>
    <col min="176" max="177" width="9.6640625" style="39" customWidth="1"/>
    <col min="178" max="180" width="8.88671875" style="1" customWidth="1"/>
    <col min="181" max="181" width="7.21875" style="1" customWidth="1"/>
    <col min="182" max="186" width="8.88671875" style="1" customWidth="1"/>
    <col min="187" max="188" width="9.44140625" style="1" customWidth="1"/>
    <col min="189" max="191" width="8.88671875" style="1" customWidth="1"/>
    <col min="192" max="192" width="7.77734375" style="1" customWidth="1"/>
    <col min="193" max="202" width="8.88671875" style="1" customWidth="1"/>
    <col min="203" max="203" width="7.44140625" style="1" customWidth="1"/>
    <col min="204" max="213" width="8.88671875" style="1" customWidth="1"/>
    <col min="214" max="214" width="7.33203125" style="1" customWidth="1"/>
    <col min="215" max="217" width="8.88671875" style="1" customWidth="1"/>
    <col min="218" max="218" width="10.44140625" style="1" customWidth="1"/>
    <col min="219" max="219" width="8.88671875" style="1" customWidth="1"/>
    <col min="220" max="221" width="9.6640625" style="1" customWidth="1"/>
    <col min="222" max="224" width="8.88671875" style="1" customWidth="1"/>
    <col min="225" max="225" width="7.6640625" style="1" customWidth="1"/>
    <col min="226" max="230" width="8.88671875" style="1" customWidth="1"/>
    <col min="231" max="232" width="10" style="1"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2" width="9.21875" style="1" customWidth="1"/>
    <col min="403" max="403" width="9.77734375" style="1" customWidth="1"/>
    <col min="404" max="404" width="10.44140625" style="1" customWidth="1"/>
    <col min="405" max="405" width="12.109375" style="1" customWidth="1"/>
    <col min="406" max="406" width="10.109375" style="1" customWidth="1"/>
    <col min="407" max="408" width="10.33203125" style="1" customWidth="1"/>
    <col min="409" max="16384" width="8.21875" style="1"/>
  </cols>
  <sheetData>
    <row r="1" spans="1:408" ht="21" customHeight="1" x14ac:dyDescent="0.2">
      <c r="A1" s="20" t="s">
        <v>146</v>
      </c>
      <c r="F1" s="416">
        <f>第１表!F2</f>
        <v>3</v>
      </c>
      <c r="G1" s="283">
        <f>第１表!G2</f>
        <v>12</v>
      </c>
      <c r="H1" s="540">
        <f>IF(G1&lt;3,G1-2+12,G1-2)</f>
        <v>10</v>
      </c>
      <c r="I1" s="540"/>
      <c r="IA1" s="416"/>
      <c r="IB1" s="285"/>
      <c r="IC1" s="540"/>
      <c r="ID1" s="540"/>
    </row>
    <row r="2" spans="1:408" s="44" customFormat="1" ht="16.5" customHeight="1" x14ac:dyDescent="0.2">
      <c r="A2" s="20" t="s">
        <v>147</v>
      </c>
      <c r="D2" s="282"/>
      <c r="E2" s="283"/>
      <c r="F2" s="575"/>
      <c r="G2" s="575"/>
      <c r="CA2" s="364"/>
      <c r="CB2" s="364"/>
      <c r="CC2" s="364"/>
      <c r="CD2" s="364"/>
      <c r="CE2" s="364"/>
      <c r="CF2" s="364"/>
      <c r="CG2" s="364"/>
      <c r="CH2" s="364"/>
      <c r="CI2" s="364"/>
      <c r="CJ2" s="364"/>
      <c r="CK2" s="364"/>
      <c r="DH2" s="364"/>
      <c r="DI2" s="364"/>
      <c r="DJ2" s="364"/>
      <c r="DK2" s="364"/>
      <c r="DL2" s="364"/>
      <c r="DM2" s="364"/>
      <c r="DN2" s="364"/>
      <c r="DO2" s="364"/>
      <c r="DP2" s="364"/>
      <c r="DQ2" s="364"/>
      <c r="DR2" s="364"/>
      <c r="FK2" s="364"/>
      <c r="FL2" s="364"/>
      <c r="FM2" s="364"/>
      <c r="FN2" s="364"/>
      <c r="FO2" s="364"/>
      <c r="FP2" s="364"/>
      <c r="FQ2" s="364"/>
      <c r="FR2" s="364"/>
      <c r="FS2" s="364"/>
      <c r="FT2" s="364"/>
      <c r="FU2" s="364"/>
      <c r="HY2" s="39"/>
      <c r="HZ2" s="39"/>
      <c r="IA2" s="284"/>
      <c r="IB2" s="285"/>
      <c r="IC2" s="419"/>
      <c r="ID2" s="419"/>
      <c r="IE2" s="39"/>
      <c r="IF2" s="39"/>
      <c r="IG2" s="39"/>
      <c r="IH2" s="39"/>
      <c r="II2" s="39"/>
      <c r="IJ2" s="1"/>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39"/>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1"/>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row>
    <row r="3" spans="1:408" s="44" customFormat="1" ht="18.75" customHeight="1" thickBot="1" x14ac:dyDescent="0.25">
      <c r="A3" s="20" t="s">
        <v>148</v>
      </c>
      <c r="CA3" s="364"/>
      <c r="CB3" s="364"/>
      <c r="CC3" s="364"/>
      <c r="CD3" s="364"/>
      <c r="CE3" s="364"/>
      <c r="CF3" s="364"/>
      <c r="CG3" s="364"/>
      <c r="CH3" s="364"/>
      <c r="CI3" s="364"/>
      <c r="CJ3" s="364"/>
      <c r="CK3" s="364"/>
      <c r="DH3" s="364"/>
      <c r="DI3" s="364"/>
      <c r="DJ3" s="364"/>
      <c r="DK3" s="364"/>
      <c r="DL3" s="364"/>
      <c r="DM3" s="364"/>
      <c r="DN3" s="364"/>
      <c r="DO3" s="364"/>
      <c r="DP3" s="364"/>
      <c r="DQ3" s="364"/>
      <c r="DR3" s="364"/>
      <c r="FK3" s="364"/>
      <c r="FL3" s="364"/>
      <c r="FM3" s="364"/>
      <c r="FN3" s="364"/>
      <c r="FO3" s="364"/>
      <c r="FP3" s="364"/>
      <c r="FQ3" s="364"/>
      <c r="FR3" s="364"/>
      <c r="FS3" s="364"/>
      <c r="FT3" s="364"/>
      <c r="FU3" s="364"/>
      <c r="HY3" s="39"/>
      <c r="HZ3" s="39"/>
      <c r="IA3" s="39"/>
      <c r="IB3" s="39"/>
      <c r="IC3" s="39"/>
      <c r="ID3" s="39"/>
      <c r="IE3" s="39"/>
      <c r="IF3" s="39"/>
      <c r="IG3" s="39"/>
      <c r="IH3" s="39"/>
      <c r="II3" s="39"/>
      <c r="IJ3" s="1"/>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39"/>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1"/>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row>
    <row r="4" spans="1:408" ht="18" customHeight="1" thickBot="1" x14ac:dyDescent="0.25">
      <c r="A4" s="551" t="s">
        <v>42</v>
      </c>
      <c r="B4" s="554" t="s">
        <v>63</v>
      </c>
      <c r="C4" s="554"/>
      <c r="D4" s="554"/>
      <c r="E4" s="554"/>
      <c r="F4" s="554"/>
      <c r="G4" s="554"/>
      <c r="H4" s="554"/>
      <c r="I4" s="554"/>
      <c r="J4" s="554"/>
      <c r="K4" s="554"/>
      <c r="L4" s="554"/>
      <c r="M4" s="506"/>
      <c r="N4" s="506"/>
      <c r="O4" s="506"/>
      <c r="P4" s="506"/>
      <c r="Q4" s="506"/>
      <c r="R4" s="506"/>
      <c r="S4" s="506"/>
      <c r="T4" s="506"/>
      <c r="U4" s="506"/>
      <c r="V4" s="506"/>
      <c r="W4" s="506"/>
      <c r="X4" s="506"/>
      <c r="Y4" s="506"/>
      <c r="Z4" s="506"/>
      <c r="AA4" s="506"/>
      <c r="AB4" s="506"/>
      <c r="AC4" s="506"/>
      <c r="AD4" s="506"/>
      <c r="AE4" s="506"/>
      <c r="AF4" s="506"/>
      <c r="AG4" s="506"/>
      <c r="AH4" s="506"/>
      <c r="AI4" s="506"/>
      <c r="AJ4" s="506"/>
      <c r="AK4" s="506"/>
      <c r="AL4" s="506"/>
      <c r="AM4" s="506"/>
      <c r="AN4" s="506"/>
      <c r="AO4" s="506"/>
      <c r="AP4" s="506"/>
      <c r="AQ4" s="506"/>
      <c r="AR4" s="506"/>
      <c r="AS4" s="506"/>
      <c r="AT4" s="506"/>
      <c r="AU4" s="506"/>
      <c r="AV4" s="506"/>
      <c r="AW4" s="506"/>
      <c r="AX4" s="506"/>
      <c r="AY4" s="506"/>
      <c r="AZ4" s="506"/>
      <c r="BA4" s="506"/>
      <c r="BB4" s="506"/>
      <c r="BC4" s="506"/>
      <c r="BD4" s="506"/>
      <c r="BE4" s="506"/>
      <c r="BF4" s="506"/>
      <c r="BG4" s="506"/>
      <c r="BH4" s="506"/>
      <c r="BI4" s="506"/>
      <c r="BJ4" s="506"/>
      <c r="BK4" s="506"/>
      <c r="BL4" s="506"/>
      <c r="BM4" s="506"/>
      <c r="BN4" s="506"/>
      <c r="BO4" s="506"/>
      <c r="BP4" s="506"/>
      <c r="BQ4" s="506"/>
      <c r="BR4" s="506"/>
      <c r="BS4" s="506"/>
      <c r="BT4" s="506"/>
      <c r="BU4" s="506"/>
      <c r="BV4" s="506"/>
      <c r="BW4" s="506"/>
      <c r="BX4" s="506"/>
      <c r="BY4" s="506"/>
      <c r="BZ4" s="506"/>
      <c r="CA4" s="506"/>
      <c r="CB4" s="506"/>
      <c r="CC4" s="506"/>
      <c r="CD4" s="506"/>
      <c r="CE4" s="506"/>
      <c r="CF4" s="506"/>
      <c r="CG4" s="506"/>
      <c r="CH4" s="506"/>
      <c r="CI4" s="506"/>
      <c r="CJ4" s="506"/>
      <c r="CK4" s="506"/>
      <c r="CL4" s="506"/>
      <c r="CM4" s="506"/>
      <c r="CN4" s="506"/>
      <c r="CO4" s="506"/>
      <c r="CP4" s="506"/>
      <c r="CQ4" s="506"/>
      <c r="CR4" s="506"/>
      <c r="CS4" s="506"/>
      <c r="CT4" s="506"/>
      <c r="CU4" s="506"/>
      <c r="CV4" s="506"/>
      <c r="CW4" s="506"/>
      <c r="CX4" s="506"/>
      <c r="CY4" s="506"/>
      <c r="CZ4" s="506"/>
      <c r="DA4" s="506"/>
      <c r="DB4" s="506"/>
      <c r="DC4" s="506"/>
      <c r="DD4" s="506"/>
      <c r="DE4" s="506"/>
      <c r="DF4" s="506"/>
      <c r="DG4" s="506"/>
      <c r="DH4" s="506"/>
      <c r="DI4" s="506"/>
      <c r="DJ4" s="506"/>
      <c r="DK4" s="506"/>
      <c r="DL4" s="506"/>
      <c r="DM4" s="506"/>
      <c r="DN4" s="506"/>
      <c r="DO4" s="506"/>
      <c r="DP4" s="506"/>
      <c r="DQ4" s="506"/>
      <c r="DR4" s="506"/>
      <c r="DS4" s="506"/>
      <c r="DT4" s="506"/>
      <c r="DU4" s="506"/>
      <c r="DV4" s="506"/>
      <c r="DW4" s="506"/>
      <c r="DX4" s="506"/>
      <c r="DY4" s="506"/>
      <c r="DZ4" s="506"/>
      <c r="EA4" s="506"/>
      <c r="EB4" s="506"/>
      <c r="EC4" s="506"/>
      <c r="ED4" s="506"/>
      <c r="EE4" s="506"/>
      <c r="EF4" s="506"/>
      <c r="EG4" s="506"/>
      <c r="EH4" s="506"/>
      <c r="EI4" s="506"/>
      <c r="EJ4" s="506"/>
      <c r="EK4" s="506"/>
      <c r="EL4" s="506"/>
      <c r="EM4" s="506"/>
      <c r="EN4" s="506"/>
      <c r="EO4" s="506"/>
      <c r="EP4" s="506"/>
      <c r="EQ4" s="506"/>
      <c r="ER4" s="506"/>
      <c r="ES4" s="506"/>
      <c r="ET4" s="506"/>
      <c r="EU4" s="506"/>
      <c r="EV4" s="506"/>
      <c r="EW4" s="506"/>
      <c r="EX4" s="506"/>
      <c r="EY4" s="506"/>
      <c r="EZ4" s="506"/>
      <c r="FA4" s="506"/>
      <c r="FB4" s="506"/>
      <c r="FC4" s="506"/>
      <c r="FD4" s="506"/>
      <c r="FE4" s="506"/>
      <c r="FF4" s="506"/>
      <c r="FG4" s="506"/>
      <c r="FH4" s="506"/>
      <c r="FI4" s="506"/>
      <c r="FJ4" s="506"/>
      <c r="FK4" s="506"/>
      <c r="FL4" s="506"/>
      <c r="FM4" s="506"/>
      <c r="FN4" s="506"/>
      <c r="FO4" s="506"/>
      <c r="FP4" s="506"/>
      <c r="FQ4" s="506"/>
      <c r="FR4" s="506"/>
      <c r="FS4" s="506"/>
      <c r="FT4" s="506"/>
      <c r="FU4" s="506"/>
      <c r="FV4" s="506"/>
      <c r="FW4" s="506"/>
      <c r="FX4" s="506"/>
      <c r="FY4" s="506"/>
      <c r="FZ4" s="506"/>
      <c r="GA4" s="506"/>
      <c r="GB4" s="506"/>
      <c r="GC4" s="506"/>
      <c r="GD4" s="506"/>
      <c r="GE4" s="506"/>
      <c r="GF4" s="506"/>
      <c r="GG4" s="506"/>
      <c r="GH4" s="506"/>
      <c r="GI4" s="506"/>
      <c r="GJ4" s="506"/>
      <c r="GK4" s="506"/>
      <c r="GL4" s="506"/>
      <c r="GM4" s="506"/>
      <c r="GN4" s="506"/>
      <c r="GO4" s="506"/>
      <c r="GP4" s="506"/>
      <c r="GQ4" s="506"/>
      <c r="GR4" s="506"/>
      <c r="GS4" s="506"/>
      <c r="GT4" s="506"/>
      <c r="GU4" s="506"/>
      <c r="GV4" s="506"/>
      <c r="GW4" s="506"/>
      <c r="GX4" s="506"/>
      <c r="GY4" s="506"/>
      <c r="GZ4" s="506"/>
      <c r="HA4" s="506"/>
      <c r="HB4" s="506"/>
      <c r="HC4" s="506"/>
      <c r="HD4" s="506"/>
      <c r="HE4" s="506"/>
      <c r="HF4" s="506"/>
      <c r="HG4" s="506"/>
      <c r="HH4" s="506"/>
      <c r="HI4" s="506"/>
      <c r="HJ4" s="506"/>
      <c r="HK4" s="506"/>
      <c r="HL4" s="506"/>
      <c r="HM4" s="506"/>
      <c r="HN4" s="506"/>
      <c r="HO4" s="506"/>
      <c r="HP4" s="506"/>
      <c r="HQ4" s="506"/>
      <c r="HR4" s="506"/>
      <c r="HS4" s="506"/>
      <c r="HT4" s="506"/>
      <c r="HU4" s="506"/>
      <c r="HV4" s="506"/>
      <c r="HW4" s="506"/>
      <c r="HX4" s="507"/>
      <c r="HY4" s="537" t="s">
        <v>85</v>
      </c>
      <c r="HZ4" s="538"/>
      <c r="IA4" s="538"/>
      <c r="IB4" s="538"/>
      <c r="IC4" s="538"/>
      <c r="ID4" s="538"/>
      <c r="IE4" s="538"/>
      <c r="IF4" s="538"/>
      <c r="IG4" s="538"/>
      <c r="IH4" s="538"/>
      <c r="II4" s="538"/>
      <c r="IJ4" s="538"/>
      <c r="IK4" s="538"/>
      <c r="IL4" s="538"/>
      <c r="IM4" s="538"/>
      <c r="IN4" s="538"/>
      <c r="IO4" s="538"/>
      <c r="IP4" s="538"/>
      <c r="IQ4" s="538"/>
      <c r="IR4" s="538"/>
      <c r="IS4" s="538"/>
      <c r="IT4" s="538"/>
      <c r="IU4" s="538"/>
      <c r="IV4" s="538"/>
      <c r="IW4" s="538"/>
      <c r="IX4" s="538"/>
      <c r="IY4" s="538"/>
      <c r="IZ4" s="538"/>
      <c r="JA4" s="538"/>
      <c r="JB4" s="538"/>
      <c r="JC4" s="538"/>
      <c r="JD4" s="538"/>
      <c r="JE4" s="538"/>
      <c r="JF4" s="538"/>
      <c r="JG4" s="538"/>
      <c r="JH4" s="538"/>
      <c r="JI4" s="538"/>
      <c r="JJ4" s="538"/>
      <c r="JK4" s="538"/>
      <c r="JL4" s="538"/>
      <c r="JM4" s="538"/>
      <c r="JN4" s="538"/>
      <c r="JO4" s="538"/>
      <c r="JP4" s="538"/>
      <c r="JQ4" s="538"/>
      <c r="JR4" s="538"/>
      <c r="JS4" s="538"/>
      <c r="JT4" s="538"/>
      <c r="JU4" s="538"/>
      <c r="JV4" s="538"/>
      <c r="JW4" s="538"/>
      <c r="JX4" s="538"/>
      <c r="JY4" s="538"/>
      <c r="JZ4" s="538"/>
      <c r="KA4" s="538"/>
      <c r="KB4" s="538"/>
      <c r="KC4" s="538"/>
      <c r="KD4" s="538"/>
      <c r="KE4" s="538"/>
      <c r="KF4" s="538"/>
      <c r="KG4" s="538"/>
      <c r="KH4" s="538"/>
      <c r="KI4" s="538"/>
      <c r="KJ4" s="538"/>
      <c r="KK4" s="538"/>
      <c r="KL4" s="538"/>
      <c r="KM4" s="538"/>
      <c r="KN4" s="538"/>
      <c r="KO4" s="538"/>
      <c r="KP4" s="538"/>
      <c r="KQ4" s="538"/>
      <c r="KR4" s="538"/>
      <c r="KS4" s="538"/>
      <c r="KT4" s="538"/>
      <c r="KU4" s="538"/>
      <c r="KV4" s="538"/>
      <c r="KW4" s="538"/>
      <c r="KX4" s="538"/>
      <c r="KY4" s="538"/>
      <c r="KZ4" s="538"/>
      <c r="LA4" s="538"/>
      <c r="LB4" s="538"/>
      <c r="LC4" s="538"/>
      <c r="LD4" s="538"/>
      <c r="LE4" s="538"/>
      <c r="LF4" s="538"/>
      <c r="LG4" s="538"/>
      <c r="LH4" s="538"/>
      <c r="LI4" s="538"/>
      <c r="LJ4" s="538"/>
      <c r="LK4" s="538"/>
      <c r="LL4" s="538"/>
      <c r="LM4" s="538"/>
      <c r="LN4" s="538"/>
      <c r="LO4" s="538"/>
      <c r="LP4" s="538"/>
      <c r="LQ4" s="538"/>
      <c r="LR4" s="538"/>
      <c r="LS4" s="538"/>
      <c r="LT4" s="538"/>
      <c r="LU4" s="538"/>
      <c r="LV4" s="538"/>
      <c r="LW4" s="538"/>
      <c r="LX4" s="538"/>
      <c r="LY4" s="538"/>
      <c r="LZ4" s="538"/>
      <c r="MA4" s="538"/>
      <c r="MB4" s="538"/>
      <c r="MC4" s="538"/>
      <c r="MD4" s="539"/>
      <c r="ME4" s="537" t="s">
        <v>86</v>
      </c>
      <c r="MF4" s="538"/>
      <c r="MG4" s="538"/>
      <c r="MH4" s="538"/>
      <c r="MI4" s="538"/>
      <c r="MJ4" s="538"/>
      <c r="MK4" s="538"/>
      <c r="ML4" s="538"/>
      <c r="MM4" s="538"/>
      <c r="MN4" s="538"/>
      <c r="MO4" s="538"/>
      <c r="MP4" s="538"/>
      <c r="MQ4" s="538"/>
      <c r="MR4" s="538"/>
      <c r="MS4" s="538"/>
      <c r="MT4" s="538"/>
      <c r="MU4" s="538"/>
      <c r="MV4" s="538"/>
      <c r="MW4" s="538"/>
      <c r="MX4" s="538"/>
      <c r="MY4" s="538"/>
      <c r="MZ4" s="538"/>
      <c r="NA4" s="538"/>
      <c r="NB4" s="538"/>
      <c r="NC4" s="538"/>
      <c r="ND4" s="538"/>
      <c r="NE4" s="538"/>
      <c r="NF4" s="538"/>
      <c r="NG4" s="538"/>
      <c r="NH4" s="538"/>
      <c r="NI4" s="538"/>
      <c r="NJ4" s="538"/>
      <c r="NK4" s="538"/>
      <c r="NL4" s="538"/>
      <c r="NM4" s="538"/>
      <c r="NN4" s="538"/>
      <c r="NO4" s="538"/>
      <c r="NP4" s="538"/>
      <c r="NQ4" s="538"/>
      <c r="NR4" s="538"/>
      <c r="NS4" s="538"/>
      <c r="NT4" s="538"/>
      <c r="NU4" s="538"/>
      <c r="NV4" s="538"/>
      <c r="NW4" s="538"/>
      <c r="NX4" s="538"/>
      <c r="NY4" s="538"/>
      <c r="NZ4" s="538"/>
      <c r="OA4" s="538"/>
      <c r="OB4" s="538"/>
      <c r="OC4" s="538"/>
      <c r="OD4" s="538"/>
      <c r="OE4" s="538"/>
      <c r="OF4" s="538"/>
      <c r="OG4" s="539"/>
      <c r="OH4" s="528" t="s">
        <v>60</v>
      </c>
      <c r="OI4" s="432"/>
      <c r="OJ4" s="432"/>
      <c r="OK4" s="432"/>
      <c r="OL4" s="432"/>
      <c r="OM4" s="432"/>
      <c r="ON4" s="432"/>
      <c r="OO4" s="432"/>
      <c r="OP4" s="432"/>
      <c r="OQ4" s="432"/>
      <c r="OR4" s="433"/>
    </row>
    <row r="5" spans="1:408" ht="18" customHeight="1" thickBot="1" x14ac:dyDescent="0.25">
      <c r="A5" s="552"/>
      <c r="B5" s="555"/>
      <c r="C5" s="555"/>
      <c r="D5" s="555"/>
      <c r="E5" s="555"/>
      <c r="F5" s="555"/>
      <c r="G5" s="555"/>
      <c r="H5" s="555"/>
      <c r="I5" s="555"/>
      <c r="J5" s="555"/>
      <c r="K5" s="555"/>
      <c r="L5" s="555"/>
      <c r="M5" s="557" t="s">
        <v>64</v>
      </c>
      <c r="N5" s="558"/>
      <c r="O5" s="558"/>
      <c r="P5" s="558"/>
      <c r="Q5" s="558"/>
      <c r="R5" s="558"/>
      <c r="S5" s="558"/>
      <c r="T5" s="558"/>
      <c r="U5" s="558"/>
      <c r="V5" s="558"/>
      <c r="W5" s="558"/>
      <c r="X5" s="558"/>
      <c r="Y5" s="558"/>
      <c r="Z5" s="558"/>
      <c r="AA5" s="558"/>
      <c r="AB5" s="558"/>
      <c r="AC5" s="558"/>
      <c r="AD5" s="558"/>
      <c r="AE5" s="558"/>
      <c r="AF5" s="558"/>
      <c r="AG5" s="558"/>
      <c r="AH5" s="558"/>
      <c r="AI5" s="558"/>
      <c r="AJ5" s="558"/>
      <c r="AK5" s="558"/>
      <c r="AL5" s="558"/>
      <c r="AM5" s="558"/>
      <c r="AN5" s="558"/>
      <c r="AO5" s="558"/>
      <c r="AP5" s="558"/>
      <c r="AQ5" s="558"/>
      <c r="AR5" s="558"/>
      <c r="AS5" s="558"/>
      <c r="AT5" s="558"/>
      <c r="AU5" s="558"/>
      <c r="AV5" s="558"/>
      <c r="AW5" s="558"/>
      <c r="AX5" s="558"/>
      <c r="AY5" s="558"/>
      <c r="AZ5" s="558"/>
      <c r="BA5" s="558"/>
      <c r="BB5" s="558"/>
      <c r="BC5" s="558"/>
      <c r="BD5" s="558"/>
      <c r="BE5" s="558"/>
      <c r="BF5" s="558"/>
      <c r="BG5" s="558"/>
      <c r="BH5" s="558"/>
      <c r="BI5" s="558"/>
      <c r="BJ5" s="558"/>
      <c r="BK5" s="558"/>
      <c r="BL5" s="558"/>
      <c r="BM5" s="558"/>
      <c r="BN5" s="558"/>
      <c r="BO5" s="558"/>
      <c r="BP5" s="558"/>
      <c r="BQ5" s="558"/>
      <c r="BR5" s="558"/>
      <c r="BS5" s="558"/>
      <c r="BT5" s="558"/>
      <c r="BU5" s="558"/>
      <c r="BV5" s="558"/>
      <c r="BW5" s="558"/>
      <c r="BX5" s="558"/>
      <c r="BY5" s="558"/>
      <c r="BZ5" s="559"/>
      <c r="CA5" s="557" t="s">
        <v>65</v>
      </c>
      <c r="CB5" s="558"/>
      <c r="CC5" s="558"/>
      <c r="CD5" s="558"/>
      <c r="CE5" s="558"/>
      <c r="CF5" s="558"/>
      <c r="CG5" s="558"/>
      <c r="CH5" s="558"/>
      <c r="CI5" s="558"/>
      <c r="CJ5" s="558"/>
      <c r="CK5" s="558"/>
      <c r="CL5" s="558"/>
      <c r="CM5" s="558"/>
      <c r="CN5" s="558"/>
      <c r="CO5" s="558"/>
      <c r="CP5" s="558"/>
      <c r="CQ5" s="558"/>
      <c r="CR5" s="558"/>
      <c r="CS5" s="558"/>
      <c r="CT5" s="558"/>
      <c r="CU5" s="558"/>
      <c r="CV5" s="558"/>
      <c r="CW5" s="558"/>
      <c r="CX5" s="558"/>
      <c r="CY5" s="558"/>
      <c r="CZ5" s="558"/>
      <c r="DA5" s="558"/>
      <c r="DB5" s="558"/>
      <c r="DC5" s="558"/>
      <c r="DD5" s="558"/>
      <c r="DE5" s="558"/>
      <c r="DF5" s="558"/>
      <c r="DG5" s="559"/>
      <c r="DH5" s="537" t="s">
        <v>66</v>
      </c>
      <c r="DI5" s="538"/>
      <c r="DJ5" s="538"/>
      <c r="DK5" s="538"/>
      <c r="DL5" s="538"/>
      <c r="DM5" s="538"/>
      <c r="DN5" s="538"/>
      <c r="DO5" s="538"/>
      <c r="DP5" s="538"/>
      <c r="DQ5" s="538"/>
      <c r="DR5" s="538"/>
      <c r="DS5" s="538"/>
      <c r="DT5" s="538"/>
      <c r="DU5" s="538"/>
      <c r="DV5" s="538"/>
      <c r="DW5" s="538"/>
      <c r="DX5" s="538"/>
      <c r="DY5" s="538"/>
      <c r="DZ5" s="538"/>
      <c r="EA5" s="538"/>
      <c r="EB5" s="538"/>
      <c r="EC5" s="538"/>
      <c r="ED5" s="538"/>
      <c r="EE5" s="538"/>
      <c r="EF5" s="538"/>
      <c r="EG5" s="538"/>
      <c r="EH5" s="538"/>
      <c r="EI5" s="538"/>
      <c r="EJ5" s="538"/>
      <c r="EK5" s="538"/>
      <c r="EL5" s="538"/>
      <c r="EM5" s="538"/>
      <c r="EN5" s="538"/>
      <c r="EO5" s="538"/>
      <c r="EP5" s="538"/>
      <c r="EQ5" s="538"/>
      <c r="ER5" s="538"/>
      <c r="ES5" s="538"/>
      <c r="ET5" s="538"/>
      <c r="EU5" s="538"/>
      <c r="EV5" s="538"/>
      <c r="EW5" s="538"/>
      <c r="EX5" s="538"/>
      <c r="EY5" s="538"/>
      <c r="EZ5" s="538"/>
      <c r="FA5" s="538"/>
      <c r="FB5" s="538"/>
      <c r="FC5" s="538"/>
      <c r="FD5" s="538"/>
      <c r="FE5" s="538"/>
      <c r="FF5" s="538"/>
      <c r="FG5" s="538"/>
      <c r="FH5" s="538"/>
      <c r="FI5" s="538"/>
      <c r="FJ5" s="539"/>
      <c r="FK5" s="557" t="s">
        <v>67</v>
      </c>
      <c r="FL5" s="558"/>
      <c r="FM5" s="558"/>
      <c r="FN5" s="558"/>
      <c r="FO5" s="558"/>
      <c r="FP5" s="558"/>
      <c r="FQ5" s="558"/>
      <c r="FR5" s="558"/>
      <c r="FS5" s="558"/>
      <c r="FT5" s="558"/>
      <c r="FU5" s="558"/>
      <c r="FV5" s="558"/>
      <c r="FW5" s="558"/>
      <c r="FX5" s="558"/>
      <c r="FY5" s="558"/>
      <c r="FZ5" s="558"/>
      <c r="GA5" s="558"/>
      <c r="GB5" s="558"/>
      <c r="GC5" s="558"/>
      <c r="GD5" s="558"/>
      <c r="GE5" s="558"/>
      <c r="GF5" s="558"/>
      <c r="GG5" s="558"/>
      <c r="GH5" s="558"/>
      <c r="GI5" s="558"/>
      <c r="GJ5" s="558"/>
      <c r="GK5" s="558"/>
      <c r="GL5" s="558"/>
      <c r="GM5" s="558"/>
      <c r="GN5" s="558"/>
      <c r="GO5" s="558"/>
      <c r="GP5" s="558"/>
      <c r="GQ5" s="558"/>
      <c r="GR5" s="558"/>
      <c r="GS5" s="558"/>
      <c r="GT5" s="558"/>
      <c r="GU5" s="558"/>
      <c r="GV5" s="558"/>
      <c r="GW5" s="558"/>
      <c r="GX5" s="558"/>
      <c r="GY5" s="558"/>
      <c r="GZ5" s="558"/>
      <c r="HA5" s="558"/>
      <c r="HB5" s="559"/>
      <c r="HC5" s="548" t="s">
        <v>68</v>
      </c>
      <c r="HD5" s="549"/>
      <c r="HE5" s="549"/>
      <c r="HF5" s="549"/>
      <c r="HG5" s="549"/>
      <c r="HH5" s="549"/>
      <c r="HI5" s="549"/>
      <c r="HJ5" s="549"/>
      <c r="HK5" s="549"/>
      <c r="HL5" s="549"/>
      <c r="HM5" s="550"/>
      <c r="HN5" s="548" t="s">
        <v>69</v>
      </c>
      <c r="HO5" s="549"/>
      <c r="HP5" s="549"/>
      <c r="HQ5" s="549"/>
      <c r="HR5" s="549"/>
      <c r="HS5" s="549"/>
      <c r="HT5" s="549"/>
      <c r="HU5" s="549"/>
      <c r="HV5" s="549"/>
      <c r="HW5" s="549"/>
      <c r="HX5" s="550"/>
      <c r="HY5" s="588"/>
      <c r="HZ5" s="589"/>
      <c r="IA5" s="589"/>
      <c r="IB5" s="589"/>
      <c r="IC5" s="589"/>
      <c r="ID5" s="589"/>
      <c r="IE5" s="589"/>
      <c r="IF5" s="589"/>
      <c r="IG5" s="589"/>
      <c r="IH5" s="589"/>
      <c r="II5" s="590"/>
      <c r="IJ5" s="528" t="s">
        <v>94</v>
      </c>
      <c r="IK5" s="432"/>
      <c r="IL5" s="432"/>
      <c r="IM5" s="432"/>
      <c r="IN5" s="432"/>
      <c r="IO5" s="432"/>
      <c r="IP5" s="432"/>
      <c r="IQ5" s="432"/>
      <c r="IR5" s="432"/>
      <c r="IS5" s="432"/>
      <c r="IT5" s="433"/>
      <c r="IU5" s="528" t="s">
        <v>88</v>
      </c>
      <c r="IV5" s="432"/>
      <c r="IW5" s="432"/>
      <c r="IX5" s="432"/>
      <c r="IY5" s="432"/>
      <c r="IZ5" s="432"/>
      <c r="JA5" s="432"/>
      <c r="JB5" s="432"/>
      <c r="JC5" s="432"/>
      <c r="JD5" s="432"/>
      <c r="JE5" s="433"/>
      <c r="JF5" s="591" t="s">
        <v>144</v>
      </c>
      <c r="JG5" s="592"/>
      <c r="JH5" s="592"/>
      <c r="JI5" s="592"/>
      <c r="JJ5" s="592"/>
      <c r="JK5" s="592"/>
      <c r="JL5" s="592"/>
      <c r="JM5" s="592"/>
      <c r="JN5" s="592"/>
      <c r="JO5" s="592"/>
      <c r="JP5" s="593"/>
      <c r="JQ5" s="528" t="s">
        <v>90</v>
      </c>
      <c r="JR5" s="432"/>
      <c r="JS5" s="432"/>
      <c r="JT5" s="432"/>
      <c r="JU5" s="432"/>
      <c r="JV5" s="432"/>
      <c r="JW5" s="432"/>
      <c r="JX5" s="432"/>
      <c r="JY5" s="432"/>
      <c r="JZ5" s="432"/>
      <c r="KA5" s="433"/>
      <c r="KB5" s="528" t="s">
        <v>89</v>
      </c>
      <c r="KC5" s="432"/>
      <c r="KD5" s="432"/>
      <c r="KE5" s="432"/>
      <c r="KF5" s="432"/>
      <c r="KG5" s="432"/>
      <c r="KH5" s="432"/>
      <c r="KI5" s="432"/>
      <c r="KJ5" s="432"/>
      <c r="KK5" s="432"/>
      <c r="KL5" s="433"/>
      <c r="KM5" s="528" t="s">
        <v>91</v>
      </c>
      <c r="KN5" s="432"/>
      <c r="KO5" s="432"/>
      <c r="KP5" s="432"/>
      <c r="KQ5" s="432"/>
      <c r="KR5" s="432"/>
      <c r="KS5" s="432"/>
      <c r="KT5" s="432"/>
      <c r="KU5" s="432"/>
      <c r="KV5" s="432"/>
      <c r="KW5" s="433"/>
      <c r="KX5" s="528" t="s">
        <v>92</v>
      </c>
      <c r="KY5" s="432"/>
      <c r="KZ5" s="432"/>
      <c r="LA5" s="432"/>
      <c r="LB5" s="432"/>
      <c r="LC5" s="432"/>
      <c r="LD5" s="432"/>
      <c r="LE5" s="432"/>
      <c r="LF5" s="432"/>
      <c r="LG5" s="432"/>
      <c r="LH5" s="433"/>
      <c r="LI5" s="597" t="s">
        <v>93</v>
      </c>
      <c r="LJ5" s="598"/>
      <c r="LK5" s="598"/>
      <c r="LL5" s="598"/>
      <c r="LM5" s="598"/>
      <c r="LN5" s="598"/>
      <c r="LO5" s="598"/>
      <c r="LP5" s="598"/>
      <c r="LQ5" s="598"/>
      <c r="LR5" s="598"/>
      <c r="LS5" s="599"/>
      <c r="LT5" s="600" t="s">
        <v>145</v>
      </c>
      <c r="LU5" s="601"/>
      <c r="LV5" s="601"/>
      <c r="LW5" s="601"/>
      <c r="LX5" s="601"/>
      <c r="LY5" s="601"/>
      <c r="LZ5" s="601"/>
      <c r="MA5" s="601"/>
      <c r="MB5" s="601"/>
      <c r="MC5" s="601"/>
      <c r="MD5" s="602"/>
      <c r="ME5" s="588"/>
      <c r="MF5" s="589"/>
      <c r="MG5" s="589"/>
      <c r="MH5" s="589"/>
      <c r="MI5" s="589"/>
      <c r="MJ5" s="589"/>
      <c r="MK5" s="589"/>
      <c r="ML5" s="589"/>
      <c r="MM5" s="589"/>
      <c r="MN5" s="589"/>
      <c r="MO5" s="590"/>
      <c r="MP5" s="528" t="s">
        <v>57</v>
      </c>
      <c r="MQ5" s="432"/>
      <c r="MR5" s="432"/>
      <c r="MS5" s="432"/>
      <c r="MT5" s="432"/>
      <c r="MU5" s="432"/>
      <c r="MV5" s="432"/>
      <c r="MW5" s="432"/>
      <c r="MX5" s="432"/>
      <c r="MY5" s="432"/>
      <c r="MZ5" s="433"/>
      <c r="NA5" s="528" t="s">
        <v>58</v>
      </c>
      <c r="NB5" s="432"/>
      <c r="NC5" s="432"/>
      <c r="ND5" s="432"/>
      <c r="NE5" s="432"/>
      <c r="NF5" s="432"/>
      <c r="NG5" s="432"/>
      <c r="NH5" s="432"/>
      <c r="NI5" s="432"/>
      <c r="NJ5" s="432"/>
      <c r="NK5" s="433"/>
      <c r="NL5" s="528" t="s">
        <v>59</v>
      </c>
      <c r="NM5" s="432"/>
      <c r="NN5" s="432"/>
      <c r="NO5" s="432"/>
      <c r="NP5" s="432"/>
      <c r="NQ5" s="432"/>
      <c r="NR5" s="432"/>
      <c r="NS5" s="432"/>
      <c r="NT5" s="432"/>
      <c r="NU5" s="432"/>
      <c r="NV5" s="433"/>
      <c r="NW5" s="578" t="s">
        <v>151</v>
      </c>
      <c r="NX5" s="579"/>
      <c r="NY5" s="579"/>
      <c r="NZ5" s="579"/>
      <c r="OA5" s="579"/>
      <c r="OB5" s="579"/>
      <c r="OC5" s="579"/>
      <c r="OD5" s="579"/>
      <c r="OE5" s="579"/>
      <c r="OF5" s="579"/>
      <c r="OG5" s="580"/>
      <c r="OH5" s="585"/>
      <c r="OI5" s="586"/>
      <c r="OJ5" s="586"/>
      <c r="OK5" s="586"/>
      <c r="OL5" s="586"/>
      <c r="OM5" s="586"/>
      <c r="ON5" s="586"/>
      <c r="OO5" s="586"/>
      <c r="OP5" s="586"/>
      <c r="OQ5" s="586"/>
      <c r="OR5" s="587"/>
    </row>
    <row r="6" spans="1:408" ht="18" customHeight="1" thickBot="1" x14ac:dyDescent="0.25">
      <c r="A6" s="552"/>
      <c r="B6" s="556"/>
      <c r="C6" s="556"/>
      <c r="D6" s="556"/>
      <c r="E6" s="556"/>
      <c r="F6" s="556"/>
      <c r="G6" s="556"/>
      <c r="H6" s="556"/>
      <c r="I6" s="556"/>
      <c r="J6" s="556"/>
      <c r="K6" s="556"/>
      <c r="L6" s="556"/>
      <c r="M6" s="529"/>
      <c r="N6" s="522"/>
      <c r="O6" s="522"/>
      <c r="P6" s="522"/>
      <c r="Q6" s="522"/>
      <c r="R6" s="522"/>
      <c r="S6" s="522"/>
      <c r="T6" s="522"/>
      <c r="U6" s="522"/>
      <c r="V6" s="522"/>
      <c r="W6" s="530"/>
      <c r="X6" s="531" t="s">
        <v>70</v>
      </c>
      <c r="Y6" s="532"/>
      <c r="Z6" s="532"/>
      <c r="AA6" s="532"/>
      <c r="AB6" s="532"/>
      <c r="AC6" s="532"/>
      <c r="AD6" s="532"/>
      <c r="AE6" s="532"/>
      <c r="AF6" s="532"/>
      <c r="AG6" s="532"/>
      <c r="AH6" s="533"/>
      <c r="AI6" s="548" t="s">
        <v>71</v>
      </c>
      <c r="AJ6" s="549"/>
      <c r="AK6" s="549"/>
      <c r="AL6" s="549"/>
      <c r="AM6" s="549"/>
      <c r="AN6" s="549"/>
      <c r="AO6" s="549"/>
      <c r="AP6" s="549"/>
      <c r="AQ6" s="549"/>
      <c r="AR6" s="549"/>
      <c r="AS6" s="550"/>
      <c r="AT6" s="544" t="s">
        <v>72</v>
      </c>
      <c r="AU6" s="545"/>
      <c r="AV6" s="545"/>
      <c r="AW6" s="545"/>
      <c r="AX6" s="545"/>
      <c r="AY6" s="545"/>
      <c r="AZ6" s="545"/>
      <c r="BA6" s="545"/>
      <c r="BB6" s="545"/>
      <c r="BC6" s="545"/>
      <c r="BD6" s="546"/>
      <c r="BE6" s="544" t="s">
        <v>73</v>
      </c>
      <c r="BF6" s="545"/>
      <c r="BG6" s="545"/>
      <c r="BH6" s="545"/>
      <c r="BI6" s="545"/>
      <c r="BJ6" s="545"/>
      <c r="BK6" s="545"/>
      <c r="BL6" s="545"/>
      <c r="BM6" s="545"/>
      <c r="BN6" s="545"/>
      <c r="BO6" s="546"/>
      <c r="BP6" s="544" t="s">
        <v>74</v>
      </c>
      <c r="BQ6" s="545"/>
      <c r="BR6" s="545"/>
      <c r="BS6" s="545"/>
      <c r="BT6" s="545"/>
      <c r="BU6" s="545"/>
      <c r="BV6" s="545"/>
      <c r="BW6" s="545"/>
      <c r="BX6" s="545"/>
      <c r="BY6" s="545"/>
      <c r="BZ6" s="546"/>
      <c r="CA6" s="541"/>
      <c r="CB6" s="542"/>
      <c r="CC6" s="542"/>
      <c r="CD6" s="542"/>
      <c r="CE6" s="542"/>
      <c r="CF6" s="542"/>
      <c r="CG6" s="542"/>
      <c r="CH6" s="542"/>
      <c r="CI6" s="542"/>
      <c r="CJ6" s="542"/>
      <c r="CK6" s="543"/>
      <c r="CL6" s="544" t="s">
        <v>75</v>
      </c>
      <c r="CM6" s="545"/>
      <c r="CN6" s="545"/>
      <c r="CO6" s="545"/>
      <c r="CP6" s="545"/>
      <c r="CQ6" s="545"/>
      <c r="CR6" s="545"/>
      <c r="CS6" s="545"/>
      <c r="CT6" s="545"/>
      <c r="CU6" s="545"/>
      <c r="CV6" s="546"/>
      <c r="CW6" s="544" t="s">
        <v>76</v>
      </c>
      <c r="CX6" s="545"/>
      <c r="CY6" s="545"/>
      <c r="CZ6" s="545"/>
      <c r="DA6" s="545"/>
      <c r="DB6" s="545"/>
      <c r="DC6" s="545"/>
      <c r="DD6" s="545"/>
      <c r="DE6" s="545"/>
      <c r="DF6" s="545"/>
      <c r="DG6" s="546"/>
      <c r="DH6" s="541"/>
      <c r="DI6" s="542"/>
      <c r="DJ6" s="542"/>
      <c r="DK6" s="542"/>
      <c r="DL6" s="542"/>
      <c r="DM6" s="542"/>
      <c r="DN6" s="542"/>
      <c r="DO6" s="542"/>
      <c r="DP6" s="542"/>
      <c r="DQ6" s="542"/>
      <c r="DR6" s="542"/>
      <c r="DS6" s="544" t="s">
        <v>77</v>
      </c>
      <c r="DT6" s="545"/>
      <c r="DU6" s="545"/>
      <c r="DV6" s="545"/>
      <c r="DW6" s="545"/>
      <c r="DX6" s="545"/>
      <c r="DY6" s="545"/>
      <c r="DZ6" s="545"/>
      <c r="EA6" s="545"/>
      <c r="EB6" s="545"/>
      <c r="EC6" s="546"/>
      <c r="ED6" s="544" t="s">
        <v>78</v>
      </c>
      <c r="EE6" s="545"/>
      <c r="EF6" s="545"/>
      <c r="EG6" s="545"/>
      <c r="EH6" s="545"/>
      <c r="EI6" s="545"/>
      <c r="EJ6" s="545"/>
      <c r="EK6" s="545"/>
      <c r="EL6" s="545"/>
      <c r="EM6" s="545"/>
      <c r="EN6" s="546"/>
      <c r="EO6" s="544" t="s">
        <v>79</v>
      </c>
      <c r="EP6" s="545"/>
      <c r="EQ6" s="545"/>
      <c r="ER6" s="545"/>
      <c r="ES6" s="545"/>
      <c r="ET6" s="545"/>
      <c r="EU6" s="545"/>
      <c r="EV6" s="545"/>
      <c r="EW6" s="545"/>
      <c r="EX6" s="545"/>
      <c r="EY6" s="546"/>
      <c r="EZ6" s="547" t="s">
        <v>152</v>
      </c>
      <c r="FA6" s="545"/>
      <c r="FB6" s="545"/>
      <c r="FC6" s="545"/>
      <c r="FD6" s="545"/>
      <c r="FE6" s="545"/>
      <c r="FF6" s="545"/>
      <c r="FG6" s="545"/>
      <c r="FH6" s="545"/>
      <c r="FI6" s="545"/>
      <c r="FJ6" s="546"/>
      <c r="FK6" s="541"/>
      <c r="FL6" s="542"/>
      <c r="FM6" s="542"/>
      <c r="FN6" s="542"/>
      <c r="FO6" s="542"/>
      <c r="FP6" s="542"/>
      <c r="FQ6" s="542"/>
      <c r="FR6" s="542"/>
      <c r="FS6" s="542"/>
      <c r="FT6" s="542"/>
      <c r="FU6" s="542"/>
      <c r="FV6" s="544" t="s">
        <v>80</v>
      </c>
      <c r="FW6" s="545"/>
      <c r="FX6" s="545"/>
      <c r="FY6" s="545"/>
      <c r="FZ6" s="545"/>
      <c r="GA6" s="545"/>
      <c r="GB6" s="545"/>
      <c r="GC6" s="545"/>
      <c r="GD6" s="545"/>
      <c r="GE6" s="545"/>
      <c r="GF6" s="546"/>
      <c r="GG6" s="531" t="s">
        <v>81</v>
      </c>
      <c r="GH6" s="532"/>
      <c r="GI6" s="532"/>
      <c r="GJ6" s="532"/>
      <c r="GK6" s="532"/>
      <c r="GL6" s="532"/>
      <c r="GM6" s="532"/>
      <c r="GN6" s="532"/>
      <c r="GO6" s="532"/>
      <c r="GP6" s="532"/>
      <c r="GQ6" s="533"/>
      <c r="GR6" s="531" t="s">
        <v>82</v>
      </c>
      <c r="GS6" s="532"/>
      <c r="GT6" s="532"/>
      <c r="GU6" s="532"/>
      <c r="GV6" s="532"/>
      <c r="GW6" s="532"/>
      <c r="GX6" s="532"/>
      <c r="GY6" s="532"/>
      <c r="GZ6" s="532"/>
      <c r="HA6" s="532"/>
      <c r="HB6" s="533"/>
      <c r="HC6" s="560"/>
      <c r="HD6" s="561"/>
      <c r="HE6" s="561"/>
      <c r="HF6" s="561"/>
      <c r="HG6" s="561"/>
      <c r="HH6" s="561"/>
      <c r="HI6" s="561"/>
      <c r="HJ6" s="561"/>
      <c r="HK6" s="561"/>
      <c r="HL6" s="561"/>
      <c r="HM6" s="562"/>
      <c r="HN6" s="560"/>
      <c r="HO6" s="561"/>
      <c r="HP6" s="561"/>
      <c r="HQ6" s="561"/>
      <c r="HR6" s="561"/>
      <c r="HS6" s="561"/>
      <c r="HT6" s="561"/>
      <c r="HU6" s="561"/>
      <c r="HV6" s="561"/>
      <c r="HW6" s="561"/>
      <c r="HX6" s="562"/>
      <c r="HY6" s="541"/>
      <c r="HZ6" s="542"/>
      <c r="IA6" s="542"/>
      <c r="IB6" s="542"/>
      <c r="IC6" s="542"/>
      <c r="ID6" s="542"/>
      <c r="IE6" s="542"/>
      <c r="IF6" s="542"/>
      <c r="IG6" s="542"/>
      <c r="IH6" s="542"/>
      <c r="II6" s="543"/>
      <c r="IJ6" s="529"/>
      <c r="IK6" s="522"/>
      <c r="IL6" s="522"/>
      <c r="IM6" s="522"/>
      <c r="IN6" s="522"/>
      <c r="IO6" s="522"/>
      <c r="IP6" s="522"/>
      <c r="IQ6" s="522"/>
      <c r="IR6" s="522"/>
      <c r="IS6" s="522"/>
      <c r="IT6" s="530"/>
      <c r="IU6" s="529"/>
      <c r="IV6" s="522"/>
      <c r="IW6" s="522"/>
      <c r="IX6" s="522"/>
      <c r="IY6" s="522"/>
      <c r="IZ6" s="522"/>
      <c r="JA6" s="522"/>
      <c r="JB6" s="522"/>
      <c r="JC6" s="522"/>
      <c r="JD6" s="522"/>
      <c r="JE6" s="530"/>
      <c r="JF6" s="594"/>
      <c r="JG6" s="595"/>
      <c r="JH6" s="595"/>
      <c r="JI6" s="595"/>
      <c r="JJ6" s="595"/>
      <c r="JK6" s="595"/>
      <c r="JL6" s="595"/>
      <c r="JM6" s="595"/>
      <c r="JN6" s="595"/>
      <c r="JO6" s="595"/>
      <c r="JP6" s="596"/>
      <c r="JQ6" s="529"/>
      <c r="JR6" s="522"/>
      <c r="JS6" s="522"/>
      <c r="JT6" s="522"/>
      <c r="JU6" s="522"/>
      <c r="JV6" s="522"/>
      <c r="JW6" s="522"/>
      <c r="JX6" s="522"/>
      <c r="JY6" s="522"/>
      <c r="JZ6" s="522"/>
      <c r="KA6" s="530"/>
      <c r="KB6" s="529"/>
      <c r="KC6" s="522"/>
      <c r="KD6" s="522"/>
      <c r="KE6" s="522"/>
      <c r="KF6" s="522"/>
      <c r="KG6" s="522"/>
      <c r="KH6" s="522"/>
      <c r="KI6" s="522"/>
      <c r="KJ6" s="522"/>
      <c r="KK6" s="522"/>
      <c r="KL6" s="530"/>
      <c r="KM6" s="529"/>
      <c r="KN6" s="522"/>
      <c r="KO6" s="522"/>
      <c r="KP6" s="522"/>
      <c r="KQ6" s="522"/>
      <c r="KR6" s="522"/>
      <c r="KS6" s="522"/>
      <c r="KT6" s="522"/>
      <c r="KU6" s="522"/>
      <c r="KV6" s="522"/>
      <c r="KW6" s="530"/>
      <c r="KX6" s="529"/>
      <c r="KY6" s="522"/>
      <c r="KZ6" s="522"/>
      <c r="LA6" s="522"/>
      <c r="LB6" s="522"/>
      <c r="LC6" s="522"/>
      <c r="LD6" s="522"/>
      <c r="LE6" s="522"/>
      <c r="LF6" s="522"/>
      <c r="LG6" s="522"/>
      <c r="LH6" s="530"/>
      <c r="LI6" s="541"/>
      <c r="LJ6" s="542"/>
      <c r="LK6" s="542"/>
      <c r="LL6" s="542"/>
      <c r="LM6" s="542"/>
      <c r="LN6" s="542"/>
      <c r="LO6" s="542"/>
      <c r="LP6" s="542"/>
      <c r="LQ6" s="542"/>
      <c r="LR6" s="542"/>
      <c r="LS6" s="543"/>
      <c r="LT6" s="603"/>
      <c r="LU6" s="604"/>
      <c r="LV6" s="604"/>
      <c r="LW6" s="604"/>
      <c r="LX6" s="604"/>
      <c r="LY6" s="604"/>
      <c r="LZ6" s="604"/>
      <c r="MA6" s="604"/>
      <c r="MB6" s="604"/>
      <c r="MC6" s="604"/>
      <c r="MD6" s="605"/>
      <c r="ME6" s="541"/>
      <c r="MF6" s="542"/>
      <c r="MG6" s="542"/>
      <c r="MH6" s="542"/>
      <c r="MI6" s="542"/>
      <c r="MJ6" s="542"/>
      <c r="MK6" s="542"/>
      <c r="ML6" s="542"/>
      <c r="MM6" s="542"/>
      <c r="MN6" s="542"/>
      <c r="MO6" s="543"/>
      <c r="MP6" s="529"/>
      <c r="MQ6" s="522"/>
      <c r="MR6" s="522"/>
      <c r="MS6" s="522"/>
      <c r="MT6" s="522"/>
      <c r="MU6" s="522"/>
      <c r="MV6" s="522"/>
      <c r="MW6" s="522"/>
      <c r="MX6" s="522"/>
      <c r="MY6" s="522"/>
      <c r="MZ6" s="530"/>
      <c r="NA6" s="529"/>
      <c r="NB6" s="522"/>
      <c r="NC6" s="522"/>
      <c r="ND6" s="522"/>
      <c r="NE6" s="522"/>
      <c r="NF6" s="522"/>
      <c r="NG6" s="522"/>
      <c r="NH6" s="522"/>
      <c r="NI6" s="522"/>
      <c r="NJ6" s="522"/>
      <c r="NK6" s="530"/>
      <c r="NL6" s="529"/>
      <c r="NM6" s="522"/>
      <c r="NN6" s="522"/>
      <c r="NO6" s="522"/>
      <c r="NP6" s="522"/>
      <c r="NQ6" s="522"/>
      <c r="NR6" s="522"/>
      <c r="NS6" s="522"/>
      <c r="NT6" s="522"/>
      <c r="NU6" s="522"/>
      <c r="NV6" s="530"/>
      <c r="NW6" s="581"/>
      <c r="NX6" s="582"/>
      <c r="NY6" s="582"/>
      <c r="NZ6" s="582"/>
      <c r="OA6" s="582"/>
      <c r="OB6" s="582"/>
      <c r="OC6" s="582"/>
      <c r="OD6" s="582"/>
      <c r="OE6" s="582"/>
      <c r="OF6" s="582"/>
      <c r="OG6" s="583"/>
      <c r="OH6" s="529"/>
      <c r="OI6" s="522"/>
      <c r="OJ6" s="522"/>
      <c r="OK6" s="522"/>
      <c r="OL6" s="522"/>
      <c r="OM6" s="522"/>
      <c r="ON6" s="522"/>
      <c r="OO6" s="522"/>
      <c r="OP6" s="522"/>
      <c r="OQ6" s="522"/>
      <c r="OR6" s="530"/>
    </row>
    <row r="7" spans="1:408" ht="18" customHeight="1" x14ac:dyDescent="0.2">
      <c r="A7" s="552"/>
      <c r="B7" s="514" t="s">
        <v>61</v>
      </c>
      <c r="C7" s="514"/>
      <c r="D7" s="514"/>
      <c r="E7" s="513" t="s">
        <v>62</v>
      </c>
      <c r="F7" s="514"/>
      <c r="G7" s="514"/>
      <c r="H7" s="514"/>
      <c r="I7" s="514"/>
      <c r="J7" s="514"/>
      <c r="K7" s="514"/>
      <c r="L7" s="513" t="s">
        <v>52</v>
      </c>
      <c r="M7" s="566" t="s">
        <v>61</v>
      </c>
      <c r="N7" s="514"/>
      <c r="O7" s="514"/>
      <c r="P7" s="513" t="s">
        <v>62</v>
      </c>
      <c r="Q7" s="514"/>
      <c r="R7" s="514"/>
      <c r="S7" s="514"/>
      <c r="T7" s="514"/>
      <c r="U7" s="514"/>
      <c r="V7" s="515"/>
      <c r="W7" s="563" t="s">
        <v>52</v>
      </c>
      <c r="X7" s="529" t="s">
        <v>61</v>
      </c>
      <c r="Y7" s="522"/>
      <c r="Z7" s="523"/>
      <c r="AA7" s="521" t="s">
        <v>62</v>
      </c>
      <c r="AB7" s="522"/>
      <c r="AC7" s="522"/>
      <c r="AD7" s="522"/>
      <c r="AE7" s="522"/>
      <c r="AF7" s="522"/>
      <c r="AG7" s="523"/>
      <c r="AH7" s="530" t="s">
        <v>52</v>
      </c>
      <c r="AI7" s="510" t="s">
        <v>61</v>
      </c>
      <c r="AJ7" s="511"/>
      <c r="AK7" s="512"/>
      <c r="AL7" s="569" t="s">
        <v>62</v>
      </c>
      <c r="AM7" s="511"/>
      <c r="AN7" s="511"/>
      <c r="AO7" s="511"/>
      <c r="AP7" s="511"/>
      <c r="AQ7" s="511"/>
      <c r="AR7" s="570"/>
      <c r="AS7" s="571" t="s">
        <v>52</v>
      </c>
      <c r="AT7" s="518" t="s">
        <v>61</v>
      </c>
      <c r="AU7" s="519"/>
      <c r="AV7" s="520"/>
      <c r="AW7" s="567" t="s">
        <v>62</v>
      </c>
      <c r="AX7" s="519"/>
      <c r="AY7" s="519"/>
      <c r="AZ7" s="519"/>
      <c r="BA7" s="519"/>
      <c r="BB7" s="519"/>
      <c r="BC7" s="568"/>
      <c r="BD7" s="530" t="s">
        <v>52</v>
      </c>
      <c r="BE7" s="518" t="s">
        <v>61</v>
      </c>
      <c r="BF7" s="519"/>
      <c r="BG7" s="520"/>
      <c r="BH7" s="567" t="s">
        <v>62</v>
      </c>
      <c r="BI7" s="519"/>
      <c r="BJ7" s="519"/>
      <c r="BK7" s="519"/>
      <c r="BL7" s="519"/>
      <c r="BM7" s="519"/>
      <c r="BN7" s="568"/>
      <c r="BO7" s="530" t="s">
        <v>52</v>
      </c>
      <c r="BP7" s="518" t="s">
        <v>61</v>
      </c>
      <c r="BQ7" s="519"/>
      <c r="BR7" s="520"/>
      <c r="BS7" s="567" t="s">
        <v>62</v>
      </c>
      <c r="BT7" s="519"/>
      <c r="BU7" s="519"/>
      <c r="BV7" s="519"/>
      <c r="BW7" s="519"/>
      <c r="BX7" s="519"/>
      <c r="BY7" s="568"/>
      <c r="BZ7" s="530" t="s">
        <v>52</v>
      </c>
      <c r="CA7" s="510" t="s">
        <v>61</v>
      </c>
      <c r="CB7" s="511"/>
      <c r="CC7" s="512"/>
      <c r="CD7" s="569" t="s">
        <v>62</v>
      </c>
      <c r="CE7" s="511"/>
      <c r="CF7" s="511"/>
      <c r="CG7" s="511"/>
      <c r="CH7" s="511"/>
      <c r="CI7" s="511"/>
      <c r="CJ7" s="570"/>
      <c r="CK7" s="563" t="s">
        <v>52</v>
      </c>
      <c r="CL7" s="518" t="s">
        <v>61</v>
      </c>
      <c r="CM7" s="519"/>
      <c r="CN7" s="568"/>
      <c r="CO7" s="567" t="s">
        <v>62</v>
      </c>
      <c r="CP7" s="519"/>
      <c r="CQ7" s="519"/>
      <c r="CR7" s="519"/>
      <c r="CS7" s="519"/>
      <c r="CT7" s="519"/>
      <c r="CU7" s="568"/>
      <c r="CV7" s="576" t="s">
        <v>52</v>
      </c>
      <c r="CW7" s="518" t="s">
        <v>61</v>
      </c>
      <c r="CX7" s="519"/>
      <c r="CY7" s="568"/>
      <c r="CZ7" s="567" t="s">
        <v>62</v>
      </c>
      <c r="DA7" s="519"/>
      <c r="DB7" s="519"/>
      <c r="DC7" s="519"/>
      <c r="DD7" s="519"/>
      <c r="DE7" s="519"/>
      <c r="DF7" s="568"/>
      <c r="DG7" s="576" t="s">
        <v>52</v>
      </c>
      <c r="DH7" s="510" t="s">
        <v>61</v>
      </c>
      <c r="DI7" s="511"/>
      <c r="DJ7" s="570"/>
      <c r="DK7" s="569" t="s">
        <v>62</v>
      </c>
      <c r="DL7" s="511"/>
      <c r="DM7" s="511"/>
      <c r="DN7" s="511"/>
      <c r="DO7" s="511"/>
      <c r="DP7" s="511"/>
      <c r="DQ7" s="570"/>
      <c r="DR7" s="563" t="s">
        <v>52</v>
      </c>
      <c r="DS7" s="518" t="s">
        <v>61</v>
      </c>
      <c r="DT7" s="519"/>
      <c r="DU7" s="520"/>
      <c r="DV7" s="567" t="s">
        <v>62</v>
      </c>
      <c r="DW7" s="519"/>
      <c r="DX7" s="519"/>
      <c r="DY7" s="519"/>
      <c r="DZ7" s="519"/>
      <c r="EA7" s="519"/>
      <c r="EB7" s="568"/>
      <c r="EC7" s="530" t="s">
        <v>52</v>
      </c>
      <c r="ED7" s="518" t="s">
        <v>61</v>
      </c>
      <c r="EE7" s="519"/>
      <c r="EF7" s="520"/>
      <c r="EG7" s="567" t="s">
        <v>62</v>
      </c>
      <c r="EH7" s="519"/>
      <c r="EI7" s="519"/>
      <c r="EJ7" s="519"/>
      <c r="EK7" s="519"/>
      <c r="EL7" s="519"/>
      <c r="EM7" s="568"/>
      <c r="EN7" s="530" t="s">
        <v>52</v>
      </c>
      <c r="EO7" s="518" t="s">
        <v>61</v>
      </c>
      <c r="EP7" s="519"/>
      <c r="EQ7" s="520"/>
      <c r="ER7" s="567" t="s">
        <v>62</v>
      </c>
      <c r="ES7" s="519"/>
      <c r="ET7" s="519"/>
      <c r="EU7" s="519"/>
      <c r="EV7" s="519"/>
      <c r="EW7" s="519"/>
      <c r="EX7" s="568"/>
      <c r="EY7" s="530" t="s">
        <v>52</v>
      </c>
      <c r="EZ7" s="518" t="s">
        <v>61</v>
      </c>
      <c r="FA7" s="519"/>
      <c r="FB7" s="520"/>
      <c r="FC7" s="567" t="s">
        <v>62</v>
      </c>
      <c r="FD7" s="519"/>
      <c r="FE7" s="519"/>
      <c r="FF7" s="519"/>
      <c r="FG7" s="519"/>
      <c r="FH7" s="519"/>
      <c r="FI7" s="568"/>
      <c r="FJ7" s="530" t="s">
        <v>52</v>
      </c>
      <c r="FK7" s="510" t="s">
        <v>61</v>
      </c>
      <c r="FL7" s="511"/>
      <c r="FM7" s="512"/>
      <c r="FN7" s="569" t="s">
        <v>62</v>
      </c>
      <c r="FO7" s="511"/>
      <c r="FP7" s="511"/>
      <c r="FQ7" s="511"/>
      <c r="FR7" s="511"/>
      <c r="FS7" s="511"/>
      <c r="FT7" s="570"/>
      <c r="FU7" s="514" t="s">
        <v>52</v>
      </c>
      <c r="FV7" s="518" t="s">
        <v>61</v>
      </c>
      <c r="FW7" s="519"/>
      <c r="FX7" s="520"/>
      <c r="FY7" s="567" t="s">
        <v>62</v>
      </c>
      <c r="FZ7" s="519"/>
      <c r="GA7" s="519"/>
      <c r="GB7" s="519"/>
      <c r="GC7" s="519"/>
      <c r="GD7" s="519"/>
      <c r="GE7" s="568"/>
      <c r="GF7" s="530" t="s">
        <v>52</v>
      </c>
      <c r="GG7" s="529" t="s">
        <v>61</v>
      </c>
      <c r="GH7" s="522"/>
      <c r="GI7" s="522"/>
      <c r="GJ7" s="521" t="s">
        <v>62</v>
      </c>
      <c r="GK7" s="522"/>
      <c r="GL7" s="522"/>
      <c r="GM7" s="522"/>
      <c r="GN7" s="522"/>
      <c r="GO7" s="522"/>
      <c r="GP7" s="523"/>
      <c r="GQ7" s="572" t="s">
        <v>52</v>
      </c>
      <c r="GR7" s="529" t="s">
        <v>61</v>
      </c>
      <c r="GS7" s="522"/>
      <c r="GT7" s="523"/>
      <c r="GU7" s="521" t="s">
        <v>62</v>
      </c>
      <c r="GV7" s="522"/>
      <c r="GW7" s="522"/>
      <c r="GX7" s="522"/>
      <c r="GY7" s="522"/>
      <c r="GZ7" s="522"/>
      <c r="HA7" s="523"/>
      <c r="HB7" s="572" t="s">
        <v>52</v>
      </c>
      <c r="HC7" s="518" t="s">
        <v>61</v>
      </c>
      <c r="HD7" s="519"/>
      <c r="HE7" s="520"/>
      <c r="HF7" s="567" t="s">
        <v>62</v>
      </c>
      <c r="HG7" s="519"/>
      <c r="HH7" s="519"/>
      <c r="HI7" s="519"/>
      <c r="HJ7" s="519"/>
      <c r="HK7" s="519"/>
      <c r="HL7" s="568"/>
      <c r="HM7" s="530" t="s">
        <v>52</v>
      </c>
      <c r="HN7" s="518" t="s">
        <v>61</v>
      </c>
      <c r="HO7" s="519"/>
      <c r="HP7" s="520"/>
      <c r="HQ7" s="567" t="s">
        <v>62</v>
      </c>
      <c r="HR7" s="519"/>
      <c r="HS7" s="519"/>
      <c r="HT7" s="519"/>
      <c r="HU7" s="519"/>
      <c r="HV7" s="519"/>
      <c r="HW7" s="568"/>
      <c r="HX7" s="530" t="s">
        <v>52</v>
      </c>
      <c r="HY7" s="510" t="s">
        <v>61</v>
      </c>
      <c r="HZ7" s="511"/>
      <c r="IA7" s="512"/>
      <c r="IB7" s="569" t="s">
        <v>62</v>
      </c>
      <c r="IC7" s="511"/>
      <c r="ID7" s="511"/>
      <c r="IE7" s="511"/>
      <c r="IF7" s="511"/>
      <c r="IG7" s="511"/>
      <c r="IH7" s="570"/>
      <c r="II7" s="514" t="s">
        <v>52</v>
      </c>
      <c r="IJ7" s="518" t="s">
        <v>61</v>
      </c>
      <c r="IK7" s="519"/>
      <c r="IL7" s="520"/>
      <c r="IM7" s="567" t="s">
        <v>62</v>
      </c>
      <c r="IN7" s="519"/>
      <c r="IO7" s="519"/>
      <c r="IP7" s="519"/>
      <c r="IQ7" s="519"/>
      <c r="IR7" s="519"/>
      <c r="IS7" s="568"/>
      <c r="IT7" s="530" t="s">
        <v>52</v>
      </c>
      <c r="IU7" s="518" t="s">
        <v>61</v>
      </c>
      <c r="IV7" s="519"/>
      <c r="IW7" s="568"/>
      <c r="IX7" s="567" t="s">
        <v>62</v>
      </c>
      <c r="IY7" s="519"/>
      <c r="IZ7" s="519"/>
      <c r="JA7" s="519"/>
      <c r="JB7" s="519"/>
      <c r="JC7" s="519"/>
      <c r="JD7" s="568"/>
      <c r="JE7" s="530" t="s">
        <v>52</v>
      </c>
      <c r="JF7" s="518" t="s">
        <v>61</v>
      </c>
      <c r="JG7" s="519"/>
      <c r="JH7" s="520"/>
      <c r="JI7" s="567" t="s">
        <v>62</v>
      </c>
      <c r="JJ7" s="519"/>
      <c r="JK7" s="519"/>
      <c r="JL7" s="519"/>
      <c r="JM7" s="519"/>
      <c r="JN7" s="519"/>
      <c r="JO7" s="568"/>
      <c r="JP7" s="576" t="s">
        <v>52</v>
      </c>
      <c r="JQ7" s="518" t="s">
        <v>61</v>
      </c>
      <c r="JR7" s="519"/>
      <c r="JS7" s="520"/>
      <c r="JT7" s="567" t="s">
        <v>62</v>
      </c>
      <c r="JU7" s="519"/>
      <c r="JV7" s="519"/>
      <c r="JW7" s="519"/>
      <c r="JX7" s="519"/>
      <c r="JY7" s="519"/>
      <c r="JZ7" s="568"/>
      <c r="KA7" s="576" t="s">
        <v>52</v>
      </c>
      <c r="KB7" s="518" t="s">
        <v>61</v>
      </c>
      <c r="KC7" s="519"/>
      <c r="KD7" s="520"/>
      <c r="KE7" s="567" t="s">
        <v>62</v>
      </c>
      <c r="KF7" s="519"/>
      <c r="KG7" s="519"/>
      <c r="KH7" s="519"/>
      <c r="KI7" s="519"/>
      <c r="KJ7" s="519"/>
      <c r="KK7" s="568"/>
      <c r="KL7" s="576" t="s">
        <v>52</v>
      </c>
      <c r="KM7" s="518" t="s">
        <v>61</v>
      </c>
      <c r="KN7" s="519"/>
      <c r="KO7" s="520"/>
      <c r="KP7" s="567" t="s">
        <v>62</v>
      </c>
      <c r="KQ7" s="519"/>
      <c r="KR7" s="519"/>
      <c r="KS7" s="519"/>
      <c r="KT7" s="519"/>
      <c r="KU7" s="519"/>
      <c r="KV7" s="568"/>
      <c r="KW7" s="576" t="s">
        <v>52</v>
      </c>
      <c r="KX7" s="518" t="s">
        <v>61</v>
      </c>
      <c r="KY7" s="519"/>
      <c r="KZ7" s="520"/>
      <c r="LA7" s="567" t="s">
        <v>62</v>
      </c>
      <c r="LB7" s="519"/>
      <c r="LC7" s="519"/>
      <c r="LD7" s="519"/>
      <c r="LE7" s="519"/>
      <c r="LF7" s="519"/>
      <c r="LG7" s="568"/>
      <c r="LH7" s="576" t="s">
        <v>52</v>
      </c>
      <c r="LI7" s="518" t="s">
        <v>61</v>
      </c>
      <c r="LJ7" s="519"/>
      <c r="LK7" s="520"/>
      <c r="LL7" s="567" t="s">
        <v>62</v>
      </c>
      <c r="LM7" s="519"/>
      <c r="LN7" s="519"/>
      <c r="LO7" s="519"/>
      <c r="LP7" s="519"/>
      <c r="LQ7" s="519"/>
      <c r="LR7" s="568"/>
      <c r="LS7" s="576" t="s">
        <v>52</v>
      </c>
      <c r="LT7" s="518" t="s">
        <v>61</v>
      </c>
      <c r="LU7" s="519"/>
      <c r="LV7" s="520"/>
      <c r="LW7" s="567" t="s">
        <v>62</v>
      </c>
      <c r="LX7" s="519"/>
      <c r="LY7" s="519"/>
      <c r="LZ7" s="519"/>
      <c r="MA7" s="519"/>
      <c r="MB7" s="519"/>
      <c r="MC7" s="568"/>
      <c r="MD7" s="576" t="s">
        <v>52</v>
      </c>
      <c r="ME7" s="510" t="s">
        <v>61</v>
      </c>
      <c r="MF7" s="511"/>
      <c r="MG7" s="512"/>
      <c r="MH7" s="569" t="s">
        <v>62</v>
      </c>
      <c r="MI7" s="511"/>
      <c r="MJ7" s="511"/>
      <c r="MK7" s="511"/>
      <c r="ML7" s="511"/>
      <c r="MM7" s="511"/>
      <c r="MN7" s="570"/>
      <c r="MO7" s="563" t="s">
        <v>52</v>
      </c>
      <c r="MP7" s="518" t="s">
        <v>61</v>
      </c>
      <c r="MQ7" s="519"/>
      <c r="MR7" s="520"/>
      <c r="MS7" s="567" t="s">
        <v>62</v>
      </c>
      <c r="MT7" s="519"/>
      <c r="MU7" s="519"/>
      <c r="MV7" s="519"/>
      <c r="MW7" s="519"/>
      <c r="MX7" s="519"/>
      <c r="MY7" s="568"/>
      <c r="MZ7" s="576" t="s">
        <v>52</v>
      </c>
      <c r="NA7" s="518" t="s">
        <v>61</v>
      </c>
      <c r="NB7" s="519"/>
      <c r="NC7" s="520"/>
      <c r="ND7" s="567" t="s">
        <v>62</v>
      </c>
      <c r="NE7" s="519"/>
      <c r="NF7" s="519"/>
      <c r="NG7" s="519"/>
      <c r="NH7" s="519"/>
      <c r="NI7" s="519"/>
      <c r="NJ7" s="568"/>
      <c r="NK7" s="576" t="s">
        <v>52</v>
      </c>
      <c r="NL7" s="518" t="s">
        <v>61</v>
      </c>
      <c r="NM7" s="519"/>
      <c r="NN7" s="520"/>
      <c r="NO7" s="567" t="s">
        <v>62</v>
      </c>
      <c r="NP7" s="519"/>
      <c r="NQ7" s="519"/>
      <c r="NR7" s="519"/>
      <c r="NS7" s="519"/>
      <c r="NT7" s="519"/>
      <c r="NU7" s="568"/>
      <c r="NV7" s="576" t="s">
        <v>52</v>
      </c>
      <c r="NW7" s="518" t="s">
        <v>61</v>
      </c>
      <c r="NX7" s="519"/>
      <c r="NY7" s="520"/>
      <c r="NZ7" s="567" t="s">
        <v>62</v>
      </c>
      <c r="OA7" s="519"/>
      <c r="OB7" s="519"/>
      <c r="OC7" s="519"/>
      <c r="OD7" s="519"/>
      <c r="OE7" s="519"/>
      <c r="OF7" s="568"/>
      <c r="OG7" s="576" t="s">
        <v>52</v>
      </c>
      <c r="OH7" s="510" t="s">
        <v>61</v>
      </c>
      <c r="OI7" s="511"/>
      <c r="OJ7" s="512"/>
      <c r="OK7" s="569" t="s">
        <v>62</v>
      </c>
      <c r="OL7" s="511"/>
      <c r="OM7" s="511"/>
      <c r="ON7" s="511"/>
      <c r="OO7" s="511"/>
      <c r="OP7" s="511"/>
      <c r="OQ7" s="570"/>
      <c r="OR7" s="563" t="s">
        <v>52</v>
      </c>
    </row>
    <row r="8" spans="1:408" ht="28.5" customHeight="1" thickBot="1" x14ac:dyDescent="0.25">
      <c r="A8" s="553"/>
      <c r="B8" s="66" t="s">
        <v>43</v>
      </c>
      <c r="C8" s="16" t="s">
        <v>44</v>
      </c>
      <c r="D8" s="41" t="s">
        <v>45</v>
      </c>
      <c r="E8" s="42" t="s">
        <v>83</v>
      </c>
      <c r="F8" s="16" t="s">
        <v>47</v>
      </c>
      <c r="G8" s="16" t="s">
        <v>48</v>
      </c>
      <c r="H8" s="16" t="s">
        <v>49</v>
      </c>
      <c r="I8" s="16" t="s">
        <v>50</v>
      </c>
      <c r="J8" s="16" t="s">
        <v>51</v>
      </c>
      <c r="K8" s="17" t="s">
        <v>45</v>
      </c>
      <c r="L8" s="565"/>
      <c r="M8" s="40" t="s">
        <v>43</v>
      </c>
      <c r="N8" s="16" t="s">
        <v>44</v>
      </c>
      <c r="O8" s="17" t="s">
        <v>45</v>
      </c>
      <c r="P8" s="42" t="s">
        <v>83</v>
      </c>
      <c r="Q8" s="16" t="s">
        <v>47</v>
      </c>
      <c r="R8" s="16" t="s">
        <v>48</v>
      </c>
      <c r="S8" s="16" t="s">
        <v>49</v>
      </c>
      <c r="T8" s="16" t="s">
        <v>50</v>
      </c>
      <c r="U8" s="16" t="s">
        <v>51</v>
      </c>
      <c r="V8" s="17" t="s">
        <v>45</v>
      </c>
      <c r="W8" s="564"/>
      <c r="X8" s="40" t="s">
        <v>43</v>
      </c>
      <c r="Y8" s="16" t="s">
        <v>44</v>
      </c>
      <c r="Z8" s="17" t="s">
        <v>45</v>
      </c>
      <c r="AA8" s="42" t="s">
        <v>83</v>
      </c>
      <c r="AB8" s="16" t="s">
        <v>47</v>
      </c>
      <c r="AC8" s="16" t="s">
        <v>48</v>
      </c>
      <c r="AD8" s="16" t="s">
        <v>49</v>
      </c>
      <c r="AE8" s="16" t="s">
        <v>50</v>
      </c>
      <c r="AF8" s="16" t="s">
        <v>51</v>
      </c>
      <c r="AG8" s="17" t="s">
        <v>45</v>
      </c>
      <c r="AH8" s="536"/>
      <c r="AI8" s="40" t="s">
        <v>43</v>
      </c>
      <c r="AJ8" s="16" t="s">
        <v>44</v>
      </c>
      <c r="AK8" s="41" t="s">
        <v>45</v>
      </c>
      <c r="AL8" s="42" t="s">
        <v>83</v>
      </c>
      <c r="AM8" s="16" t="s">
        <v>47</v>
      </c>
      <c r="AN8" s="16" t="s">
        <v>48</v>
      </c>
      <c r="AO8" s="16" t="s">
        <v>49</v>
      </c>
      <c r="AP8" s="16" t="s">
        <v>50</v>
      </c>
      <c r="AQ8" s="16" t="s">
        <v>51</v>
      </c>
      <c r="AR8" s="17" t="s">
        <v>45</v>
      </c>
      <c r="AS8" s="536"/>
      <c r="AT8" s="40" t="s">
        <v>43</v>
      </c>
      <c r="AU8" s="16" t="s">
        <v>44</v>
      </c>
      <c r="AV8" s="41" t="s">
        <v>45</v>
      </c>
      <c r="AW8" s="42" t="s">
        <v>83</v>
      </c>
      <c r="AX8" s="16" t="s">
        <v>47</v>
      </c>
      <c r="AY8" s="16" t="s">
        <v>48</v>
      </c>
      <c r="AZ8" s="16" t="s">
        <v>49</v>
      </c>
      <c r="BA8" s="16" t="s">
        <v>50</v>
      </c>
      <c r="BB8" s="16" t="s">
        <v>51</v>
      </c>
      <c r="BC8" s="17" t="s">
        <v>45</v>
      </c>
      <c r="BD8" s="536"/>
      <c r="BE8" s="61" t="s">
        <v>43</v>
      </c>
      <c r="BF8" s="16" t="s">
        <v>44</v>
      </c>
      <c r="BG8" s="41" t="s">
        <v>45</v>
      </c>
      <c r="BH8" s="42" t="s">
        <v>83</v>
      </c>
      <c r="BI8" s="16" t="s">
        <v>47</v>
      </c>
      <c r="BJ8" s="16" t="s">
        <v>48</v>
      </c>
      <c r="BK8" s="16" t="s">
        <v>49</v>
      </c>
      <c r="BL8" s="16" t="s">
        <v>50</v>
      </c>
      <c r="BM8" s="16" t="s">
        <v>51</v>
      </c>
      <c r="BN8" s="17" t="s">
        <v>45</v>
      </c>
      <c r="BO8" s="536"/>
      <c r="BP8" s="40" t="s">
        <v>43</v>
      </c>
      <c r="BQ8" s="16" t="s">
        <v>44</v>
      </c>
      <c r="BR8" s="41" t="s">
        <v>45</v>
      </c>
      <c r="BS8" s="42" t="s">
        <v>83</v>
      </c>
      <c r="BT8" s="16" t="s">
        <v>47</v>
      </c>
      <c r="BU8" s="16" t="s">
        <v>48</v>
      </c>
      <c r="BV8" s="16" t="s">
        <v>49</v>
      </c>
      <c r="BW8" s="16" t="s">
        <v>50</v>
      </c>
      <c r="BX8" s="16" t="s">
        <v>51</v>
      </c>
      <c r="BY8" s="17" t="s">
        <v>45</v>
      </c>
      <c r="BZ8" s="536"/>
      <c r="CA8" s="40" t="s">
        <v>43</v>
      </c>
      <c r="CB8" s="16" t="s">
        <v>44</v>
      </c>
      <c r="CC8" s="41" t="s">
        <v>45</v>
      </c>
      <c r="CD8" s="42" t="s">
        <v>83</v>
      </c>
      <c r="CE8" s="16" t="s">
        <v>47</v>
      </c>
      <c r="CF8" s="16" t="s">
        <v>48</v>
      </c>
      <c r="CG8" s="16" t="s">
        <v>49</v>
      </c>
      <c r="CH8" s="16" t="s">
        <v>50</v>
      </c>
      <c r="CI8" s="16" t="s">
        <v>51</v>
      </c>
      <c r="CJ8" s="17" t="s">
        <v>45</v>
      </c>
      <c r="CK8" s="564"/>
      <c r="CL8" s="40" t="s">
        <v>43</v>
      </c>
      <c r="CM8" s="16" t="s">
        <v>44</v>
      </c>
      <c r="CN8" s="17" t="s">
        <v>45</v>
      </c>
      <c r="CO8" s="42" t="s">
        <v>83</v>
      </c>
      <c r="CP8" s="16" t="s">
        <v>47</v>
      </c>
      <c r="CQ8" s="16" t="s">
        <v>48</v>
      </c>
      <c r="CR8" s="16" t="s">
        <v>49</v>
      </c>
      <c r="CS8" s="16" t="s">
        <v>50</v>
      </c>
      <c r="CT8" s="16" t="s">
        <v>51</v>
      </c>
      <c r="CU8" s="17" t="s">
        <v>45</v>
      </c>
      <c r="CV8" s="564"/>
      <c r="CW8" s="40" t="s">
        <v>43</v>
      </c>
      <c r="CX8" s="16" t="s">
        <v>44</v>
      </c>
      <c r="CY8" s="17" t="s">
        <v>45</v>
      </c>
      <c r="CZ8" s="42" t="s">
        <v>83</v>
      </c>
      <c r="DA8" s="16" t="s">
        <v>47</v>
      </c>
      <c r="DB8" s="16" t="s">
        <v>48</v>
      </c>
      <c r="DC8" s="16" t="s">
        <v>49</v>
      </c>
      <c r="DD8" s="16" t="s">
        <v>50</v>
      </c>
      <c r="DE8" s="16" t="s">
        <v>51</v>
      </c>
      <c r="DF8" s="17" t="s">
        <v>45</v>
      </c>
      <c r="DG8" s="564"/>
      <c r="DH8" s="40" t="s">
        <v>43</v>
      </c>
      <c r="DI8" s="16" t="s">
        <v>44</v>
      </c>
      <c r="DJ8" s="17" t="s">
        <v>45</v>
      </c>
      <c r="DK8" s="42" t="s">
        <v>83</v>
      </c>
      <c r="DL8" s="16" t="s">
        <v>47</v>
      </c>
      <c r="DM8" s="16" t="s">
        <v>48</v>
      </c>
      <c r="DN8" s="16" t="s">
        <v>49</v>
      </c>
      <c r="DO8" s="16" t="s">
        <v>50</v>
      </c>
      <c r="DP8" s="16" t="s">
        <v>51</v>
      </c>
      <c r="DQ8" s="17" t="s">
        <v>45</v>
      </c>
      <c r="DR8" s="564"/>
      <c r="DS8" s="40" t="s">
        <v>43</v>
      </c>
      <c r="DT8" s="16" t="s">
        <v>44</v>
      </c>
      <c r="DU8" s="41" t="s">
        <v>45</v>
      </c>
      <c r="DV8" s="42" t="s">
        <v>83</v>
      </c>
      <c r="DW8" s="16" t="s">
        <v>47</v>
      </c>
      <c r="DX8" s="16" t="s">
        <v>48</v>
      </c>
      <c r="DY8" s="16" t="s">
        <v>49</v>
      </c>
      <c r="DZ8" s="16" t="s">
        <v>50</v>
      </c>
      <c r="EA8" s="16" t="s">
        <v>51</v>
      </c>
      <c r="EB8" s="17" t="s">
        <v>45</v>
      </c>
      <c r="EC8" s="536"/>
      <c r="ED8" s="40" t="s">
        <v>43</v>
      </c>
      <c r="EE8" s="16" t="s">
        <v>44</v>
      </c>
      <c r="EF8" s="41" t="s">
        <v>45</v>
      </c>
      <c r="EG8" s="42" t="s">
        <v>83</v>
      </c>
      <c r="EH8" s="16" t="s">
        <v>47</v>
      </c>
      <c r="EI8" s="16" t="s">
        <v>48</v>
      </c>
      <c r="EJ8" s="16" t="s">
        <v>49</v>
      </c>
      <c r="EK8" s="16" t="s">
        <v>50</v>
      </c>
      <c r="EL8" s="16" t="s">
        <v>51</v>
      </c>
      <c r="EM8" s="17" t="s">
        <v>45</v>
      </c>
      <c r="EN8" s="536"/>
      <c r="EO8" s="40" t="s">
        <v>43</v>
      </c>
      <c r="EP8" s="16" t="s">
        <v>44</v>
      </c>
      <c r="EQ8" s="41" t="s">
        <v>45</v>
      </c>
      <c r="ER8" s="42" t="s">
        <v>83</v>
      </c>
      <c r="ES8" s="16" t="s">
        <v>47</v>
      </c>
      <c r="ET8" s="16" t="s">
        <v>48</v>
      </c>
      <c r="EU8" s="16" t="s">
        <v>49</v>
      </c>
      <c r="EV8" s="16" t="s">
        <v>50</v>
      </c>
      <c r="EW8" s="16" t="s">
        <v>51</v>
      </c>
      <c r="EX8" s="17" t="s">
        <v>45</v>
      </c>
      <c r="EY8" s="536"/>
      <c r="EZ8" s="40" t="s">
        <v>43</v>
      </c>
      <c r="FA8" s="16" t="s">
        <v>44</v>
      </c>
      <c r="FB8" s="41" t="s">
        <v>45</v>
      </c>
      <c r="FC8" s="42" t="s">
        <v>83</v>
      </c>
      <c r="FD8" s="16" t="s">
        <v>47</v>
      </c>
      <c r="FE8" s="16" t="s">
        <v>48</v>
      </c>
      <c r="FF8" s="16" t="s">
        <v>49</v>
      </c>
      <c r="FG8" s="16" t="s">
        <v>50</v>
      </c>
      <c r="FH8" s="16" t="s">
        <v>51</v>
      </c>
      <c r="FI8" s="17" t="s">
        <v>45</v>
      </c>
      <c r="FJ8" s="536"/>
      <c r="FK8" s="40" t="s">
        <v>43</v>
      </c>
      <c r="FL8" s="16" t="s">
        <v>44</v>
      </c>
      <c r="FM8" s="41" t="s">
        <v>45</v>
      </c>
      <c r="FN8" s="42" t="s">
        <v>83</v>
      </c>
      <c r="FO8" s="16" t="s">
        <v>47</v>
      </c>
      <c r="FP8" s="16" t="s">
        <v>48</v>
      </c>
      <c r="FQ8" s="16" t="s">
        <v>49</v>
      </c>
      <c r="FR8" s="16" t="s">
        <v>50</v>
      </c>
      <c r="FS8" s="16" t="s">
        <v>51</v>
      </c>
      <c r="FT8" s="17" t="s">
        <v>45</v>
      </c>
      <c r="FU8" s="574"/>
      <c r="FV8" s="40" t="s">
        <v>43</v>
      </c>
      <c r="FW8" s="16" t="s">
        <v>44</v>
      </c>
      <c r="FX8" s="41" t="s">
        <v>45</v>
      </c>
      <c r="FY8" s="42" t="s">
        <v>83</v>
      </c>
      <c r="FZ8" s="16" t="s">
        <v>47</v>
      </c>
      <c r="GA8" s="16" t="s">
        <v>48</v>
      </c>
      <c r="GB8" s="16" t="s">
        <v>49</v>
      </c>
      <c r="GC8" s="16" t="s">
        <v>50</v>
      </c>
      <c r="GD8" s="16" t="s">
        <v>51</v>
      </c>
      <c r="GE8" s="17" t="s">
        <v>45</v>
      </c>
      <c r="GF8" s="536"/>
      <c r="GG8" s="40" t="s">
        <v>43</v>
      </c>
      <c r="GH8" s="16" t="s">
        <v>44</v>
      </c>
      <c r="GI8" s="41" t="s">
        <v>45</v>
      </c>
      <c r="GJ8" s="42" t="s">
        <v>83</v>
      </c>
      <c r="GK8" s="16" t="s">
        <v>47</v>
      </c>
      <c r="GL8" s="16" t="s">
        <v>48</v>
      </c>
      <c r="GM8" s="16" t="s">
        <v>49</v>
      </c>
      <c r="GN8" s="16" t="s">
        <v>50</v>
      </c>
      <c r="GO8" s="16" t="s">
        <v>51</v>
      </c>
      <c r="GP8" s="17" t="s">
        <v>45</v>
      </c>
      <c r="GQ8" s="573"/>
      <c r="GR8" s="40" t="s">
        <v>43</v>
      </c>
      <c r="GS8" s="16" t="s">
        <v>44</v>
      </c>
      <c r="GT8" s="41" t="s">
        <v>45</v>
      </c>
      <c r="GU8" s="42" t="s">
        <v>83</v>
      </c>
      <c r="GV8" s="16" t="s">
        <v>47</v>
      </c>
      <c r="GW8" s="16" t="s">
        <v>48</v>
      </c>
      <c r="GX8" s="16" t="s">
        <v>49</v>
      </c>
      <c r="GY8" s="16" t="s">
        <v>50</v>
      </c>
      <c r="GZ8" s="16" t="s">
        <v>51</v>
      </c>
      <c r="HA8" s="17" t="s">
        <v>45</v>
      </c>
      <c r="HB8" s="573"/>
      <c r="HC8" s="40" t="s">
        <v>43</v>
      </c>
      <c r="HD8" s="16" t="s">
        <v>44</v>
      </c>
      <c r="HE8" s="41" t="s">
        <v>45</v>
      </c>
      <c r="HF8" s="42" t="s">
        <v>83</v>
      </c>
      <c r="HG8" s="16" t="s">
        <v>47</v>
      </c>
      <c r="HH8" s="16" t="s">
        <v>48</v>
      </c>
      <c r="HI8" s="16" t="s">
        <v>49</v>
      </c>
      <c r="HJ8" s="16" t="s">
        <v>50</v>
      </c>
      <c r="HK8" s="16" t="s">
        <v>51</v>
      </c>
      <c r="HL8" s="17" t="s">
        <v>45</v>
      </c>
      <c r="HM8" s="536"/>
      <c r="HN8" s="40" t="s">
        <v>43</v>
      </c>
      <c r="HO8" s="16" t="s">
        <v>44</v>
      </c>
      <c r="HP8" s="41" t="s">
        <v>45</v>
      </c>
      <c r="HQ8" s="42" t="s">
        <v>83</v>
      </c>
      <c r="HR8" s="16" t="s">
        <v>47</v>
      </c>
      <c r="HS8" s="16" t="s">
        <v>48</v>
      </c>
      <c r="HT8" s="16" t="s">
        <v>49</v>
      </c>
      <c r="HU8" s="16" t="s">
        <v>50</v>
      </c>
      <c r="HV8" s="16" t="s">
        <v>51</v>
      </c>
      <c r="HW8" s="17" t="s">
        <v>45</v>
      </c>
      <c r="HX8" s="536"/>
      <c r="HY8" s="417" t="s">
        <v>43</v>
      </c>
      <c r="HZ8" s="418" t="s">
        <v>44</v>
      </c>
      <c r="IA8" s="41" t="s">
        <v>45</v>
      </c>
      <c r="IB8" s="42" t="s">
        <v>83</v>
      </c>
      <c r="IC8" s="418" t="s">
        <v>47</v>
      </c>
      <c r="ID8" s="418" t="s">
        <v>48</v>
      </c>
      <c r="IE8" s="418" t="s">
        <v>49</v>
      </c>
      <c r="IF8" s="418" t="s">
        <v>50</v>
      </c>
      <c r="IG8" s="418" t="s">
        <v>51</v>
      </c>
      <c r="IH8" s="17" t="s">
        <v>45</v>
      </c>
      <c r="II8" s="574"/>
      <c r="IJ8" s="417" t="s">
        <v>43</v>
      </c>
      <c r="IK8" s="418" t="s">
        <v>44</v>
      </c>
      <c r="IL8" s="41" t="s">
        <v>45</v>
      </c>
      <c r="IM8" s="42" t="s">
        <v>83</v>
      </c>
      <c r="IN8" s="59" t="s">
        <v>47</v>
      </c>
      <c r="IO8" s="59" t="s">
        <v>48</v>
      </c>
      <c r="IP8" s="59" t="s">
        <v>49</v>
      </c>
      <c r="IQ8" s="59" t="s">
        <v>50</v>
      </c>
      <c r="IR8" s="59" t="s">
        <v>51</v>
      </c>
      <c r="IS8" s="65" t="s">
        <v>45</v>
      </c>
      <c r="IT8" s="584"/>
      <c r="IU8" s="61" t="s">
        <v>43</v>
      </c>
      <c r="IV8" s="59" t="s">
        <v>44</v>
      </c>
      <c r="IW8" s="65" t="s">
        <v>45</v>
      </c>
      <c r="IX8" s="33" t="s">
        <v>83</v>
      </c>
      <c r="IY8" s="59" t="s">
        <v>47</v>
      </c>
      <c r="IZ8" s="59" t="s">
        <v>48</v>
      </c>
      <c r="JA8" s="59" t="s">
        <v>49</v>
      </c>
      <c r="JB8" s="59" t="s">
        <v>50</v>
      </c>
      <c r="JC8" s="59" t="s">
        <v>51</v>
      </c>
      <c r="JD8" s="65" t="s">
        <v>45</v>
      </c>
      <c r="JE8" s="584"/>
      <c r="JF8" s="61" t="s">
        <v>43</v>
      </c>
      <c r="JG8" s="59" t="s">
        <v>44</v>
      </c>
      <c r="JH8" s="60" t="s">
        <v>45</v>
      </c>
      <c r="JI8" s="33" t="s">
        <v>83</v>
      </c>
      <c r="JJ8" s="59" t="s">
        <v>47</v>
      </c>
      <c r="JK8" s="59" t="s">
        <v>48</v>
      </c>
      <c r="JL8" s="59" t="s">
        <v>49</v>
      </c>
      <c r="JM8" s="59" t="s">
        <v>50</v>
      </c>
      <c r="JN8" s="59" t="s">
        <v>51</v>
      </c>
      <c r="JO8" s="65" t="s">
        <v>45</v>
      </c>
      <c r="JP8" s="577"/>
      <c r="JQ8" s="61" t="s">
        <v>43</v>
      </c>
      <c r="JR8" s="59" t="s">
        <v>44</v>
      </c>
      <c r="JS8" s="60" t="s">
        <v>45</v>
      </c>
      <c r="JT8" s="33" t="s">
        <v>83</v>
      </c>
      <c r="JU8" s="59" t="s">
        <v>47</v>
      </c>
      <c r="JV8" s="59" t="s">
        <v>48</v>
      </c>
      <c r="JW8" s="59" t="s">
        <v>49</v>
      </c>
      <c r="JX8" s="59" t="s">
        <v>50</v>
      </c>
      <c r="JY8" s="59" t="s">
        <v>51</v>
      </c>
      <c r="JZ8" s="65" t="s">
        <v>45</v>
      </c>
      <c r="KA8" s="577"/>
      <c r="KB8" s="61" t="s">
        <v>43</v>
      </c>
      <c r="KC8" s="59" t="s">
        <v>44</v>
      </c>
      <c r="KD8" s="60" t="s">
        <v>45</v>
      </c>
      <c r="KE8" s="33" t="s">
        <v>83</v>
      </c>
      <c r="KF8" s="59" t="s">
        <v>47</v>
      </c>
      <c r="KG8" s="59" t="s">
        <v>48</v>
      </c>
      <c r="KH8" s="59" t="s">
        <v>49</v>
      </c>
      <c r="KI8" s="59" t="s">
        <v>50</v>
      </c>
      <c r="KJ8" s="59" t="s">
        <v>51</v>
      </c>
      <c r="KK8" s="65" t="s">
        <v>45</v>
      </c>
      <c r="KL8" s="577"/>
      <c r="KM8" s="61" t="s">
        <v>43</v>
      </c>
      <c r="KN8" s="59" t="s">
        <v>44</v>
      </c>
      <c r="KO8" s="60" t="s">
        <v>45</v>
      </c>
      <c r="KP8" s="42" t="s">
        <v>83</v>
      </c>
      <c r="KQ8" s="59" t="s">
        <v>47</v>
      </c>
      <c r="KR8" s="59" t="s">
        <v>48</v>
      </c>
      <c r="KS8" s="59" t="s">
        <v>49</v>
      </c>
      <c r="KT8" s="59" t="s">
        <v>50</v>
      </c>
      <c r="KU8" s="59" t="s">
        <v>51</v>
      </c>
      <c r="KV8" s="65" t="s">
        <v>45</v>
      </c>
      <c r="KW8" s="577"/>
      <c r="KX8" s="61" t="s">
        <v>43</v>
      </c>
      <c r="KY8" s="59" t="s">
        <v>44</v>
      </c>
      <c r="KZ8" s="60" t="s">
        <v>45</v>
      </c>
      <c r="LA8" s="42" t="s">
        <v>83</v>
      </c>
      <c r="LB8" s="59" t="s">
        <v>47</v>
      </c>
      <c r="LC8" s="59" t="s">
        <v>48</v>
      </c>
      <c r="LD8" s="59" t="s">
        <v>49</v>
      </c>
      <c r="LE8" s="59" t="s">
        <v>50</v>
      </c>
      <c r="LF8" s="59" t="s">
        <v>51</v>
      </c>
      <c r="LG8" s="65" t="s">
        <v>45</v>
      </c>
      <c r="LH8" s="577"/>
      <c r="LI8" s="61" t="s">
        <v>43</v>
      </c>
      <c r="LJ8" s="59" t="s">
        <v>44</v>
      </c>
      <c r="LK8" s="60" t="s">
        <v>45</v>
      </c>
      <c r="LL8" s="42" t="s">
        <v>83</v>
      </c>
      <c r="LM8" s="59" t="s">
        <v>47</v>
      </c>
      <c r="LN8" s="59" t="s">
        <v>48</v>
      </c>
      <c r="LO8" s="59" t="s">
        <v>49</v>
      </c>
      <c r="LP8" s="59" t="s">
        <v>50</v>
      </c>
      <c r="LQ8" s="59" t="s">
        <v>51</v>
      </c>
      <c r="LR8" s="65" t="s">
        <v>45</v>
      </c>
      <c r="LS8" s="577"/>
      <c r="LT8" s="61" t="s">
        <v>43</v>
      </c>
      <c r="LU8" s="59" t="s">
        <v>44</v>
      </c>
      <c r="LV8" s="60" t="s">
        <v>45</v>
      </c>
      <c r="LW8" s="42" t="s">
        <v>83</v>
      </c>
      <c r="LX8" s="59" t="s">
        <v>47</v>
      </c>
      <c r="LY8" s="59" t="s">
        <v>48</v>
      </c>
      <c r="LZ8" s="59" t="s">
        <v>49</v>
      </c>
      <c r="MA8" s="59" t="s">
        <v>50</v>
      </c>
      <c r="MB8" s="59" t="s">
        <v>51</v>
      </c>
      <c r="MC8" s="65" t="s">
        <v>45</v>
      </c>
      <c r="MD8" s="577"/>
      <c r="ME8" s="61" t="s">
        <v>43</v>
      </c>
      <c r="MF8" s="59" t="s">
        <v>44</v>
      </c>
      <c r="MG8" s="60" t="s">
        <v>45</v>
      </c>
      <c r="MH8" s="42" t="s">
        <v>83</v>
      </c>
      <c r="MI8" s="59" t="s">
        <v>47</v>
      </c>
      <c r="MJ8" s="59" t="s">
        <v>48</v>
      </c>
      <c r="MK8" s="59" t="s">
        <v>49</v>
      </c>
      <c r="ML8" s="59" t="s">
        <v>50</v>
      </c>
      <c r="MM8" s="59" t="s">
        <v>51</v>
      </c>
      <c r="MN8" s="65" t="s">
        <v>45</v>
      </c>
      <c r="MO8" s="577"/>
      <c r="MP8" s="61" t="s">
        <v>43</v>
      </c>
      <c r="MQ8" s="59" t="s">
        <v>44</v>
      </c>
      <c r="MR8" s="60" t="s">
        <v>45</v>
      </c>
      <c r="MS8" s="42" t="s">
        <v>83</v>
      </c>
      <c r="MT8" s="59" t="s">
        <v>47</v>
      </c>
      <c r="MU8" s="59" t="s">
        <v>48</v>
      </c>
      <c r="MV8" s="59" t="s">
        <v>49</v>
      </c>
      <c r="MW8" s="59" t="s">
        <v>50</v>
      </c>
      <c r="MX8" s="59" t="s">
        <v>51</v>
      </c>
      <c r="MY8" s="65" t="s">
        <v>45</v>
      </c>
      <c r="MZ8" s="577"/>
      <c r="NA8" s="61" t="s">
        <v>43</v>
      </c>
      <c r="NB8" s="59" t="s">
        <v>44</v>
      </c>
      <c r="NC8" s="60" t="s">
        <v>45</v>
      </c>
      <c r="ND8" s="42" t="s">
        <v>83</v>
      </c>
      <c r="NE8" s="59" t="s">
        <v>47</v>
      </c>
      <c r="NF8" s="59" t="s">
        <v>48</v>
      </c>
      <c r="NG8" s="59" t="s">
        <v>49</v>
      </c>
      <c r="NH8" s="59" t="s">
        <v>50</v>
      </c>
      <c r="NI8" s="59" t="s">
        <v>51</v>
      </c>
      <c r="NJ8" s="65" t="s">
        <v>45</v>
      </c>
      <c r="NK8" s="577"/>
      <c r="NL8" s="61" t="s">
        <v>43</v>
      </c>
      <c r="NM8" s="59" t="s">
        <v>44</v>
      </c>
      <c r="NN8" s="60" t="s">
        <v>45</v>
      </c>
      <c r="NO8" s="42" t="s">
        <v>83</v>
      </c>
      <c r="NP8" s="59" t="s">
        <v>47</v>
      </c>
      <c r="NQ8" s="59" t="s">
        <v>48</v>
      </c>
      <c r="NR8" s="59" t="s">
        <v>49</v>
      </c>
      <c r="NS8" s="59" t="s">
        <v>50</v>
      </c>
      <c r="NT8" s="59" t="s">
        <v>51</v>
      </c>
      <c r="NU8" s="65" t="s">
        <v>45</v>
      </c>
      <c r="NV8" s="577"/>
      <c r="NW8" s="61" t="s">
        <v>43</v>
      </c>
      <c r="NX8" s="59" t="s">
        <v>44</v>
      </c>
      <c r="NY8" s="60" t="s">
        <v>45</v>
      </c>
      <c r="NZ8" s="42" t="s">
        <v>83</v>
      </c>
      <c r="OA8" s="59" t="s">
        <v>47</v>
      </c>
      <c r="OB8" s="59" t="s">
        <v>48</v>
      </c>
      <c r="OC8" s="59" t="s">
        <v>49</v>
      </c>
      <c r="OD8" s="59" t="s">
        <v>50</v>
      </c>
      <c r="OE8" s="59" t="s">
        <v>51</v>
      </c>
      <c r="OF8" s="65" t="s">
        <v>45</v>
      </c>
      <c r="OG8" s="577"/>
      <c r="OH8" s="61" t="s">
        <v>43</v>
      </c>
      <c r="OI8" s="59" t="s">
        <v>44</v>
      </c>
      <c r="OJ8" s="60" t="s">
        <v>45</v>
      </c>
      <c r="OK8" s="33" t="s">
        <v>83</v>
      </c>
      <c r="OL8" s="59" t="s">
        <v>47</v>
      </c>
      <c r="OM8" s="59" t="s">
        <v>48</v>
      </c>
      <c r="ON8" s="59" t="s">
        <v>49</v>
      </c>
      <c r="OO8" s="59" t="s">
        <v>50</v>
      </c>
      <c r="OP8" s="59" t="s">
        <v>51</v>
      </c>
      <c r="OQ8" s="65" t="s">
        <v>45</v>
      </c>
      <c r="OR8" s="577"/>
    </row>
    <row r="9" spans="1:408" ht="18.75" customHeight="1" x14ac:dyDescent="0.2">
      <c r="A9" s="62" t="s">
        <v>4</v>
      </c>
      <c r="B9" s="110">
        <v>382476269</v>
      </c>
      <c r="C9" s="185">
        <v>796451590</v>
      </c>
      <c r="D9" s="186">
        <v>1178927859</v>
      </c>
      <c r="E9" s="187">
        <v>0</v>
      </c>
      <c r="F9" s="185">
        <v>5011688307</v>
      </c>
      <c r="G9" s="185">
        <v>6803481422</v>
      </c>
      <c r="H9" s="185">
        <v>5611338913</v>
      </c>
      <c r="I9" s="185">
        <v>5266056741</v>
      </c>
      <c r="J9" s="185">
        <v>4055101831</v>
      </c>
      <c r="K9" s="188">
        <v>26747667214</v>
      </c>
      <c r="L9" s="189">
        <v>27926595073</v>
      </c>
      <c r="M9" s="110">
        <v>91692226</v>
      </c>
      <c r="N9" s="185">
        <v>236763856</v>
      </c>
      <c r="O9" s="190">
        <v>328456082</v>
      </c>
      <c r="P9" s="110">
        <v>0</v>
      </c>
      <c r="Q9" s="185">
        <v>1412835491</v>
      </c>
      <c r="R9" s="185">
        <v>2148292760</v>
      </c>
      <c r="S9" s="185">
        <v>1806848353</v>
      </c>
      <c r="T9" s="185">
        <v>1961528535</v>
      </c>
      <c r="U9" s="185">
        <v>2033204780</v>
      </c>
      <c r="V9" s="190">
        <v>9362709919</v>
      </c>
      <c r="W9" s="189">
        <v>9691166001</v>
      </c>
      <c r="X9" s="110">
        <v>0</v>
      </c>
      <c r="Y9" s="185">
        <v>0</v>
      </c>
      <c r="Z9" s="190">
        <v>0</v>
      </c>
      <c r="AA9" s="111">
        <v>0</v>
      </c>
      <c r="AB9" s="191">
        <v>704597936</v>
      </c>
      <c r="AC9" s="191">
        <v>1093478124</v>
      </c>
      <c r="AD9" s="191">
        <v>1026269326</v>
      </c>
      <c r="AE9" s="191">
        <v>1137728230</v>
      </c>
      <c r="AF9" s="191">
        <v>1170060871</v>
      </c>
      <c r="AG9" s="190">
        <v>5132134487</v>
      </c>
      <c r="AH9" s="189">
        <v>5132134487</v>
      </c>
      <c r="AI9" s="192">
        <v>101539</v>
      </c>
      <c r="AJ9" s="191">
        <v>1129014</v>
      </c>
      <c r="AK9" s="190">
        <v>1230553</v>
      </c>
      <c r="AL9" s="111">
        <v>0</v>
      </c>
      <c r="AM9" s="191">
        <v>6066430</v>
      </c>
      <c r="AN9" s="188">
        <v>26421242</v>
      </c>
      <c r="AO9" s="191">
        <v>50039120</v>
      </c>
      <c r="AP9" s="191">
        <v>118966169</v>
      </c>
      <c r="AQ9" s="191">
        <v>242879297</v>
      </c>
      <c r="AR9" s="190">
        <v>444372258</v>
      </c>
      <c r="AS9" s="189">
        <v>445602811</v>
      </c>
      <c r="AT9" s="192">
        <v>50857229</v>
      </c>
      <c r="AU9" s="191">
        <v>172084564</v>
      </c>
      <c r="AV9" s="190">
        <v>222941793</v>
      </c>
      <c r="AW9" s="111">
        <v>0</v>
      </c>
      <c r="AX9" s="191">
        <v>426582110</v>
      </c>
      <c r="AY9" s="191">
        <v>679309568</v>
      </c>
      <c r="AZ9" s="191">
        <v>430914411</v>
      </c>
      <c r="BA9" s="191">
        <v>415609907</v>
      </c>
      <c r="BB9" s="191">
        <v>398839003</v>
      </c>
      <c r="BC9" s="190">
        <v>2351254999</v>
      </c>
      <c r="BD9" s="193">
        <v>2574196792</v>
      </c>
      <c r="BE9" s="192">
        <v>6218825</v>
      </c>
      <c r="BF9" s="188">
        <v>22652753</v>
      </c>
      <c r="BG9" s="276">
        <v>28871578</v>
      </c>
      <c r="BH9" s="111">
        <v>0</v>
      </c>
      <c r="BI9" s="191">
        <v>36075901</v>
      </c>
      <c r="BJ9" s="191">
        <v>64435928</v>
      </c>
      <c r="BK9" s="191">
        <v>42374448</v>
      </c>
      <c r="BL9" s="191">
        <v>37381199</v>
      </c>
      <c r="BM9" s="191">
        <v>25220857</v>
      </c>
      <c r="BN9" s="190">
        <v>205488333</v>
      </c>
      <c r="BO9" s="189">
        <v>234359911</v>
      </c>
      <c r="BP9" s="192">
        <v>34514633</v>
      </c>
      <c r="BQ9" s="191">
        <v>40897525</v>
      </c>
      <c r="BR9" s="190">
        <v>75412158</v>
      </c>
      <c r="BS9" s="111">
        <v>0</v>
      </c>
      <c r="BT9" s="191">
        <v>239513114</v>
      </c>
      <c r="BU9" s="191">
        <v>284647898</v>
      </c>
      <c r="BV9" s="191">
        <v>257251048</v>
      </c>
      <c r="BW9" s="191">
        <v>251843030</v>
      </c>
      <c r="BX9" s="191">
        <v>196204752</v>
      </c>
      <c r="BY9" s="190">
        <v>1229459842</v>
      </c>
      <c r="BZ9" s="189">
        <v>1304872000</v>
      </c>
      <c r="CA9" s="192">
        <v>35908758</v>
      </c>
      <c r="CB9" s="191">
        <v>110585079</v>
      </c>
      <c r="CC9" s="190">
        <v>146493837</v>
      </c>
      <c r="CD9" s="111">
        <v>0</v>
      </c>
      <c r="CE9" s="191">
        <v>1436064821</v>
      </c>
      <c r="CF9" s="191">
        <v>1896337485</v>
      </c>
      <c r="CG9" s="194">
        <v>1339438538</v>
      </c>
      <c r="CH9" s="191">
        <v>889769288</v>
      </c>
      <c r="CI9" s="191">
        <v>438771384</v>
      </c>
      <c r="CJ9" s="190">
        <v>6000381516</v>
      </c>
      <c r="CK9" s="189">
        <v>6146875353</v>
      </c>
      <c r="CL9" s="110">
        <v>0</v>
      </c>
      <c r="CM9" s="185">
        <v>0</v>
      </c>
      <c r="CN9" s="190">
        <v>0</v>
      </c>
      <c r="CO9" s="111">
        <v>0</v>
      </c>
      <c r="CP9" s="191">
        <v>1213254012</v>
      </c>
      <c r="CQ9" s="191">
        <v>1469686366</v>
      </c>
      <c r="CR9" s="191">
        <v>1044668033</v>
      </c>
      <c r="CS9" s="191">
        <v>673876487</v>
      </c>
      <c r="CT9" s="191">
        <v>354132069</v>
      </c>
      <c r="CU9" s="195">
        <v>4755616967</v>
      </c>
      <c r="CV9" s="189">
        <v>4755616967</v>
      </c>
      <c r="CW9" s="192">
        <v>35908758</v>
      </c>
      <c r="CX9" s="191">
        <v>110585079</v>
      </c>
      <c r="CY9" s="190">
        <v>146493837</v>
      </c>
      <c r="CZ9" s="111">
        <v>0</v>
      </c>
      <c r="DA9" s="191">
        <v>222810809</v>
      </c>
      <c r="DB9" s="191">
        <v>426651119</v>
      </c>
      <c r="DC9" s="191">
        <v>294770505</v>
      </c>
      <c r="DD9" s="191">
        <v>215892801</v>
      </c>
      <c r="DE9" s="191">
        <v>84639315</v>
      </c>
      <c r="DF9" s="190">
        <v>1244764549</v>
      </c>
      <c r="DG9" s="189">
        <v>1391258386</v>
      </c>
      <c r="DH9" s="192">
        <v>1629471</v>
      </c>
      <c r="DI9" s="191">
        <v>10150632</v>
      </c>
      <c r="DJ9" s="276">
        <v>11780103</v>
      </c>
      <c r="DK9" s="111">
        <v>0</v>
      </c>
      <c r="DL9" s="191">
        <v>136059515</v>
      </c>
      <c r="DM9" s="191">
        <v>292104261</v>
      </c>
      <c r="DN9" s="191">
        <v>524317794</v>
      </c>
      <c r="DO9" s="191">
        <v>452819771</v>
      </c>
      <c r="DP9" s="191">
        <v>263413602</v>
      </c>
      <c r="DQ9" s="277">
        <v>1668714943</v>
      </c>
      <c r="DR9" s="189">
        <v>1680495046</v>
      </c>
      <c r="DS9" s="192">
        <v>1495393</v>
      </c>
      <c r="DT9" s="191">
        <v>9234297</v>
      </c>
      <c r="DU9" s="190">
        <v>10729690</v>
      </c>
      <c r="DV9" s="111">
        <v>0</v>
      </c>
      <c r="DW9" s="191">
        <v>123213270</v>
      </c>
      <c r="DX9" s="191">
        <v>257889112</v>
      </c>
      <c r="DY9" s="191">
        <v>472735644</v>
      </c>
      <c r="DZ9" s="191">
        <v>402379058</v>
      </c>
      <c r="EA9" s="191">
        <v>226584891</v>
      </c>
      <c r="EB9" s="190">
        <v>1482801975</v>
      </c>
      <c r="EC9" s="189">
        <v>1493531665</v>
      </c>
      <c r="ED9" s="192">
        <v>134078</v>
      </c>
      <c r="EE9" s="188">
        <v>916335</v>
      </c>
      <c r="EF9" s="190">
        <v>1050413</v>
      </c>
      <c r="EG9" s="193">
        <v>0</v>
      </c>
      <c r="EH9" s="191">
        <v>12846245</v>
      </c>
      <c r="EI9" s="191">
        <v>34215149</v>
      </c>
      <c r="EJ9" s="191">
        <v>51582150</v>
      </c>
      <c r="EK9" s="191">
        <v>50440713</v>
      </c>
      <c r="EL9" s="194">
        <v>36828711</v>
      </c>
      <c r="EM9" s="188">
        <v>185912968</v>
      </c>
      <c r="EN9" s="189">
        <v>186963381</v>
      </c>
      <c r="EO9" s="192">
        <v>0</v>
      </c>
      <c r="EP9" s="191">
        <v>0</v>
      </c>
      <c r="EQ9" s="188">
        <v>0</v>
      </c>
      <c r="ER9" s="111">
        <v>0</v>
      </c>
      <c r="ES9" s="191">
        <v>0</v>
      </c>
      <c r="ET9" s="191">
        <v>0</v>
      </c>
      <c r="EU9" s="191">
        <v>0</v>
      </c>
      <c r="EV9" s="191">
        <v>0</v>
      </c>
      <c r="EW9" s="191">
        <v>0</v>
      </c>
      <c r="EX9" s="195">
        <v>0</v>
      </c>
      <c r="EY9" s="189">
        <v>0</v>
      </c>
      <c r="EZ9" s="192">
        <v>0</v>
      </c>
      <c r="FA9" s="191">
        <v>0</v>
      </c>
      <c r="FB9" s="188">
        <v>0</v>
      </c>
      <c r="FC9" s="394">
        <v>0</v>
      </c>
      <c r="FD9" s="191">
        <v>0</v>
      </c>
      <c r="FE9" s="191">
        <v>0</v>
      </c>
      <c r="FF9" s="191">
        <v>0</v>
      </c>
      <c r="FG9" s="191">
        <v>0</v>
      </c>
      <c r="FH9" s="191">
        <v>0</v>
      </c>
      <c r="FI9" s="195">
        <v>0</v>
      </c>
      <c r="FJ9" s="189">
        <v>0</v>
      </c>
      <c r="FK9" s="192">
        <v>82568607</v>
      </c>
      <c r="FL9" s="191">
        <v>175003044</v>
      </c>
      <c r="FM9" s="190">
        <v>257571651</v>
      </c>
      <c r="FN9" s="111">
        <v>0</v>
      </c>
      <c r="FO9" s="191">
        <v>229345656</v>
      </c>
      <c r="FP9" s="191">
        <v>597389951</v>
      </c>
      <c r="FQ9" s="191">
        <v>420869288</v>
      </c>
      <c r="FR9" s="191">
        <v>390419603</v>
      </c>
      <c r="FS9" s="191">
        <v>290591915</v>
      </c>
      <c r="FT9" s="190">
        <v>1928616413</v>
      </c>
      <c r="FU9" s="189">
        <v>2186188064</v>
      </c>
      <c r="FV9" s="192">
        <v>47530193</v>
      </c>
      <c r="FW9" s="191">
        <v>132407402</v>
      </c>
      <c r="FX9" s="188">
        <v>179937595</v>
      </c>
      <c r="FY9" s="193">
        <v>0</v>
      </c>
      <c r="FZ9" s="191">
        <v>182960307</v>
      </c>
      <c r="GA9" s="196">
        <v>550950796</v>
      </c>
      <c r="GB9" s="191">
        <v>388814767</v>
      </c>
      <c r="GC9" s="196">
        <v>363230131</v>
      </c>
      <c r="GD9" s="191">
        <v>278401480</v>
      </c>
      <c r="GE9" s="195">
        <v>1764357481</v>
      </c>
      <c r="GF9" s="356">
        <v>1944295076</v>
      </c>
      <c r="GG9" s="197">
        <v>4290038</v>
      </c>
      <c r="GH9" s="191">
        <v>7501713</v>
      </c>
      <c r="GI9" s="196">
        <v>11791751</v>
      </c>
      <c r="GJ9" s="187">
        <v>0</v>
      </c>
      <c r="GK9" s="191">
        <v>10461167</v>
      </c>
      <c r="GL9" s="188">
        <v>14299711</v>
      </c>
      <c r="GM9" s="191">
        <v>10680365</v>
      </c>
      <c r="GN9" s="188">
        <v>10026081</v>
      </c>
      <c r="GO9" s="191">
        <v>4423587</v>
      </c>
      <c r="GP9" s="277">
        <v>49890911</v>
      </c>
      <c r="GQ9" s="189">
        <v>61682662</v>
      </c>
      <c r="GR9" s="188">
        <v>30748376</v>
      </c>
      <c r="GS9" s="191">
        <v>35093929</v>
      </c>
      <c r="GT9" s="190">
        <v>65842305</v>
      </c>
      <c r="GU9" s="188">
        <v>0</v>
      </c>
      <c r="GV9" s="191">
        <v>35924182</v>
      </c>
      <c r="GW9" s="188">
        <v>32139444</v>
      </c>
      <c r="GX9" s="191">
        <v>21374156</v>
      </c>
      <c r="GY9" s="188">
        <v>17163391</v>
      </c>
      <c r="GZ9" s="191">
        <v>7766848</v>
      </c>
      <c r="HA9" s="188">
        <v>114368021</v>
      </c>
      <c r="HB9" s="189">
        <v>180210326</v>
      </c>
      <c r="HC9" s="188">
        <v>105726378</v>
      </c>
      <c r="HD9" s="191">
        <v>134312233</v>
      </c>
      <c r="HE9" s="188">
        <v>240038611</v>
      </c>
      <c r="HF9" s="193">
        <v>0</v>
      </c>
      <c r="HG9" s="191">
        <v>985960815</v>
      </c>
      <c r="HH9" s="196">
        <v>999819665</v>
      </c>
      <c r="HI9" s="191">
        <v>956533828</v>
      </c>
      <c r="HJ9" s="196">
        <v>1177010372</v>
      </c>
      <c r="HK9" s="191">
        <v>787046180</v>
      </c>
      <c r="HL9" s="195">
        <v>4906370860</v>
      </c>
      <c r="HM9" s="188">
        <v>5146409471</v>
      </c>
      <c r="HN9" s="197">
        <v>64950829</v>
      </c>
      <c r="HO9" s="191">
        <v>129636746</v>
      </c>
      <c r="HP9" s="195">
        <v>194587575</v>
      </c>
      <c r="HQ9" s="188">
        <v>0</v>
      </c>
      <c r="HR9" s="191">
        <v>811422009</v>
      </c>
      <c r="HS9" s="188">
        <v>869537300</v>
      </c>
      <c r="HT9" s="191">
        <v>563331112</v>
      </c>
      <c r="HU9" s="188">
        <v>394509172</v>
      </c>
      <c r="HV9" s="191">
        <v>242073970</v>
      </c>
      <c r="HW9" s="188">
        <v>2880873563</v>
      </c>
      <c r="HX9" s="189">
        <v>3075461138</v>
      </c>
      <c r="HY9" s="132">
        <v>9969376</v>
      </c>
      <c r="HZ9" s="133">
        <v>35877673</v>
      </c>
      <c r="IA9" s="134">
        <v>45847049</v>
      </c>
      <c r="IB9" s="121">
        <v>0</v>
      </c>
      <c r="IC9" s="133">
        <v>1658964660</v>
      </c>
      <c r="ID9" s="135">
        <v>2161278259</v>
      </c>
      <c r="IE9" s="136">
        <v>2215842882</v>
      </c>
      <c r="IF9" s="133">
        <v>1600269996</v>
      </c>
      <c r="IG9" s="136">
        <v>1161513737</v>
      </c>
      <c r="IH9" s="137">
        <v>8797869534</v>
      </c>
      <c r="II9" s="138">
        <v>8843716583</v>
      </c>
      <c r="IJ9" s="258">
        <v>0</v>
      </c>
      <c r="IK9" s="264">
        <v>0</v>
      </c>
      <c r="IL9" s="265">
        <v>0</v>
      </c>
      <c r="IM9" s="139"/>
      <c r="IN9" s="140">
        <v>25383685</v>
      </c>
      <c r="IO9" s="140">
        <v>47378110</v>
      </c>
      <c r="IP9" s="140">
        <v>59463341</v>
      </c>
      <c r="IQ9" s="140">
        <v>91047383</v>
      </c>
      <c r="IR9" s="140">
        <v>85157383</v>
      </c>
      <c r="IS9" s="141">
        <v>308429902</v>
      </c>
      <c r="IT9" s="359">
        <v>308429902</v>
      </c>
      <c r="IU9" s="142">
        <v>0</v>
      </c>
      <c r="IV9" s="140">
        <v>0</v>
      </c>
      <c r="IW9" s="144">
        <v>0</v>
      </c>
      <c r="IX9" s="139"/>
      <c r="IY9" s="140">
        <v>4373647</v>
      </c>
      <c r="IZ9" s="140">
        <v>11671816</v>
      </c>
      <c r="JA9" s="140">
        <v>12179911</v>
      </c>
      <c r="JB9" s="140">
        <v>13005531</v>
      </c>
      <c r="JC9" s="140">
        <v>19221434</v>
      </c>
      <c r="JD9" s="144">
        <v>60452339</v>
      </c>
      <c r="JE9" s="145">
        <v>60452339</v>
      </c>
      <c r="JF9" s="142">
        <v>10561</v>
      </c>
      <c r="JG9" s="140">
        <v>0</v>
      </c>
      <c r="JH9" s="141">
        <v>10561</v>
      </c>
      <c r="JI9" s="143">
        <v>0</v>
      </c>
      <c r="JJ9" s="140">
        <v>622939482</v>
      </c>
      <c r="JK9" s="140">
        <v>737483070</v>
      </c>
      <c r="JL9" s="140">
        <v>561511299</v>
      </c>
      <c r="JM9" s="140">
        <v>332812620</v>
      </c>
      <c r="JN9" s="140">
        <v>190370153</v>
      </c>
      <c r="JO9" s="144">
        <v>2445116624</v>
      </c>
      <c r="JP9" s="359">
        <v>2445127185</v>
      </c>
      <c r="JQ9" s="142">
        <v>190822</v>
      </c>
      <c r="JR9" s="140">
        <v>213144</v>
      </c>
      <c r="JS9" s="141">
        <v>403966</v>
      </c>
      <c r="JT9" s="143">
        <v>0</v>
      </c>
      <c r="JU9" s="140">
        <v>67975380</v>
      </c>
      <c r="JV9" s="140">
        <v>106809124</v>
      </c>
      <c r="JW9" s="140">
        <v>155183273</v>
      </c>
      <c r="JX9" s="140">
        <v>89085718</v>
      </c>
      <c r="JY9" s="140">
        <v>84084565</v>
      </c>
      <c r="JZ9" s="144">
        <v>503138060</v>
      </c>
      <c r="KA9" s="359">
        <v>503542026</v>
      </c>
      <c r="KB9" s="261">
        <v>9767993</v>
      </c>
      <c r="KC9" s="255">
        <v>25264892</v>
      </c>
      <c r="KD9" s="144">
        <v>35032885</v>
      </c>
      <c r="KE9" s="143">
        <v>0</v>
      </c>
      <c r="KF9" s="140">
        <v>200379514</v>
      </c>
      <c r="KG9" s="140">
        <v>297978200</v>
      </c>
      <c r="KH9" s="140">
        <v>330201318</v>
      </c>
      <c r="KI9" s="140">
        <v>257112487</v>
      </c>
      <c r="KJ9" s="140">
        <v>148780812</v>
      </c>
      <c r="KK9" s="144">
        <v>1234452331</v>
      </c>
      <c r="KL9" s="146">
        <v>1269485216</v>
      </c>
      <c r="KM9" s="258">
        <v>0</v>
      </c>
      <c r="KN9" s="264">
        <v>10365238</v>
      </c>
      <c r="KO9" s="265">
        <v>10365238</v>
      </c>
      <c r="KP9" s="139"/>
      <c r="KQ9" s="140">
        <v>701889090</v>
      </c>
      <c r="KR9" s="140">
        <v>896612633</v>
      </c>
      <c r="KS9" s="140">
        <v>944231950</v>
      </c>
      <c r="KT9" s="140">
        <v>631347348</v>
      </c>
      <c r="KU9" s="140">
        <v>431773173</v>
      </c>
      <c r="KV9" s="144">
        <v>3605854194</v>
      </c>
      <c r="KW9" s="359">
        <v>3616219432</v>
      </c>
      <c r="KX9" s="142">
        <v>0</v>
      </c>
      <c r="KY9" s="140">
        <v>0</v>
      </c>
      <c r="KZ9" s="144">
        <v>0</v>
      </c>
      <c r="LA9" s="139"/>
      <c r="LB9" s="140">
        <v>7285356</v>
      </c>
      <c r="LC9" s="140">
        <v>10503167</v>
      </c>
      <c r="LD9" s="140">
        <v>11028600</v>
      </c>
      <c r="LE9" s="140">
        <v>15321789</v>
      </c>
      <c r="LF9" s="140">
        <v>11821395</v>
      </c>
      <c r="LG9" s="144">
        <v>55960307</v>
      </c>
      <c r="LH9" s="145">
        <v>55960307</v>
      </c>
      <c r="LI9" s="142">
        <v>0</v>
      </c>
      <c r="LJ9" s="140">
        <v>0</v>
      </c>
      <c r="LK9" s="144">
        <v>0</v>
      </c>
      <c r="LL9" s="139"/>
      <c r="LM9" s="140">
        <v>2834503</v>
      </c>
      <c r="LN9" s="140">
        <v>4320023</v>
      </c>
      <c r="LO9" s="140">
        <v>63131496</v>
      </c>
      <c r="LP9" s="140">
        <v>82822349</v>
      </c>
      <c r="LQ9" s="140">
        <v>62959343</v>
      </c>
      <c r="LR9" s="144">
        <v>216067714</v>
      </c>
      <c r="LS9" s="359">
        <v>216067714</v>
      </c>
      <c r="LT9" s="142">
        <v>0</v>
      </c>
      <c r="LU9" s="140">
        <v>34399</v>
      </c>
      <c r="LV9" s="144">
        <v>34399</v>
      </c>
      <c r="LW9" s="139"/>
      <c r="LX9" s="140">
        <v>25904003</v>
      </c>
      <c r="LY9" s="140">
        <v>48522116</v>
      </c>
      <c r="LZ9" s="140">
        <v>78911694</v>
      </c>
      <c r="MA9" s="140">
        <v>87714771</v>
      </c>
      <c r="MB9" s="140">
        <v>127345479</v>
      </c>
      <c r="MC9" s="144">
        <v>368398063</v>
      </c>
      <c r="MD9" s="145">
        <v>368432462</v>
      </c>
      <c r="ME9" s="142">
        <v>0</v>
      </c>
      <c r="MF9" s="140">
        <v>0</v>
      </c>
      <c r="MG9" s="144">
        <v>0</v>
      </c>
      <c r="MH9" s="139"/>
      <c r="MI9" s="140">
        <v>582980764</v>
      </c>
      <c r="MJ9" s="140">
        <v>1402960569</v>
      </c>
      <c r="MK9" s="140">
        <v>4023413046</v>
      </c>
      <c r="ML9" s="140">
        <v>5910176419</v>
      </c>
      <c r="MM9" s="140">
        <v>4293634251</v>
      </c>
      <c r="MN9" s="144">
        <v>16213165049</v>
      </c>
      <c r="MO9" s="146">
        <v>16213165049</v>
      </c>
      <c r="MP9" s="142">
        <v>0</v>
      </c>
      <c r="MQ9" s="140">
        <v>0</v>
      </c>
      <c r="MR9" s="144">
        <v>0</v>
      </c>
      <c r="MS9" s="139"/>
      <c r="MT9" s="140">
        <v>101745042</v>
      </c>
      <c r="MU9" s="140">
        <v>383473770</v>
      </c>
      <c r="MV9" s="140">
        <v>2584425479</v>
      </c>
      <c r="MW9" s="140">
        <v>3993911727</v>
      </c>
      <c r="MX9" s="140">
        <v>3087677281</v>
      </c>
      <c r="MY9" s="144">
        <v>10151233299</v>
      </c>
      <c r="MZ9" s="146">
        <v>10151233299</v>
      </c>
      <c r="NA9" s="142">
        <v>0</v>
      </c>
      <c r="NB9" s="140">
        <v>0</v>
      </c>
      <c r="NC9" s="144">
        <v>0</v>
      </c>
      <c r="ND9" s="139"/>
      <c r="NE9" s="140">
        <v>477894757</v>
      </c>
      <c r="NF9" s="140">
        <v>1011999397</v>
      </c>
      <c r="NG9" s="140">
        <v>1412563942</v>
      </c>
      <c r="NH9" s="140">
        <v>1746795521</v>
      </c>
      <c r="NI9" s="140">
        <v>954906885</v>
      </c>
      <c r="NJ9" s="144">
        <v>5604160502</v>
      </c>
      <c r="NK9" s="359">
        <v>5604160502</v>
      </c>
      <c r="NL9" s="142">
        <v>0</v>
      </c>
      <c r="NM9" s="140">
        <v>0</v>
      </c>
      <c r="NN9" s="144">
        <v>0</v>
      </c>
      <c r="NO9" s="139"/>
      <c r="NP9" s="140">
        <v>411139</v>
      </c>
      <c r="NQ9" s="140">
        <v>877739</v>
      </c>
      <c r="NR9" s="140">
        <v>5769939</v>
      </c>
      <c r="NS9" s="140">
        <v>70468415</v>
      </c>
      <c r="NT9" s="140">
        <v>107546478</v>
      </c>
      <c r="NU9" s="144">
        <v>185073710</v>
      </c>
      <c r="NV9" s="145">
        <v>185073710</v>
      </c>
      <c r="NW9" s="142">
        <v>0</v>
      </c>
      <c r="NX9" s="140">
        <v>0</v>
      </c>
      <c r="NY9" s="144">
        <v>0</v>
      </c>
      <c r="NZ9" s="139"/>
      <c r="OA9" s="140">
        <v>2929826</v>
      </c>
      <c r="OB9" s="140">
        <v>6609663</v>
      </c>
      <c r="OC9" s="140">
        <v>20653686</v>
      </c>
      <c r="OD9" s="140">
        <v>99000756</v>
      </c>
      <c r="OE9" s="140">
        <v>143503607</v>
      </c>
      <c r="OF9" s="144">
        <v>272697538</v>
      </c>
      <c r="OG9" s="145">
        <v>272697538</v>
      </c>
      <c r="OH9" s="142">
        <v>392445645</v>
      </c>
      <c r="OI9" s="140">
        <v>832329263</v>
      </c>
      <c r="OJ9" s="141">
        <v>1224774908</v>
      </c>
      <c r="OK9" s="143">
        <v>0</v>
      </c>
      <c r="OL9" s="140">
        <v>7253633731</v>
      </c>
      <c r="OM9" s="140">
        <v>10367720250</v>
      </c>
      <c r="ON9" s="140">
        <v>11850594841</v>
      </c>
      <c r="OO9" s="140">
        <v>12776503156</v>
      </c>
      <c r="OP9" s="140">
        <v>9510249819</v>
      </c>
      <c r="OQ9" s="144">
        <v>51758701797</v>
      </c>
      <c r="OR9" s="146">
        <v>52983476705</v>
      </c>
    </row>
    <row r="10" spans="1:408" ht="18.75" customHeight="1" x14ac:dyDescent="0.2">
      <c r="A10" s="63" t="s">
        <v>5</v>
      </c>
      <c r="B10" s="113">
        <v>155499227</v>
      </c>
      <c r="C10" s="117">
        <v>364823335</v>
      </c>
      <c r="D10" s="116">
        <v>520322562</v>
      </c>
      <c r="E10" s="112">
        <v>0</v>
      </c>
      <c r="F10" s="117">
        <v>1740772778</v>
      </c>
      <c r="G10" s="117">
        <v>3101590107</v>
      </c>
      <c r="H10" s="117">
        <v>2339924097</v>
      </c>
      <c r="I10" s="117">
        <v>2109970624</v>
      </c>
      <c r="J10" s="117">
        <v>1662871952</v>
      </c>
      <c r="K10" s="112">
        <v>10955129558</v>
      </c>
      <c r="L10" s="119">
        <v>11475452120</v>
      </c>
      <c r="M10" s="113">
        <v>40382372</v>
      </c>
      <c r="N10" s="117">
        <v>124584307</v>
      </c>
      <c r="O10" s="116">
        <v>164966679</v>
      </c>
      <c r="P10" s="113">
        <v>0</v>
      </c>
      <c r="Q10" s="117">
        <v>511124649</v>
      </c>
      <c r="R10" s="117">
        <v>1033426214</v>
      </c>
      <c r="S10" s="117">
        <v>779578189</v>
      </c>
      <c r="T10" s="117">
        <v>780021724</v>
      </c>
      <c r="U10" s="117">
        <v>844198693</v>
      </c>
      <c r="V10" s="116">
        <v>3948349469</v>
      </c>
      <c r="W10" s="119">
        <v>4113316148</v>
      </c>
      <c r="X10" s="113">
        <v>0</v>
      </c>
      <c r="Y10" s="117">
        <v>0</v>
      </c>
      <c r="Z10" s="116">
        <v>0</v>
      </c>
      <c r="AA10" s="113">
        <v>0</v>
      </c>
      <c r="AB10" s="117">
        <v>248404067</v>
      </c>
      <c r="AC10" s="117">
        <v>502161059</v>
      </c>
      <c r="AD10" s="117">
        <v>417570976</v>
      </c>
      <c r="AE10" s="117">
        <v>417444532</v>
      </c>
      <c r="AF10" s="117">
        <v>457938773</v>
      </c>
      <c r="AG10" s="116">
        <v>2043519407</v>
      </c>
      <c r="AH10" s="119">
        <v>2043519407</v>
      </c>
      <c r="AI10" s="113">
        <v>0</v>
      </c>
      <c r="AJ10" s="117">
        <v>536183</v>
      </c>
      <c r="AK10" s="116">
        <v>536183</v>
      </c>
      <c r="AL10" s="113">
        <v>0</v>
      </c>
      <c r="AM10" s="117">
        <v>1437809</v>
      </c>
      <c r="AN10" s="117">
        <v>9976839</v>
      </c>
      <c r="AO10" s="117">
        <v>19703695</v>
      </c>
      <c r="AP10" s="117">
        <v>48063836</v>
      </c>
      <c r="AQ10" s="117">
        <v>109643127</v>
      </c>
      <c r="AR10" s="116">
        <v>188825306</v>
      </c>
      <c r="AS10" s="119">
        <v>189361489</v>
      </c>
      <c r="AT10" s="113">
        <v>23262252</v>
      </c>
      <c r="AU10" s="117">
        <v>93753375</v>
      </c>
      <c r="AV10" s="116">
        <v>117015627</v>
      </c>
      <c r="AW10" s="113">
        <v>0</v>
      </c>
      <c r="AX10" s="117">
        <v>160939527</v>
      </c>
      <c r="AY10" s="117">
        <v>366408037</v>
      </c>
      <c r="AZ10" s="117">
        <v>216649133</v>
      </c>
      <c r="BA10" s="117">
        <v>195082858</v>
      </c>
      <c r="BB10" s="117">
        <v>185494452</v>
      </c>
      <c r="BC10" s="116">
        <v>1124574007</v>
      </c>
      <c r="BD10" s="119">
        <v>1241589634</v>
      </c>
      <c r="BE10" s="113">
        <v>2823886</v>
      </c>
      <c r="BF10" s="117">
        <v>11097616</v>
      </c>
      <c r="BG10" s="115">
        <v>13921502</v>
      </c>
      <c r="BH10" s="114">
        <v>0</v>
      </c>
      <c r="BI10" s="117">
        <v>9614473</v>
      </c>
      <c r="BJ10" s="117">
        <v>28081084</v>
      </c>
      <c r="BK10" s="117">
        <v>17503264</v>
      </c>
      <c r="BL10" s="117">
        <v>16309178</v>
      </c>
      <c r="BM10" s="117">
        <v>9478229</v>
      </c>
      <c r="BN10" s="116">
        <v>80986228</v>
      </c>
      <c r="BO10" s="119">
        <v>94907730</v>
      </c>
      <c r="BP10" s="113">
        <v>14296234</v>
      </c>
      <c r="BQ10" s="117">
        <v>19197133</v>
      </c>
      <c r="BR10" s="116">
        <v>33493367</v>
      </c>
      <c r="BS10" s="113">
        <v>0</v>
      </c>
      <c r="BT10" s="117">
        <v>90728773</v>
      </c>
      <c r="BU10" s="117">
        <v>126799195</v>
      </c>
      <c r="BV10" s="117">
        <v>108151121</v>
      </c>
      <c r="BW10" s="117">
        <v>103121320</v>
      </c>
      <c r="BX10" s="117">
        <v>81644112</v>
      </c>
      <c r="BY10" s="116">
        <v>510444521</v>
      </c>
      <c r="BZ10" s="119">
        <v>543937888</v>
      </c>
      <c r="CA10" s="113">
        <v>16217634</v>
      </c>
      <c r="CB10" s="117">
        <v>51462738</v>
      </c>
      <c r="CC10" s="116">
        <v>67680372</v>
      </c>
      <c r="CD10" s="113">
        <v>0</v>
      </c>
      <c r="CE10" s="117">
        <v>447844934</v>
      </c>
      <c r="CF10" s="117">
        <v>802111400</v>
      </c>
      <c r="CG10" s="117">
        <v>517758543</v>
      </c>
      <c r="CH10" s="117">
        <v>324594374</v>
      </c>
      <c r="CI10" s="117">
        <v>163397769</v>
      </c>
      <c r="CJ10" s="116">
        <v>2255707020</v>
      </c>
      <c r="CK10" s="119">
        <v>2323387392</v>
      </c>
      <c r="CL10" s="113">
        <v>0</v>
      </c>
      <c r="CM10" s="117">
        <v>0</v>
      </c>
      <c r="CN10" s="116">
        <v>0</v>
      </c>
      <c r="CO10" s="114">
        <v>0</v>
      </c>
      <c r="CP10" s="117">
        <v>379627041</v>
      </c>
      <c r="CQ10" s="117">
        <v>601511902</v>
      </c>
      <c r="CR10" s="117">
        <v>382251779</v>
      </c>
      <c r="CS10" s="117">
        <v>230530043</v>
      </c>
      <c r="CT10" s="117">
        <v>123815554</v>
      </c>
      <c r="CU10" s="116">
        <v>1717736319</v>
      </c>
      <c r="CV10" s="119">
        <v>1717736319</v>
      </c>
      <c r="CW10" s="113">
        <v>16217634</v>
      </c>
      <c r="CX10" s="117">
        <v>51462738</v>
      </c>
      <c r="CY10" s="116">
        <v>67680372</v>
      </c>
      <c r="CZ10" s="113">
        <v>0</v>
      </c>
      <c r="DA10" s="117">
        <v>68217893</v>
      </c>
      <c r="DB10" s="117">
        <v>200599498</v>
      </c>
      <c r="DC10" s="117">
        <v>135506764</v>
      </c>
      <c r="DD10" s="117">
        <v>94064331</v>
      </c>
      <c r="DE10" s="117">
        <v>39582215</v>
      </c>
      <c r="DF10" s="116">
        <v>537970701</v>
      </c>
      <c r="DG10" s="119">
        <v>605651073</v>
      </c>
      <c r="DH10" s="113">
        <v>610140</v>
      </c>
      <c r="DI10" s="117">
        <v>4159464</v>
      </c>
      <c r="DJ10" s="115">
        <v>4769604</v>
      </c>
      <c r="DK10" s="114">
        <v>0</v>
      </c>
      <c r="DL10" s="117">
        <v>41397297</v>
      </c>
      <c r="DM10" s="117">
        <v>118039787</v>
      </c>
      <c r="DN10" s="117">
        <v>202670725</v>
      </c>
      <c r="DO10" s="117">
        <v>177784943</v>
      </c>
      <c r="DP10" s="117">
        <v>107087406</v>
      </c>
      <c r="DQ10" s="116">
        <v>646980158</v>
      </c>
      <c r="DR10" s="119">
        <v>651749762</v>
      </c>
      <c r="DS10" s="113">
        <v>530440</v>
      </c>
      <c r="DT10" s="117">
        <v>3447385</v>
      </c>
      <c r="DU10" s="116">
        <v>3977825</v>
      </c>
      <c r="DV10" s="113">
        <v>0</v>
      </c>
      <c r="DW10" s="117">
        <v>35514441</v>
      </c>
      <c r="DX10" s="117">
        <v>98594890</v>
      </c>
      <c r="DY10" s="117">
        <v>172415404</v>
      </c>
      <c r="DZ10" s="117">
        <v>148835474</v>
      </c>
      <c r="EA10" s="117">
        <v>83301337</v>
      </c>
      <c r="EB10" s="116">
        <v>538661546</v>
      </c>
      <c r="EC10" s="119">
        <v>542639371</v>
      </c>
      <c r="ED10" s="113">
        <v>79700</v>
      </c>
      <c r="EE10" s="115">
        <v>712079</v>
      </c>
      <c r="EF10" s="116">
        <v>791779</v>
      </c>
      <c r="EG10" s="113">
        <v>0</v>
      </c>
      <c r="EH10" s="117">
        <v>5882856</v>
      </c>
      <c r="EI10" s="117">
        <v>19444897</v>
      </c>
      <c r="EJ10" s="117">
        <v>30255321</v>
      </c>
      <c r="EK10" s="117">
        <v>28949469</v>
      </c>
      <c r="EL10" s="117">
        <v>23786069</v>
      </c>
      <c r="EM10" s="115">
        <v>108318612</v>
      </c>
      <c r="EN10" s="119">
        <v>109110391</v>
      </c>
      <c r="EO10" s="113">
        <v>0</v>
      </c>
      <c r="EP10" s="117">
        <v>0</v>
      </c>
      <c r="EQ10" s="115">
        <v>0</v>
      </c>
      <c r="ER10" s="114">
        <v>0</v>
      </c>
      <c r="ES10" s="117">
        <v>0</v>
      </c>
      <c r="ET10" s="117">
        <v>0</v>
      </c>
      <c r="EU10" s="117">
        <v>0</v>
      </c>
      <c r="EV10" s="117">
        <v>0</v>
      </c>
      <c r="EW10" s="117">
        <v>0</v>
      </c>
      <c r="EX10" s="116">
        <v>0</v>
      </c>
      <c r="EY10" s="119">
        <v>0</v>
      </c>
      <c r="EZ10" s="113">
        <v>0</v>
      </c>
      <c r="FA10" s="117">
        <v>0</v>
      </c>
      <c r="FB10" s="115">
        <v>0</v>
      </c>
      <c r="FC10" s="395">
        <v>0</v>
      </c>
      <c r="FD10" s="117">
        <v>0</v>
      </c>
      <c r="FE10" s="117">
        <v>0</v>
      </c>
      <c r="FF10" s="117">
        <v>0</v>
      </c>
      <c r="FG10" s="117">
        <v>0</v>
      </c>
      <c r="FH10" s="117">
        <v>0</v>
      </c>
      <c r="FI10" s="116">
        <v>0</v>
      </c>
      <c r="FJ10" s="119">
        <v>0</v>
      </c>
      <c r="FK10" s="113">
        <v>29535987</v>
      </c>
      <c r="FL10" s="117">
        <v>73382860</v>
      </c>
      <c r="FM10" s="116">
        <v>102918847</v>
      </c>
      <c r="FN10" s="113">
        <v>0</v>
      </c>
      <c r="FO10" s="117">
        <v>63318209</v>
      </c>
      <c r="FP10" s="117">
        <v>263381234</v>
      </c>
      <c r="FQ10" s="117">
        <v>172682675</v>
      </c>
      <c r="FR10" s="117">
        <v>154378408</v>
      </c>
      <c r="FS10" s="117">
        <v>119555488</v>
      </c>
      <c r="FT10" s="116">
        <v>773316014</v>
      </c>
      <c r="FU10" s="119">
        <v>876234861</v>
      </c>
      <c r="FV10" s="118">
        <v>14877928</v>
      </c>
      <c r="FW10" s="117">
        <v>54974482</v>
      </c>
      <c r="FX10" s="115">
        <v>69852410</v>
      </c>
      <c r="FY10" s="114">
        <v>0</v>
      </c>
      <c r="FZ10" s="117">
        <v>48230181</v>
      </c>
      <c r="GA10" s="117">
        <v>243930657</v>
      </c>
      <c r="GB10" s="117">
        <v>160428754</v>
      </c>
      <c r="GC10" s="117">
        <v>143268040</v>
      </c>
      <c r="GD10" s="117">
        <v>114994836</v>
      </c>
      <c r="GE10" s="116">
        <v>710852468</v>
      </c>
      <c r="GF10" s="357">
        <v>780704878</v>
      </c>
      <c r="GG10" s="118">
        <v>1517198</v>
      </c>
      <c r="GH10" s="117">
        <v>2919219</v>
      </c>
      <c r="GI10" s="115">
        <v>4436417</v>
      </c>
      <c r="GJ10" s="114">
        <v>0</v>
      </c>
      <c r="GK10" s="117">
        <v>3031295</v>
      </c>
      <c r="GL10" s="117">
        <v>5264835</v>
      </c>
      <c r="GM10" s="117">
        <v>3895439</v>
      </c>
      <c r="GN10" s="117">
        <v>3957830</v>
      </c>
      <c r="GO10" s="117">
        <v>1703192</v>
      </c>
      <c r="GP10" s="116">
        <v>17852591</v>
      </c>
      <c r="GQ10" s="119">
        <v>22289008</v>
      </c>
      <c r="GR10" s="113">
        <v>13140861</v>
      </c>
      <c r="GS10" s="117">
        <v>15489159</v>
      </c>
      <c r="GT10" s="116">
        <v>28630020</v>
      </c>
      <c r="GU10" s="113">
        <v>0</v>
      </c>
      <c r="GV10" s="117">
        <v>12056733</v>
      </c>
      <c r="GW10" s="117">
        <v>14185742</v>
      </c>
      <c r="GX10" s="117">
        <v>8358482</v>
      </c>
      <c r="GY10" s="117">
        <v>7152538</v>
      </c>
      <c r="GZ10" s="117">
        <v>2857460</v>
      </c>
      <c r="HA10" s="115">
        <v>44610955</v>
      </c>
      <c r="HB10" s="119">
        <v>73240975</v>
      </c>
      <c r="HC10" s="113">
        <v>44672077</v>
      </c>
      <c r="HD10" s="117">
        <v>53074008</v>
      </c>
      <c r="HE10" s="115">
        <v>97746085</v>
      </c>
      <c r="HF10" s="114">
        <v>0</v>
      </c>
      <c r="HG10" s="117">
        <v>408416738</v>
      </c>
      <c r="HH10" s="117">
        <v>477184639</v>
      </c>
      <c r="HI10" s="117">
        <v>426258407</v>
      </c>
      <c r="HJ10" s="117">
        <v>508394928</v>
      </c>
      <c r="HK10" s="117">
        <v>325646017</v>
      </c>
      <c r="HL10" s="116">
        <v>2145900729</v>
      </c>
      <c r="HM10" s="112">
        <v>2243646814</v>
      </c>
      <c r="HN10" s="118">
        <v>24081017</v>
      </c>
      <c r="HO10" s="117">
        <v>58159958</v>
      </c>
      <c r="HP10" s="116">
        <v>82240975</v>
      </c>
      <c r="HQ10" s="113">
        <v>0</v>
      </c>
      <c r="HR10" s="117">
        <v>268670951</v>
      </c>
      <c r="HS10" s="117">
        <v>407446833</v>
      </c>
      <c r="HT10" s="117">
        <v>240975558</v>
      </c>
      <c r="HU10" s="117">
        <v>164796247</v>
      </c>
      <c r="HV10" s="117">
        <v>102986579</v>
      </c>
      <c r="HW10" s="115">
        <v>1184876168</v>
      </c>
      <c r="HX10" s="119">
        <v>1267117143</v>
      </c>
      <c r="HY10" s="148">
        <v>3608691</v>
      </c>
      <c r="HZ10" s="149">
        <v>13313405</v>
      </c>
      <c r="IA10" s="150">
        <v>16922096</v>
      </c>
      <c r="IB10" s="151">
        <v>0</v>
      </c>
      <c r="IC10" s="152">
        <v>622227957</v>
      </c>
      <c r="ID10" s="153">
        <v>969322695</v>
      </c>
      <c r="IE10" s="154">
        <v>948290471</v>
      </c>
      <c r="IF10" s="152">
        <v>681196153</v>
      </c>
      <c r="IG10" s="154">
        <v>529689925</v>
      </c>
      <c r="IH10" s="155">
        <v>3750727201</v>
      </c>
      <c r="II10" s="156">
        <v>3767649297</v>
      </c>
      <c r="IJ10" s="259">
        <v>0</v>
      </c>
      <c r="IK10" s="266">
        <v>0</v>
      </c>
      <c r="IL10" s="267">
        <v>0</v>
      </c>
      <c r="IM10" s="157"/>
      <c r="IN10" s="123">
        <v>10293154</v>
      </c>
      <c r="IO10" s="123">
        <v>24740387</v>
      </c>
      <c r="IP10" s="123">
        <v>31424067</v>
      </c>
      <c r="IQ10" s="123">
        <v>49758532</v>
      </c>
      <c r="IR10" s="123">
        <v>44178002</v>
      </c>
      <c r="IS10" s="158">
        <v>160394142</v>
      </c>
      <c r="IT10" s="360">
        <v>160394142</v>
      </c>
      <c r="IU10" s="159">
        <v>0</v>
      </c>
      <c r="IV10" s="123">
        <v>0</v>
      </c>
      <c r="IW10" s="124">
        <v>0</v>
      </c>
      <c r="IX10" s="157"/>
      <c r="IY10" s="123">
        <v>2520150</v>
      </c>
      <c r="IZ10" s="123">
        <v>9128203</v>
      </c>
      <c r="JA10" s="123">
        <v>8682732</v>
      </c>
      <c r="JB10" s="123">
        <v>9961760</v>
      </c>
      <c r="JC10" s="123">
        <v>14818801</v>
      </c>
      <c r="JD10" s="124">
        <v>45111646</v>
      </c>
      <c r="JE10" s="125">
        <v>45111646</v>
      </c>
      <c r="JF10" s="159">
        <v>0</v>
      </c>
      <c r="JG10" s="123">
        <v>0</v>
      </c>
      <c r="JH10" s="158">
        <v>0</v>
      </c>
      <c r="JI10" s="122">
        <v>0</v>
      </c>
      <c r="JJ10" s="123">
        <v>201395193</v>
      </c>
      <c r="JK10" s="123">
        <v>330688081</v>
      </c>
      <c r="JL10" s="123">
        <v>246770811</v>
      </c>
      <c r="JM10" s="123">
        <v>151428811</v>
      </c>
      <c r="JN10" s="123">
        <v>88081428</v>
      </c>
      <c r="JO10" s="124">
        <v>1018364324</v>
      </c>
      <c r="JP10" s="360">
        <v>1018364324</v>
      </c>
      <c r="JQ10" s="159">
        <v>78090</v>
      </c>
      <c r="JR10" s="123">
        <v>0</v>
      </c>
      <c r="JS10" s="158">
        <v>78090</v>
      </c>
      <c r="JT10" s="122">
        <v>0</v>
      </c>
      <c r="JU10" s="123">
        <v>30431716</v>
      </c>
      <c r="JV10" s="123">
        <v>55731282</v>
      </c>
      <c r="JW10" s="123">
        <v>82239457</v>
      </c>
      <c r="JX10" s="123">
        <v>49420034</v>
      </c>
      <c r="JY10" s="123">
        <v>50602648</v>
      </c>
      <c r="JZ10" s="124">
        <v>268425137</v>
      </c>
      <c r="KA10" s="360">
        <v>268503227</v>
      </c>
      <c r="KB10" s="262">
        <v>3530601</v>
      </c>
      <c r="KC10" s="256">
        <v>10575865</v>
      </c>
      <c r="KD10" s="124">
        <v>14106466</v>
      </c>
      <c r="KE10" s="122">
        <v>0</v>
      </c>
      <c r="KF10" s="123">
        <v>75276124</v>
      </c>
      <c r="KG10" s="123">
        <v>131066481</v>
      </c>
      <c r="KH10" s="123">
        <v>146669985</v>
      </c>
      <c r="KI10" s="123">
        <v>117906779</v>
      </c>
      <c r="KJ10" s="123">
        <v>72703284</v>
      </c>
      <c r="KK10" s="124">
        <v>543622653</v>
      </c>
      <c r="KL10" s="160">
        <v>557729119</v>
      </c>
      <c r="KM10" s="259">
        <v>0</v>
      </c>
      <c r="KN10" s="266">
        <v>2737540</v>
      </c>
      <c r="KO10" s="267">
        <v>2737540</v>
      </c>
      <c r="KP10" s="157"/>
      <c r="KQ10" s="123">
        <v>296519056</v>
      </c>
      <c r="KR10" s="123">
        <v>405509043</v>
      </c>
      <c r="KS10" s="123">
        <v>402005846</v>
      </c>
      <c r="KT10" s="123">
        <v>268789223</v>
      </c>
      <c r="KU10" s="123">
        <v>198757110</v>
      </c>
      <c r="KV10" s="124">
        <v>1571580278</v>
      </c>
      <c r="KW10" s="360">
        <v>1574317818</v>
      </c>
      <c r="KX10" s="159">
        <v>0</v>
      </c>
      <c r="KY10" s="123">
        <v>0</v>
      </c>
      <c r="KZ10" s="124">
        <v>0</v>
      </c>
      <c r="LA10" s="157"/>
      <c r="LB10" s="123">
        <v>171830</v>
      </c>
      <c r="LC10" s="123">
        <v>193075</v>
      </c>
      <c r="LD10" s="123">
        <v>645795</v>
      </c>
      <c r="LE10" s="123">
        <v>334783</v>
      </c>
      <c r="LF10" s="123">
        <v>1288725</v>
      </c>
      <c r="LG10" s="124">
        <v>2634208</v>
      </c>
      <c r="LH10" s="125">
        <v>2634208</v>
      </c>
      <c r="LI10" s="159">
        <v>0</v>
      </c>
      <c r="LJ10" s="123">
        <v>0</v>
      </c>
      <c r="LK10" s="124">
        <v>0</v>
      </c>
      <c r="LL10" s="157"/>
      <c r="LM10" s="123">
        <v>1044962</v>
      </c>
      <c r="LN10" s="123">
        <v>709388</v>
      </c>
      <c r="LO10" s="123">
        <v>5762515</v>
      </c>
      <c r="LP10" s="123">
        <v>5125365</v>
      </c>
      <c r="LQ10" s="123">
        <v>3141926</v>
      </c>
      <c r="LR10" s="124">
        <v>15784156</v>
      </c>
      <c r="LS10" s="360">
        <v>15784156</v>
      </c>
      <c r="LT10" s="159">
        <v>0</v>
      </c>
      <c r="LU10" s="123">
        <v>0</v>
      </c>
      <c r="LV10" s="124">
        <v>0</v>
      </c>
      <c r="LW10" s="157"/>
      <c r="LX10" s="123">
        <v>4575772</v>
      </c>
      <c r="LY10" s="123">
        <v>11556755</v>
      </c>
      <c r="LZ10" s="123">
        <v>24089263</v>
      </c>
      <c r="MA10" s="123">
        <v>28470866</v>
      </c>
      <c r="MB10" s="123">
        <v>56118001</v>
      </c>
      <c r="MC10" s="124">
        <v>124810657</v>
      </c>
      <c r="MD10" s="125">
        <v>124810657</v>
      </c>
      <c r="ME10" s="159">
        <v>0</v>
      </c>
      <c r="MF10" s="123">
        <v>0</v>
      </c>
      <c r="MG10" s="124">
        <v>0</v>
      </c>
      <c r="MH10" s="157"/>
      <c r="MI10" s="123">
        <v>231454622</v>
      </c>
      <c r="MJ10" s="123">
        <v>699972320</v>
      </c>
      <c r="MK10" s="123">
        <v>1754315268</v>
      </c>
      <c r="ML10" s="123">
        <v>2524609648</v>
      </c>
      <c r="MM10" s="123">
        <v>1886149458</v>
      </c>
      <c r="MN10" s="124">
        <v>7096501316</v>
      </c>
      <c r="MO10" s="160">
        <v>7096501316</v>
      </c>
      <c r="MP10" s="159">
        <v>0</v>
      </c>
      <c r="MQ10" s="123">
        <v>0</v>
      </c>
      <c r="MR10" s="124">
        <v>0</v>
      </c>
      <c r="MS10" s="157"/>
      <c r="MT10" s="123">
        <v>51121355</v>
      </c>
      <c r="MU10" s="123">
        <v>229952772</v>
      </c>
      <c r="MV10" s="123">
        <v>1123681163</v>
      </c>
      <c r="MW10" s="123">
        <v>1687176353</v>
      </c>
      <c r="MX10" s="123">
        <v>1349855270</v>
      </c>
      <c r="MY10" s="124">
        <v>4441786913</v>
      </c>
      <c r="MZ10" s="160">
        <v>4441786913</v>
      </c>
      <c r="NA10" s="159">
        <v>0</v>
      </c>
      <c r="NB10" s="123">
        <v>0</v>
      </c>
      <c r="NC10" s="124">
        <v>0</v>
      </c>
      <c r="ND10" s="157"/>
      <c r="NE10" s="123">
        <v>179884311</v>
      </c>
      <c r="NF10" s="123">
        <v>467140163</v>
      </c>
      <c r="NG10" s="123">
        <v>623955084</v>
      </c>
      <c r="NH10" s="123">
        <v>785718363</v>
      </c>
      <c r="NI10" s="123">
        <v>464493995</v>
      </c>
      <c r="NJ10" s="124">
        <v>2521191916</v>
      </c>
      <c r="NK10" s="360">
        <v>2521191916</v>
      </c>
      <c r="NL10" s="159">
        <v>0</v>
      </c>
      <c r="NM10" s="123">
        <v>0</v>
      </c>
      <c r="NN10" s="124">
        <v>0</v>
      </c>
      <c r="NO10" s="157"/>
      <c r="NP10" s="123">
        <v>0</v>
      </c>
      <c r="NQ10" s="123">
        <v>877739</v>
      </c>
      <c r="NR10" s="123">
        <v>1934099</v>
      </c>
      <c r="NS10" s="123">
        <v>20382318</v>
      </c>
      <c r="NT10" s="123">
        <v>36066417</v>
      </c>
      <c r="NU10" s="124">
        <v>59260573</v>
      </c>
      <c r="NV10" s="125">
        <v>59260573</v>
      </c>
      <c r="NW10" s="159">
        <v>0</v>
      </c>
      <c r="NX10" s="123">
        <v>0</v>
      </c>
      <c r="NY10" s="124">
        <v>0</v>
      </c>
      <c r="NZ10" s="157"/>
      <c r="OA10" s="123">
        <v>448956</v>
      </c>
      <c r="OB10" s="123">
        <v>2001646</v>
      </c>
      <c r="OC10" s="123">
        <v>4744922</v>
      </c>
      <c r="OD10" s="123">
        <v>31332614</v>
      </c>
      <c r="OE10" s="123">
        <v>35733776</v>
      </c>
      <c r="OF10" s="124">
        <v>74261914</v>
      </c>
      <c r="OG10" s="125">
        <v>74261914</v>
      </c>
      <c r="OH10" s="159">
        <v>159107918</v>
      </c>
      <c r="OI10" s="123">
        <v>378136740</v>
      </c>
      <c r="OJ10" s="158">
        <v>537244658</v>
      </c>
      <c r="OK10" s="122">
        <v>0</v>
      </c>
      <c r="OL10" s="123">
        <v>2594455357</v>
      </c>
      <c r="OM10" s="123">
        <v>4770885122</v>
      </c>
      <c r="ON10" s="123">
        <v>5042529836</v>
      </c>
      <c r="OO10" s="123">
        <v>5315776425</v>
      </c>
      <c r="OP10" s="123">
        <v>4078711335</v>
      </c>
      <c r="OQ10" s="124">
        <v>21802358075</v>
      </c>
      <c r="OR10" s="160">
        <v>22339602733</v>
      </c>
    </row>
    <row r="11" spans="1:408" ht="18.75" customHeight="1" x14ac:dyDescent="0.2">
      <c r="A11" s="63" t="s">
        <v>6</v>
      </c>
      <c r="B11" s="113">
        <v>51783753</v>
      </c>
      <c r="C11" s="117">
        <v>93147479</v>
      </c>
      <c r="D11" s="116">
        <v>144931232</v>
      </c>
      <c r="E11" s="112">
        <v>0</v>
      </c>
      <c r="F11" s="117">
        <v>840115798</v>
      </c>
      <c r="G11" s="117">
        <v>896128712</v>
      </c>
      <c r="H11" s="117">
        <v>799269150</v>
      </c>
      <c r="I11" s="117">
        <v>804238632</v>
      </c>
      <c r="J11" s="117">
        <v>632780262</v>
      </c>
      <c r="K11" s="112">
        <v>3972532554</v>
      </c>
      <c r="L11" s="119">
        <v>4117463786</v>
      </c>
      <c r="M11" s="113">
        <v>14154555</v>
      </c>
      <c r="N11" s="117">
        <v>30410232</v>
      </c>
      <c r="O11" s="116">
        <v>44564787</v>
      </c>
      <c r="P11" s="113">
        <v>0</v>
      </c>
      <c r="Q11" s="117">
        <v>268080047</v>
      </c>
      <c r="R11" s="117">
        <v>312660953</v>
      </c>
      <c r="S11" s="117">
        <v>276497456</v>
      </c>
      <c r="T11" s="117">
        <v>318190169</v>
      </c>
      <c r="U11" s="117">
        <v>329187936</v>
      </c>
      <c r="V11" s="116">
        <v>1504616561</v>
      </c>
      <c r="W11" s="119">
        <v>1549181348</v>
      </c>
      <c r="X11" s="113">
        <v>0</v>
      </c>
      <c r="Y11" s="117">
        <v>0</v>
      </c>
      <c r="Z11" s="116">
        <v>0</v>
      </c>
      <c r="AA11" s="113">
        <v>0</v>
      </c>
      <c r="AB11" s="117">
        <v>135106766</v>
      </c>
      <c r="AC11" s="117">
        <v>166183801</v>
      </c>
      <c r="AD11" s="117">
        <v>161200273</v>
      </c>
      <c r="AE11" s="117">
        <v>190100626</v>
      </c>
      <c r="AF11" s="117">
        <v>196174588</v>
      </c>
      <c r="AG11" s="116">
        <v>848766054</v>
      </c>
      <c r="AH11" s="119">
        <v>848766054</v>
      </c>
      <c r="AI11" s="113">
        <v>0</v>
      </c>
      <c r="AJ11" s="117">
        <v>141301</v>
      </c>
      <c r="AK11" s="116">
        <v>141301</v>
      </c>
      <c r="AL11" s="113">
        <v>0</v>
      </c>
      <c r="AM11" s="117">
        <v>1265464</v>
      </c>
      <c r="AN11" s="117">
        <v>3539296</v>
      </c>
      <c r="AO11" s="117">
        <v>7371208</v>
      </c>
      <c r="AP11" s="117">
        <v>16461779</v>
      </c>
      <c r="AQ11" s="117">
        <v>35945229</v>
      </c>
      <c r="AR11" s="116">
        <v>64582976</v>
      </c>
      <c r="AS11" s="119">
        <v>64724277</v>
      </c>
      <c r="AT11" s="113">
        <v>7752730</v>
      </c>
      <c r="AU11" s="117">
        <v>22274279</v>
      </c>
      <c r="AV11" s="116">
        <v>30027009</v>
      </c>
      <c r="AW11" s="113">
        <v>0</v>
      </c>
      <c r="AX11" s="117">
        <v>81119657</v>
      </c>
      <c r="AY11" s="117">
        <v>86846511</v>
      </c>
      <c r="AZ11" s="117">
        <v>58981788</v>
      </c>
      <c r="BA11" s="117">
        <v>61160324</v>
      </c>
      <c r="BB11" s="117">
        <v>58153870</v>
      </c>
      <c r="BC11" s="116">
        <v>346262150</v>
      </c>
      <c r="BD11" s="119">
        <v>376289159</v>
      </c>
      <c r="BE11" s="113">
        <v>623438</v>
      </c>
      <c r="BF11" s="117">
        <v>1878025</v>
      </c>
      <c r="BG11" s="115">
        <v>2501463</v>
      </c>
      <c r="BH11" s="114">
        <v>0</v>
      </c>
      <c r="BI11" s="117">
        <v>5649966</v>
      </c>
      <c r="BJ11" s="117">
        <v>7660694</v>
      </c>
      <c r="BK11" s="117">
        <v>4880575</v>
      </c>
      <c r="BL11" s="117">
        <v>5110584</v>
      </c>
      <c r="BM11" s="117">
        <v>3028154</v>
      </c>
      <c r="BN11" s="116">
        <v>26329973</v>
      </c>
      <c r="BO11" s="119">
        <v>28831436</v>
      </c>
      <c r="BP11" s="113">
        <v>5778387</v>
      </c>
      <c r="BQ11" s="117">
        <v>6116627</v>
      </c>
      <c r="BR11" s="116">
        <v>11895014</v>
      </c>
      <c r="BS11" s="113">
        <v>0</v>
      </c>
      <c r="BT11" s="117">
        <v>44938194</v>
      </c>
      <c r="BU11" s="117">
        <v>48430651</v>
      </c>
      <c r="BV11" s="117">
        <v>44063612</v>
      </c>
      <c r="BW11" s="117">
        <v>45356856</v>
      </c>
      <c r="BX11" s="117">
        <v>35886095</v>
      </c>
      <c r="BY11" s="116">
        <v>218675408</v>
      </c>
      <c r="BZ11" s="119">
        <v>230570422</v>
      </c>
      <c r="CA11" s="113">
        <v>2210262</v>
      </c>
      <c r="CB11" s="117">
        <v>8450715</v>
      </c>
      <c r="CC11" s="116">
        <v>10660977</v>
      </c>
      <c r="CD11" s="113">
        <v>0</v>
      </c>
      <c r="CE11" s="117">
        <v>236419342</v>
      </c>
      <c r="CF11" s="117">
        <v>240955004</v>
      </c>
      <c r="CG11" s="117">
        <v>185296484</v>
      </c>
      <c r="CH11" s="117">
        <v>133656254</v>
      </c>
      <c r="CI11" s="117">
        <v>60339073</v>
      </c>
      <c r="CJ11" s="116">
        <v>856666157</v>
      </c>
      <c r="CK11" s="119">
        <v>867327134</v>
      </c>
      <c r="CL11" s="113">
        <v>0</v>
      </c>
      <c r="CM11" s="117">
        <v>0</v>
      </c>
      <c r="CN11" s="116">
        <v>0</v>
      </c>
      <c r="CO11" s="114">
        <v>0</v>
      </c>
      <c r="CP11" s="117">
        <v>205158439</v>
      </c>
      <c r="CQ11" s="117">
        <v>189239289</v>
      </c>
      <c r="CR11" s="117">
        <v>144247691</v>
      </c>
      <c r="CS11" s="117">
        <v>104158155</v>
      </c>
      <c r="CT11" s="117">
        <v>49450020</v>
      </c>
      <c r="CU11" s="116">
        <v>692253594</v>
      </c>
      <c r="CV11" s="119">
        <v>692253594</v>
      </c>
      <c r="CW11" s="113">
        <v>2210262</v>
      </c>
      <c r="CX11" s="117">
        <v>8450715</v>
      </c>
      <c r="CY11" s="116">
        <v>10660977</v>
      </c>
      <c r="CZ11" s="113">
        <v>0</v>
      </c>
      <c r="DA11" s="117">
        <v>31260903</v>
      </c>
      <c r="DB11" s="117">
        <v>51715715</v>
      </c>
      <c r="DC11" s="117">
        <v>41048793</v>
      </c>
      <c r="DD11" s="117">
        <v>29498099</v>
      </c>
      <c r="DE11" s="117">
        <v>10889053</v>
      </c>
      <c r="DF11" s="116">
        <v>164412563</v>
      </c>
      <c r="DG11" s="119">
        <v>175073540</v>
      </c>
      <c r="DH11" s="113">
        <v>132615</v>
      </c>
      <c r="DI11" s="117">
        <v>978117</v>
      </c>
      <c r="DJ11" s="115">
        <v>1110732</v>
      </c>
      <c r="DK11" s="114">
        <v>0</v>
      </c>
      <c r="DL11" s="117">
        <v>18938859</v>
      </c>
      <c r="DM11" s="117">
        <v>31701881</v>
      </c>
      <c r="DN11" s="117">
        <v>58779156</v>
      </c>
      <c r="DO11" s="117">
        <v>50539480</v>
      </c>
      <c r="DP11" s="117">
        <v>31133458</v>
      </c>
      <c r="DQ11" s="116">
        <v>191092834</v>
      </c>
      <c r="DR11" s="119">
        <v>192203566</v>
      </c>
      <c r="DS11" s="113">
        <v>132615</v>
      </c>
      <c r="DT11" s="117">
        <v>978117</v>
      </c>
      <c r="DU11" s="116">
        <v>1110732</v>
      </c>
      <c r="DV11" s="113">
        <v>0</v>
      </c>
      <c r="DW11" s="117">
        <v>16585696</v>
      </c>
      <c r="DX11" s="117">
        <v>28221421</v>
      </c>
      <c r="DY11" s="117">
        <v>53122301</v>
      </c>
      <c r="DZ11" s="117">
        <v>43687140</v>
      </c>
      <c r="EA11" s="117">
        <v>26523735</v>
      </c>
      <c r="EB11" s="116">
        <v>168140293</v>
      </c>
      <c r="EC11" s="119">
        <v>169251025</v>
      </c>
      <c r="ED11" s="113">
        <v>0</v>
      </c>
      <c r="EE11" s="115">
        <v>0</v>
      </c>
      <c r="EF11" s="116">
        <v>0</v>
      </c>
      <c r="EG11" s="113">
        <v>0</v>
      </c>
      <c r="EH11" s="117">
        <v>2353163</v>
      </c>
      <c r="EI11" s="117">
        <v>3480460</v>
      </c>
      <c r="EJ11" s="117">
        <v>5656855</v>
      </c>
      <c r="EK11" s="117">
        <v>6852340</v>
      </c>
      <c r="EL11" s="117">
        <v>4609723</v>
      </c>
      <c r="EM11" s="115">
        <v>22952541</v>
      </c>
      <c r="EN11" s="119">
        <v>22952541</v>
      </c>
      <c r="EO11" s="113">
        <v>0</v>
      </c>
      <c r="EP11" s="117">
        <v>0</v>
      </c>
      <c r="EQ11" s="115">
        <v>0</v>
      </c>
      <c r="ER11" s="114">
        <v>0</v>
      </c>
      <c r="ES11" s="117">
        <v>0</v>
      </c>
      <c r="ET11" s="117">
        <v>0</v>
      </c>
      <c r="EU11" s="117">
        <v>0</v>
      </c>
      <c r="EV11" s="117">
        <v>0</v>
      </c>
      <c r="EW11" s="117">
        <v>0</v>
      </c>
      <c r="EX11" s="116">
        <v>0</v>
      </c>
      <c r="EY11" s="119">
        <v>0</v>
      </c>
      <c r="EZ11" s="113">
        <v>0</v>
      </c>
      <c r="FA11" s="117">
        <v>0</v>
      </c>
      <c r="FB11" s="115">
        <v>0</v>
      </c>
      <c r="FC11" s="395">
        <v>0</v>
      </c>
      <c r="FD11" s="117">
        <v>0</v>
      </c>
      <c r="FE11" s="117">
        <v>0</v>
      </c>
      <c r="FF11" s="117">
        <v>0</v>
      </c>
      <c r="FG11" s="117">
        <v>0</v>
      </c>
      <c r="FH11" s="117">
        <v>0</v>
      </c>
      <c r="FI11" s="116">
        <v>0</v>
      </c>
      <c r="FJ11" s="119">
        <v>0</v>
      </c>
      <c r="FK11" s="113">
        <v>10448018</v>
      </c>
      <c r="FL11" s="117">
        <v>20112987</v>
      </c>
      <c r="FM11" s="116">
        <v>30561005</v>
      </c>
      <c r="FN11" s="113">
        <v>0</v>
      </c>
      <c r="FO11" s="117">
        <v>41867390</v>
      </c>
      <c r="FP11" s="117">
        <v>74017595</v>
      </c>
      <c r="FQ11" s="117">
        <v>58564722</v>
      </c>
      <c r="FR11" s="117">
        <v>59703428</v>
      </c>
      <c r="FS11" s="117">
        <v>43133594</v>
      </c>
      <c r="FT11" s="116">
        <v>277286729</v>
      </c>
      <c r="FU11" s="119">
        <v>307847734</v>
      </c>
      <c r="FV11" s="118">
        <v>6840893</v>
      </c>
      <c r="FW11" s="117">
        <v>15925315</v>
      </c>
      <c r="FX11" s="115">
        <v>22766208</v>
      </c>
      <c r="FY11" s="114">
        <v>0</v>
      </c>
      <c r="FZ11" s="117">
        <v>35776632</v>
      </c>
      <c r="GA11" s="117">
        <v>68236669</v>
      </c>
      <c r="GB11" s="117">
        <v>54335542</v>
      </c>
      <c r="GC11" s="117">
        <v>54576147</v>
      </c>
      <c r="GD11" s="117">
        <v>41263383</v>
      </c>
      <c r="GE11" s="116">
        <v>254188373</v>
      </c>
      <c r="GF11" s="357">
        <v>276954581</v>
      </c>
      <c r="GG11" s="118">
        <v>391104</v>
      </c>
      <c r="GH11" s="117">
        <v>1123822</v>
      </c>
      <c r="GI11" s="115">
        <v>1514926</v>
      </c>
      <c r="GJ11" s="114">
        <v>0</v>
      </c>
      <c r="GK11" s="117">
        <v>1545972</v>
      </c>
      <c r="GL11" s="117">
        <v>2542924</v>
      </c>
      <c r="GM11" s="117">
        <v>1649007</v>
      </c>
      <c r="GN11" s="117">
        <v>2368338</v>
      </c>
      <c r="GO11" s="117">
        <v>715091</v>
      </c>
      <c r="GP11" s="116">
        <v>8821332</v>
      </c>
      <c r="GQ11" s="119">
        <v>10336258</v>
      </c>
      <c r="GR11" s="113">
        <v>3216021</v>
      </c>
      <c r="GS11" s="117">
        <v>3063850</v>
      </c>
      <c r="GT11" s="116">
        <v>6279871</v>
      </c>
      <c r="GU11" s="113">
        <v>0</v>
      </c>
      <c r="GV11" s="117">
        <v>4544786</v>
      </c>
      <c r="GW11" s="117">
        <v>3238002</v>
      </c>
      <c r="GX11" s="117">
        <v>2580173</v>
      </c>
      <c r="GY11" s="117">
        <v>2758943</v>
      </c>
      <c r="GZ11" s="117">
        <v>1155120</v>
      </c>
      <c r="HA11" s="115">
        <v>14277024</v>
      </c>
      <c r="HB11" s="119">
        <v>20556895</v>
      </c>
      <c r="HC11" s="113">
        <v>15483804</v>
      </c>
      <c r="HD11" s="117">
        <v>17034601</v>
      </c>
      <c r="HE11" s="115">
        <v>32518405</v>
      </c>
      <c r="HF11" s="114">
        <v>0</v>
      </c>
      <c r="HG11" s="117">
        <v>137567273</v>
      </c>
      <c r="HH11" s="117">
        <v>130050777</v>
      </c>
      <c r="HI11" s="117">
        <v>141538071</v>
      </c>
      <c r="HJ11" s="117">
        <v>181917697</v>
      </c>
      <c r="HK11" s="117">
        <v>132204600</v>
      </c>
      <c r="HL11" s="116">
        <v>723278418</v>
      </c>
      <c r="HM11" s="112">
        <v>755796823</v>
      </c>
      <c r="HN11" s="118">
        <v>9354499</v>
      </c>
      <c r="HO11" s="117">
        <v>16160827</v>
      </c>
      <c r="HP11" s="116">
        <v>25515326</v>
      </c>
      <c r="HQ11" s="113">
        <v>0</v>
      </c>
      <c r="HR11" s="117">
        <v>137242887</v>
      </c>
      <c r="HS11" s="117">
        <v>106742502</v>
      </c>
      <c r="HT11" s="117">
        <v>78593261</v>
      </c>
      <c r="HU11" s="117">
        <v>60231604</v>
      </c>
      <c r="HV11" s="117">
        <v>36781601</v>
      </c>
      <c r="HW11" s="115">
        <v>419591855</v>
      </c>
      <c r="HX11" s="119">
        <v>445107181</v>
      </c>
      <c r="HY11" s="148">
        <v>1458484</v>
      </c>
      <c r="HZ11" s="149">
        <v>4659063</v>
      </c>
      <c r="IA11" s="150">
        <v>6117547</v>
      </c>
      <c r="IB11" s="162">
        <v>0</v>
      </c>
      <c r="IC11" s="149">
        <v>291526662</v>
      </c>
      <c r="ID11" s="163">
        <v>331237829</v>
      </c>
      <c r="IE11" s="150">
        <v>353011210</v>
      </c>
      <c r="IF11" s="149">
        <v>292529851</v>
      </c>
      <c r="IG11" s="150">
        <v>202822075</v>
      </c>
      <c r="IH11" s="164">
        <v>1471127627</v>
      </c>
      <c r="II11" s="156">
        <v>1477245174</v>
      </c>
      <c r="IJ11" s="259">
        <v>0</v>
      </c>
      <c r="IK11" s="266">
        <v>0</v>
      </c>
      <c r="IL11" s="267">
        <v>0</v>
      </c>
      <c r="IM11" s="157"/>
      <c r="IN11" s="123">
        <v>6304433</v>
      </c>
      <c r="IO11" s="123">
        <v>10411331</v>
      </c>
      <c r="IP11" s="123">
        <v>10682710</v>
      </c>
      <c r="IQ11" s="123">
        <v>21398505</v>
      </c>
      <c r="IR11" s="123">
        <v>23106492</v>
      </c>
      <c r="IS11" s="158">
        <v>71903471</v>
      </c>
      <c r="IT11" s="360">
        <v>71903471</v>
      </c>
      <c r="IU11" s="159">
        <v>0</v>
      </c>
      <c r="IV11" s="123">
        <v>0</v>
      </c>
      <c r="IW11" s="124">
        <v>0</v>
      </c>
      <c r="IX11" s="157"/>
      <c r="IY11" s="123">
        <v>1366543</v>
      </c>
      <c r="IZ11" s="123">
        <v>1838340</v>
      </c>
      <c r="JA11" s="123">
        <v>2573107</v>
      </c>
      <c r="JB11" s="123">
        <v>2339758</v>
      </c>
      <c r="JC11" s="123">
        <v>3932110</v>
      </c>
      <c r="JD11" s="124">
        <v>12049858</v>
      </c>
      <c r="JE11" s="125">
        <v>12049858</v>
      </c>
      <c r="JF11" s="159">
        <v>0</v>
      </c>
      <c r="JG11" s="123">
        <v>0</v>
      </c>
      <c r="JH11" s="158">
        <v>0</v>
      </c>
      <c r="JI11" s="122">
        <v>0</v>
      </c>
      <c r="JJ11" s="123">
        <v>94731224</v>
      </c>
      <c r="JK11" s="123">
        <v>82128070</v>
      </c>
      <c r="JL11" s="123">
        <v>68564285</v>
      </c>
      <c r="JM11" s="123">
        <v>44886461</v>
      </c>
      <c r="JN11" s="123">
        <v>28252996</v>
      </c>
      <c r="JO11" s="124">
        <v>318563036</v>
      </c>
      <c r="JP11" s="360">
        <v>318563036</v>
      </c>
      <c r="JQ11" s="159">
        <v>53306</v>
      </c>
      <c r="JR11" s="123">
        <v>22355</v>
      </c>
      <c r="JS11" s="158">
        <v>75661</v>
      </c>
      <c r="JT11" s="122">
        <v>0</v>
      </c>
      <c r="JU11" s="123">
        <v>17039422</v>
      </c>
      <c r="JV11" s="123">
        <v>21376244</v>
      </c>
      <c r="JW11" s="123">
        <v>31119522</v>
      </c>
      <c r="JX11" s="123">
        <v>21025380</v>
      </c>
      <c r="JY11" s="123">
        <v>16776032</v>
      </c>
      <c r="JZ11" s="124">
        <v>107336600</v>
      </c>
      <c r="KA11" s="360">
        <v>107412261</v>
      </c>
      <c r="KB11" s="262">
        <v>1405178</v>
      </c>
      <c r="KC11" s="256">
        <v>2989916</v>
      </c>
      <c r="KD11" s="124">
        <v>4395094</v>
      </c>
      <c r="KE11" s="122">
        <v>0</v>
      </c>
      <c r="KF11" s="123">
        <v>31196251</v>
      </c>
      <c r="KG11" s="123">
        <v>43856356</v>
      </c>
      <c r="KH11" s="123">
        <v>46803663</v>
      </c>
      <c r="KI11" s="123">
        <v>39318060</v>
      </c>
      <c r="KJ11" s="123">
        <v>19252056</v>
      </c>
      <c r="KK11" s="124">
        <v>180426386</v>
      </c>
      <c r="KL11" s="160">
        <v>184821480</v>
      </c>
      <c r="KM11" s="259">
        <v>0</v>
      </c>
      <c r="KN11" s="266">
        <v>1646792</v>
      </c>
      <c r="KO11" s="267">
        <v>1646792</v>
      </c>
      <c r="KP11" s="157"/>
      <c r="KQ11" s="123">
        <v>130990613</v>
      </c>
      <c r="KR11" s="123">
        <v>153439018</v>
      </c>
      <c r="KS11" s="123">
        <v>152524851</v>
      </c>
      <c r="KT11" s="123">
        <v>111401336</v>
      </c>
      <c r="KU11" s="123">
        <v>62791028</v>
      </c>
      <c r="KV11" s="124">
        <v>611146846</v>
      </c>
      <c r="KW11" s="360">
        <v>612793638</v>
      </c>
      <c r="KX11" s="159">
        <v>0</v>
      </c>
      <c r="KY11" s="123">
        <v>0</v>
      </c>
      <c r="KZ11" s="124">
        <v>0</v>
      </c>
      <c r="LA11" s="157"/>
      <c r="LB11" s="123">
        <v>0</v>
      </c>
      <c r="LC11" s="123">
        <v>0</v>
      </c>
      <c r="LD11" s="123">
        <v>0</v>
      </c>
      <c r="LE11" s="123">
        <v>0</v>
      </c>
      <c r="LF11" s="123">
        <v>0</v>
      </c>
      <c r="LG11" s="124">
        <v>0</v>
      </c>
      <c r="LH11" s="125">
        <v>0</v>
      </c>
      <c r="LI11" s="159">
        <v>0</v>
      </c>
      <c r="LJ11" s="123">
        <v>0</v>
      </c>
      <c r="LK11" s="124">
        <v>0</v>
      </c>
      <c r="LL11" s="157"/>
      <c r="LM11" s="123">
        <v>886844</v>
      </c>
      <c r="LN11" s="123">
        <v>1270841</v>
      </c>
      <c r="LO11" s="123">
        <v>19243131</v>
      </c>
      <c r="LP11" s="123">
        <v>29808792</v>
      </c>
      <c r="LQ11" s="123">
        <v>20873859</v>
      </c>
      <c r="LR11" s="124">
        <v>72083467</v>
      </c>
      <c r="LS11" s="360">
        <v>72083467</v>
      </c>
      <c r="LT11" s="159">
        <v>0</v>
      </c>
      <c r="LU11" s="123">
        <v>0</v>
      </c>
      <c r="LV11" s="124">
        <v>0</v>
      </c>
      <c r="LW11" s="157"/>
      <c r="LX11" s="123">
        <v>9011332</v>
      </c>
      <c r="LY11" s="123">
        <v>16917629</v>
      </c>
      <c r="LZ11" s="123">
        <v>21499941</v>
      </c>
      <c r="MA11" s="123">
        <v>22351559</v>
      </c>
      <c r="MB11" s="123">
        <v>27837502</v>
      </c>
      <c r="MC11" s="124">
        <v>97617963</v>
      </c>
      <c r="MD11" s="125">
        <v>97617963</v>
      </c>
      <c r="ME11" s="159">
        <v>0</v>
      </c>
      <c r="MF11" s="123">
        <v>0</v>
      </c>
      <c r="MG11" s="124">
        <v>0</v>
      </c>
      <c r="MH11" s="157"/>
      <c r="MI11" s="123">
        <v>74407445</v>
      </c>
      <c r="MJ11" s="123">
        <v>143056701</v>
      </c>
      <c r="MK11" s="123">
        <v>470536699</v>
      </c>
      <c r="ML11" s="123">
        <v>716836680</v>
      </c>
      <c r="MM11" s="123">
        <v>559010581</v>
      </c>
      <c r="MN11" s="124">
        <v>1963848106</v>
      </c>
      <c r="MO11" s="160">
        <v>1963848106</v>
      </c>
      <c r="MP11" s="159">
        <v>0</v>
      </c>
      <c r="MQ11" s="123">
        <v>0</v>
      </c>
      <c r="MR11" s="124">
        <v>0</v>
      </c>
      <c r="MS11" s="157"/>
      <c r="MT11" s="123">
        <v>17331304</v>
      </c>
      <c r="MU11" s="123">
        <v>47955791</v>
      </c>
      <c r="MV11" s="123">
        <v>318811362</v>
      </c>
      <c r="MW11" s="123">
        <v>462259688</v>
      </c>
      <c r="MX11" s="123">
        <v>389083376</v>
      </c>
      <c r="MY11" s="124">
        <v>1235441521</v>
      </c>
      <c r="MZ11" s="160">
        <v>1235441521</v>
      </c>
      <c r="NA11" s="159">
        <v>0</v>
      </c>
      <c r="NB11" s="123">
        <v>0</v>
      </c>
      <c r="NC11" s="124">
        <v>0</v>
      </c>
      <c r="ND11" s="157"/>
      <c r="NE11" s="123">
        <v>56665002</v>
      </c>
      <c r="NF11" s="123">
        <v>94844500</v>
      </c>
      <c r="NG11" s="123">
        <v>146819258</v>
      </c>
      <c r="NH11" s="123">
        <v>217183847</v>
      </c>
      <c r="NI11" s="123">
        <v>112264635</v>
      </c>
      <c r="NJ11" s="124">
        <v>627777242</v>
      </c>
      <c r="NK11" s="360">
        <v>627777242</v>
      </c>
      <c r="NL11" s="159">
        <v>0</v>
      </c>
      <c r="NM11" s="123">
        <v>0</v>
      </c>
      <c r="NN11" s="124">
        <v>0</v>
      </c>
      <c r="NO11" s="157"/>
      <c r="NP11" s="123">
        <v>411139</v>
      </c>
      <c r="NQ11" s="123">
        <v>0</v>
      </c>
      <c r="NR11" s="123">
        <v>2799408</v>
      </c>
      <c r="NS11" s="123">
        <v>23280355</v>
      </c>
      <c r="NT11" s="123">
        <v>34458760</v>
      </c>
      <c r="NU11" s="124">
        <v>60949662</v>
      </c>
      <c r="NV11" s="125">
        <v>60949662</v>
      </c>
      <c r="NW11" s="159">
        <v>0</v>
      </c>
      <c r="NX11" s="123">
        <v>0</v>
      </c>
      <c r="NY11" s="124">
        <v>0</v>
      </c>
      <c r="NZ11" s="157"/>
      <c r="OA11" s="123">
        <v>0</v>
      </c>
      <c r="OB11" s="123">
        <v>256410</v>
      </c>
      <c r="OC11" s="123">
        <v>2106671</v>
      </c>
      <c r="OD11" s="123">
        <v>14112790</v>
      </c>
      <c r="OE11" s="123">
        <v>23203810</v>
      </c>
      <c r="OF11" s="124">
        <v>39679681</v>
      </c>
      <c r="OG11" s="125">
        <v>39679681</v>
      </c>
      <c r="OH11" s="159">
        <v>53242237</v>
      </c>
      <c r="OI11" s="123">
        <v>97806542</v>
      </c>
      <c r="OJ11" s="158">
        <v>151048779</v>
      </c>
      <c r="OK11" s="122">
        <v>0</v>
      </c>
      <c r="OL11" s="123">
        <v>1206049905</v>
      </c>
      <c r="OM11" s="123">
        <v>1370423242</v>
      </c>
      <c r="ON11" s="123">
        <v>1622817059</v>
      </c>
      <c r="OO11" s="123">
        <v>1813605163</v>
      </c>
      <c r="OP11" s="123">
        <v>1394612918</v>
      </c>
      <c r="OQ11" s="124">
        <v>7407508287</v>
      </c>
      <c r="OR11" s="160">
        <v>7558557066</v>
      </c>
    </row>
    <row r="12" spans="1:408" ht="18.75" customHeight="1" x14ac:dyDescent="0.2">
      <c r="A12" s="63" t="s">
        <v>14</v>
      </c>
      <c r="B12" s="113">
        <v>27139075</v>
      </c>
      <c r="C12" s="117">
        <v>71773690</v>
      </c>
      <c r="D12" s="116">
        <v>98912765</v>
      </c>
      <c r="E12" s="112">
        <v>0</v>
      </c>
      <c r="F12" s="117">
        <v>324855281</v>
      </c>
      <c r="G12" s="117">
        <v>476961687</v>
      </c>
      <c r="H12" s="117">
        <v>439410765</v>
      </c>
      <c r="I12" s="117">
        <v>395497720</v>
      </c>
      <c r="J12" s="117">
        <v>267676910</v>
      </c>
      <c r="K12" s="115">
        <v>1904402363</v>
      </c>
      <c r="L12" s="119">
        <v>2003315128</v>
      </c>
      <c r="M12" s="113">
        <v>5227654</v>
      </c>
      <c r="N12" s="117">
        <v>17606247</v>
      </c>
      <c r="O12" s="116">
        <v>22833901</v>
      </c>
      <c r="P12" s="113">
        <v>0</v>
      </c>
      <c r="Q12" s="117">
        <v>87737557</v>
      </c>
      <c r="R12" s="117">
        <v>146136211</v>
      </c>
      <c r="S12" s="117">
        <v>139492259</v>
      </c>
      <c r="T12" s="117">
        <v>141057684</v>
      </c>
      <c r="U12" s="117">
        <v>125476570</v>
      </c>
      <c r="V12" s="116">
        <v>639900281</v>
      </c>
      <c r="W12" s="119">
        <v>662734182</v>
      </c>
      <c r="X12" s="113">
        <v>0</v>
      </c>
      <c r="Y12" s="117">
        <v>0</v>
      </c>
      <c r="Z12" s="116">
        <v>0</v>
      </c>
      <c r="AA12" s="113">
        <v>0</v>
      </c>
      <c r="AB12" s="117">
        <v>45375196</v>
      </c>
      <c r="AC12" s="117">
        <v>79277669</v>
      </c>
      <c r="AD12" s="117">
        <v>82328688</v>
      </c>
      <c r="AE12" s="117">
        <v>83024654</v>
      </c>
      <c r="AF12" s="117">
        <v>71417921</v>
      </c>
      <c r="AG12" s="116">
        <v>361424128</v>
      </c>
      <c r="AH12" s="119">
        <v>361424128</v>
      </c>
      <c r="AI12" s="113">
        <v>0</v>
      </c>
      <c r="AJ12" s="117">
        <v>36174</v>
      </c>
      <c r="AK12" s="116">
        <v>36174</v>
      </c>
      <c r="AL12" s="113">
        <v>0</v>
      </c>
      <c r="AM12" s="117">
        <v>392006</v>
      </c>
      <c r="AN12" s="117">
        <v>1259245</v>
      </c>
      <c r="AO12" s="117">
        <v>3148841</v>
      </c>
      <c r="AP12" s="117">
        <v>7540396</v>
      </c>
      <c r="AQ12" s="117">
        <v>14588533</v>
      </c>
      <c r="AR12" s="116">
        <v>26929021</v>
      </c>
      <c r="AS12" s="119">
        <v>26965195</v>
      </c>
      <c r="AT12" s="113">
        <v>2439442</v>
      </c>
      <c r="AU12" s="117">
        <v>12761920</v>
      </c>
      <c r="AV12" s="116">
        <v>15201362</v>
      </c>
      <c r="AW12" s="113">
        <v>0</v>
      </c>
      <c r="AX12" s="117">
        <v>23784284</v>
      </c>
      <c r="AY12" s="117">
        <v>42550356</v>
      </c>
      <c r="AZ12" s="117">
        <v>30680871</v>
      </c>
      <c r="BA12" s="117">
        <v>30875377</v>
      </c>
      <c r="BB12" s="117">
        <v>25080881</v>
      </c>
      <c r="BC12" s="116">
        <v>152971769</v>
      </c>
      <c r="BD12" s="119">
        <v>168173131</v>
      </c>
      <c r="BE12" s="113">
        <v>136226</v>
      </c>
      <c r="BF12" s="117">
        <v>1436036</v>
      </c>
      <c r="BG12" s="115">
        <v>1572262</v>
      </c>
      <c r="BH12" s="114">
        <v>0</v>
      </c>
      <c r="BI12" s="117">
        <v>762330</v>
      </c>
      <c r="BJ12" s="117">
        <v>2282572</v>
      </c>
      <c r="BK12" s="117">
        <v>2305740</v>
      </c>
      <c r="BL12" s="117">
        <v>1518832</v>
      </c>
      <c r="BM12" s="117">
        <v>1445525</v>
      </c>
      <c r="BN12" s="116">
        <v>8314999</v>
      </c>
      <c r="BO12" s="119">
        <v>9887261</v>
      </c>
      <c r="BP12" s="113">
        <v>2651986</v>
      </c>
      <c r="BQ12" s="117">
        <v>3372117</v>
      </c>
      <c r="BR12" s="116">
        <v>6024103</v>
      </c>
      <c r="BS12" s="113">
        <v>0</v>
      </c>
      <c r="BT12" s="117">
        <v>17423741</v>
      </c>
      <c r="BU12" s="117">
        <v>20766369</v>
      </c>
      <c r="BV12" s="117">
        <v>21028119</v>
      </c>
      <c r="BW12" s="117">
        <v>18098425</v>
      </c>
      <c r="BX12" s="117">
        <v>12943710</v>
      </c>
      <c r="BY12" s="116">
        <v>90260364</v>
      </c>
      <c r="BZ12" s="119">
        <v>96284467</v>
      </c>
      <c r="CA12" s="113">
        <v>1872955</v>
      </c>
      <c r="CB12" s="117">
        <v>7933965</v>
      </c>
      <c r="CC12" s="116">
        <v>9806920</v>
      </c>
      <c r="CD12" s="113">
        <v>0</v>
      </c>
      <c r="CE12" s="117">
        <v>101432293</v>
      </c>
      <c r="CF12" s="117">
        <v>140699899</v>
      </c>
      <c r="CG12" s="117">
        <v>120423013</v>
      </c>
      <c r="CH12" s="117">
        <v>82056581</v>
      </c>
      <c r="CI12" s="117">
        <v>42679512</v>
      </c>
      <c r="CJ12" s="116">
        <v>487291298</v>
      </c>
      <c r="CK12" s="119">
        <v>497098218</v>
      </c>
      <c r="CL12" s="113">
        <v>0</v>
      </c>
      <c r="CM12" s="117">
        <v>0</v>
      </c>
      <c r="CN12" s="116">
        <v>0</v>
      </c>
      <c r="CO12" s="114">
        <v>0</v>
      </c>
      <c r="CP12" s="117">
        <v>93976386</v>
      </c>
      <c r="CQ12" s="117">
        <v>117500787</v>
      </c>
      <c r="CR12" s="117">
        <v>102466034</v>
      </c>
      <c r="CS12" s="117">
        <v>66667315</v>
      </c>
      <c r="CT12" s="117">
        <v>38486888</v>
      </c>
      <c r="CU12" s="116">
        <v>419097410</v>
      </c>
      <c r="CV12" s="119">
        <v>419097410</v>
      </c>
      <c r="CW12" s="113">
        <v>1872955</v>
      </c>
      <c r="CX12" s="117">
        <v>7933965</v>
      </c>
      <c r="CY12" s="116">
        <v>9806920</v>
      </c>
      <c r="CZ12" s="113">
        <v>0</v>
      </c>
      <c r="DA12" s="117">
        <v>7455907</v>
      </c>
      <c r="DB12" s="117">
        <v>23199112</v>
      </c>
      <c r="DC12" s="117">
        <v>17956979</v>
      </c>
      <c r="DD12" s="117">
        <v>15389266</v>
      </c>
      <c r="DE12" s="117">
        <v>4192624</v>
      </c>
      <c r="DF12" s="116">
        <v>68193888</v>
      </c>
      <c r="DG12" s="119">
        <v>78000808</v>
      </c>
      <c r="DH12" s="113">
        <v>36254</v>
      </c>
      <c r="DI12" s="117">
        <v>1169083</v>
      </c>
      <c r="DJ12" s="115">
        <v>1205337</v>
      </c>
      <c r="DK12" s="114">
        <v>0</v>
      </c>
      <c r="DL12" s="117">
        <v>9938039</v>
      </c>
      <c r="DM12" s="117">
        <v>22288411</v>
      </c>
      <c r="DN12" s="117">
        <v>44814804</v>
      </c>
      <c r="DO12" s="117">
        <v>40576025</v>
      </c>
      <c r="DP12" s="117">
        <v>21729806</v>
      </c>
      <c r="DQ12" s="116">
        <v>139347085</v>
      </c>
      <c r="DR12" s="119">
        <v>140552422</v>
      </c>
      <c r="DS12" s="113">
        <v>36254</v>
      </c>
      <c r="DT12" s="117">
        <v>1130250</v>
      </c>
      <c r="DU12" s="116">
        <v>1166504</v>
      </c>
      <c r="DV12" s="113">
        <v>0</v>
      </c>
      <c r="DW12" s="117">
        <v>9829235</v>
      </c>
      <c r="DX12" s="117">
        <v>21811034</v>
      </c>
      <c r="DY12" s="117">
        <v>44088683</v>
      </c>
      <c r="DZ12" s="117">
        <v>39159208</v>
      </c>
      <c r="EA12" s="117">
        <v>21171825</v>
      </c>
      <c r="EB12" s="116">
        <v>136059985</v>
      </c>
      <c r="EC12" s="119">
        <v>137226489</v>
      </c>
      <c r="ED12" s="113">
        <v>0</v>
      </c>
      <c r="EE12" s="115">
        <v>38833</v>
      </c>
      <c r="EF12" s="116">
        <v>38833</v>
      </c>
      <c r="EG12" s="113">
        <v>0</v>
      </c>
      <c r="EH12" s="117">
        <v>108804</v>
      </c>
      <c r="EI12" s="117">
        <v>477377</v>
      </c>
      <c r="EJ12" s="117">
        <v>726121</v>
      </c>
      <c r="EK12" s="117">
        <v>1416817</v>
      </c>
      <c r="EL12" s="117">
        <v>557981</v>
      </c>
      <c r="EM12" s="115">
        <v>3287100</v>
      </c>
      <c r="EN12" s="119">
        <v>3325933</v>
      </c>
      <c r="EO12" s="113">
        <v>0</v>
      </c>
      <c r="EP12" s="117">
        <v>0</v>
      </c>
      <c r="EQ12" s="115">
        <v>0</v>
      </c>
      <c r="ER12" s="114">
        <v>0</v>
      </c>
      <c r="ES12" s="117">
        <v>0</v>
      </c>
      <c r="ET12" s="117">
        <v>0</v>
      </c>
      <c r="EU12" s="117">
        <v>0</v>
      </c>
      <c r="EV12" s="117">
        <v>0</v>
      </c>
      <c r="EW12" s="117">
        <v>0</v>
      </c>
      <c r="EX12" s="116">
        <v>0</v>
      </c>
      <c r="EY12" s="119">
        <v>0</v>
      </c>
      <c r="EZ12" s="113">
        <v>0</v>
      </c>
      <c r="FA12" s="117">
        <v>0</v>
      </c>
      <c r="FB12" s="115">
        <v>0</v>
      </c>
      <c r="FC12" s="395">
        <v>0</v>
      </c>
      <c r="FD12" s="117">
        <v>0</v>
      </c>
      <c r="FE12" s="117">
        <v>0</v>
      </c>
      <c r="FF12" s="117">
        <v>0</v>
      </c>
      <c r="FG12" s="117">
        <v>0</v>
      </c>
      <c r="FH12" s="117">
        <v>0</v>
      </c>
      <c r="FI12" s="116">
        <v>0</v>
      </c>
      <c r="FJ12" s="119">
        <v>0</v>
      </c>
      <c r="FK12" s="113">
        <v>6709386</v>
      </c>
      <c r="FL12" s="117">
        <v>20304536</v>
      </c>
      <c r="FM12" s="116">
        <v>27013922</v>
      </c>
      <c r="FN12" s="113">
        <v>0</v>
      </c>
      <c r="FO12" s="117">
        <v>15880132</v>
      </c>
      <c r="FP12" s="117">
        <v>48502885</v>
      </c>
      <c r="FQ12" s="117">
        <v>36554732</v>
      </c>
      <c r="FR12" s="117">
        <v>33120248</v>
      </c>
      <c r="FS12" s="117">
        <v>21365356</v>
      </c>
      <c r="FT12" s="116">
        <v>155423353</v>
      </c>
      <c r="FU12" s="119">
        <v>182437275</v>
      </c>
      <c r="FV12" s="118">
        <v>4422260</v>
      </c>
      <c r="FW12" s="117">
        <v>16133037</v>
      </c>
      <c r="FX12" s="115">
        <v>20555297</v>
      </c>
      <c r="FY12" s="114">
        <v>0</v>
      </c>
      <c r="FZ12" s="117">
        <v>13237888</v>
      </c>
      <c r="GA12" s="117">
        <v>44602447</v>
      </c>
      <c r="GB12" s="117">
        <v>34092468</v>
      </c>
      <c r="GC12" s="117">
        <v>31383649</v>
      </c>
      <c r="GD12" s="117">
        <v>20197152</v>
      </c>
      <c r="GE12" s="116">
        <v>143513604</v>
      </c>
      <c r="GF12" s="357">
        <v>164068901</v>
      </c>
      <c r="GG12" s="118">
        <v>430983</v>
      </c>
      <c r="GH12" s="117">
        <v>799540</v>
      </c>
      <c r="GI12" s="115">
        <v>1230523</v>
      </c>
      <c r="GJ12" s="114">
        <v>0</v>
      </c>
      <c r="GK12" s="117">
        <v>504747</v>
      </c>
      <c r="GL12" s="117">
        <v>1284342</v>
      </c>
      <c r="GM12" s="117">
        <v>555197</v>
      </c>
      <c r="GN12" s="117">
        <v>663872</v>
      </c>
      <c r="GO12" s="117">
        <v>327538</v>
      </c>
      <c r="GP12" s="116">
        <v>3335696</v>
      </c>
      <c r="GQ12" s="119">
        <v>4566219</v>
      </c>
      <c r="GR12" s="113">
        <v>1856143</v>
      </c>
      <c r="GS12" s="117">
        <v>3371959</v>
      </c>
      <c r="GT12" s="116">
        <v>5228102</v>
      </c>
      <c r="GU12" s="113">
        <v>0</v>
      </c>
      <c r="GV12" s="117">
        <v>2137497</v>
      </c>
      <c r="GW12" s="117">
        <v>2616096</v>
      </c>
      <c r="GX12" s="117">
        <v>1907067</v>
      </c>
      <c r="GY12" s="117">
        <v>1072727</v>
      </c>
      <c r="GZ12" s="117">
        <v>840666</v>
      </c>
      <c r="HA12" s="115">
        <v>8574053</v>
      </c>
      <c r="HB12" s="119">
        <v>13802155</v>
      </c>
      <c r="HC12" s="113">
        <v>8648649</v>
      </c>
      <c r="HD12" s="117">
        <v>12341705</v>
      </c>
      <c r="HE12" s="115">
        <v>20990354</v>
      </c>
      <c r="HF12" s="114">
        <v>0</v>
      </c>
      <c r="HG12" s="117">
        <v>55618540</v>
      </c>
      <c r="HH12" s="117">
        <v>54201849</v>
      </c>
      <c r="HI12" s="117">
        <v>51171478</v>
      </c>
      <c r="HJ12" s="117">
        <v>66693925</v>
      </c>
      <c r="HK12" s="117">
        <v>39309554</v>
      </c>
      <c r="HL12" s="116">
        <v>266995346</v>
      </c>
      <c r="HM12" s="112">
        <v>287985700</v>
      </c>
      <c r="HN12" s="118">
        <v>4644177</v>
      </c>
      <c r="HO12" s="117">
        <v>12418154</v>
      </c>
      <c r="HP12" s="116">
        <v>17062331</v>
      </c>
      <c r="HQ12" s="113">
        <v>0</v>
      </c>
      <c r="HR12" s="117">
        <v>54248720</v>
      </c>
      <c r="HS12" s="117">
        <v>65132432</v>
      </c>
      <c r="HT12" s="117">
        <v>46954479</v>
      </c>
      <c r="HU12" s="117">
        <v>31993257</v>
      </c>
      <c r="HV12" s="117">
        <v>17116112</v>
      </c>
      <c r="HW12" s="115">
        <v>215445000</v>
      </c>
      <c r="HX12" s="119">
        <v>232507331</v>
      </c>
      <c r="HY12" s="148">
        <v>1058632</v>
      </c>
      <c r="HZ12" s="149">
        <v>4345853</v>
      </c>
      <c r="IA12" s="150">
        <v>5404485</v>
      </c>
      <c r="IB12" s="151">
        <v>0</v>
      </c>
      <c r="IC12" s="152">
        <v>136231656</v>
      </c>
      <c r="ID12" s="153">
        <v>167874625</v>
      </c>
      <c r="IE12" s="154">
        <v>193355748</v>
      </c>
      <c r="IF12" s="152">
        <v>127744796</v>
      </c>
      <c r="IG12" s="154">
        <v>75531502</v>
      </c>
      <c r="IH12" s="155">
        <v>700738327</v>
      </c>
      <c r="II12" s="156">
        <v>706142812</v>
      </c>
      <c r="IJ12" s="259">
        <v>0</v>
      </c>
      <c r="IK12" s="266">
        <v>0</v>
      </c>
      <c r="IL12" s="267">
        <v>0</v>
      </c>
      <c r="IM12" s="157"/>
      <c r="IN12" s="123">
        <v>1221347</v>
      </c>
      <c r="IO12" s="123">
        <v>1315586</v>
      </c>
      <c r="IP12" s="123">
        <v>3198479</v>
      </c>
      <c r="IQ12" s="123">
        <v>4200136</v>
      </c>
      <c r="IR12" s="123">
        <v>3212131</v>
      </c>
      <c r="IS12" s="158">
        <v>13147679</v>
      </c>
      <c r="IT12" s="360">
        <v>13147679</v>
      </c>
      <c r="IU12" s="159">
        <v>0</v>
      </c>
      <c r="IV12" s="123">
        <v>0</v>
      </c>
      <c r="IW12" s="124">
        <v>0</v>
      </c>
      <c r="IX12" s="157"/>
      <c r="IY12" s="123">
        <v>46133</v>
      </c>
      <c r="IZ12" s="123">
        <v>45460</v>
      </c>
      <c r="JA12" s="123">
        <v>11365</v>
      </c>
      <c r="JB12" s="123">
        <v>31569</v>
      </c>
      <c r="JC12" s="123">
        <v>121861</v>
      </c>
      <c r="JD12" s="124">
        <v>256388</v>
      </c>
      <c r="JE12" s="125">
        <v>256388</v>
      </c>
      <c r="JF12" s="159">
        <v>0</v>
      </c>
      <c r="JG12" s="123">
        <v>0</v>
      </c>
      <c r="JH12" s="158">
        <v>0</v>
      </c>
      <c r="JI12" s="122">
        <v>0</v>
      </c>
      <c r="JJ12" s="123">
        <v>50211996</v>
      </c>
      <c r="JK12" s="123">
        <v>60494649</v>
      </c>
      <c r="JL12" s="123">
        <v>52523772</v>
      </c>
      <c r="JM12" s="123">
        <v>27781673</v>
      </c>
      <c r="JN12" s="123">
        <v>15014614</v>
      </c>
      <c r="JO12" s="124">
        <v>206026704</v>
      </c>
      <c r="JP12" s="360">
        <v>206026704</v>
      </c>
      <c r="JQ12" s="159">
        <v>0</v>
      </c>
      <c r="JR12" s="123">
        <v>0</v>
      </c>
      <c r="JS12" s="158">
        <v>0</v>
      </c>
      <c r="JT12" s="122">
        <v>0</v>
      </c>
      <c r="JU12" s="123">
        <v>774023</v>
      </c>
      <c r="JV12" s="123">
        <v>1881976</v>
      </c>
      <c r="JW12" s="123">
        <v>5590935</v>
      </c>
      <c r="JX12" s="123">
        <v>3375139</v>
      </c>
      <c r="JY12" s="123">
        <v>2976421</v>
      </c>
      <c r="JZ12" s="124">
        <v>14598494</v>
      </c>
      <c r="KA12" s="360">
        <v>14598494</v>
      </c>
      <c r="KB12" s="262">
        <v>1058632</v>
      </c>
      <c r="KC12" s="256">
        <v>2850822</v>
      </c>
      <c r="KD12" s="124">
        <v>3909454</v>
      </c>
      <c r="KE12" s="122">
        <v>0</v>
      </c>
      <c r="KF12" s="123">
        <v>16888889</v>
      </c>
      <c r="KG12" s="123">
        <v>23421367</v>
      </c>
      <c r="KH12" s="123">
        <v>27175146</v>
      </c>
      <c r="KI12" s="123">
        <v>21736210</v>
      </c>
      <c r="KJ12" s="123">
        <v>7931343</v>
      </c>
      <c r="KK12" s="124">
        <v>97152955</v>
      </c>
      <c r="KL12" s="160">
        <v>101062409</v>
      </c>
      <c r="KM12" s="259">
        <v>0</v>
      </c>
      <c r="KN12" s="266">
        <v>1495031</v>
      </c>
      <c r="KO12" s="267">
        <v>1495031</v>
      </c>
      <c r="KP12" s="157"/>
      <c r="KQ12" s="123">
        <v>65921963</v>
      </c>
      <c r="KR12" s="123">
        <v>78126998</v>
      </c>
      <c r="KS12" s="123">
        <v>96160924</v>
      </c>
      <c r="KT12" s="123">
        <v>58371911</v>
      </c>
      <c r="KU12" s="123">
        <v>38841536</v>
      </c>
      <c r="KV12" s="124">
        <v>337423332</v>
      </c>
      <c r="KW12" s="360">
        <v>338918363</v>
      </c>
      <c r="KX12" s="159">
        <v>0</v>
      </c>
      <c r="KY12" s="123">
        <v>0</v>
      </c>
      <c r="KZ12" s="124">
        <v>0</v>
      </c>
      <c r="LA12" s="157"/>
      <c r="LB12" s="123">
        <v>0</v>
      </c>
      <c r="LC12" s="123">
        <v>0</v>
      </c>
      <c r="LD12" s="123">
        <v>0</v>
      </c>
      <c r="LE12" s="123">
        <v>0</v>
      </c>
      <c r="LF12" s="123">
        <v>0</v>
      </c>
      <c r="LG12" s="124">
        <v>0</v>
      </c>
      <c r="LH12" s="125">
        <v>0</v>
      </c>
      <c r="LI12" s="159">
        <v>0</v>
      </c>
      <c r="LJ12" s="123">
        <v>0</v>
      </c>
      <c r="LK12" s="124">
        <v>0</v>
      </c>
      <c r="LL12" s="157"/>
      <c r="LM12" s="123">
        <v>0</v>
      </c>
      <c r="LN12" s="123">
        <v>416135</v>
      </c>
      <c r="LO12" s="123">
        <v>5570207</v>
      </c>
      <c r="LP12" s="123">
        <v>7281787</v>
      </c>
      <c r="LQ12" s="123">
        <v>2130909</v>
      </c>
      <c r="LR12" s="124">
        <v>15399038</v>
      </c>
      <c r="LS12" s="360">
        <v>15399038</v>
      </c>
      <c r="LT12" s="159">
        <v>0</v>
      </c>
      <c r="LU12" s="123">
        <v>0</v>
      </c>
      <c r="LV12" s="124">
        <v>0</v>
      </c>
      <c r="LW12" s="157"/>
      <c r="LX12" s="123">
        <v>1167305</v>
      </c>
      <c r="LY12" s="123">
        <v>2172454</v>
      </c>
      <c r="LZ12" s="123">
        <v>3124920</v>
      </c>
      <c r="MA12" s="123">
        <v>4966371</v>
      </c>
      <c r="MB12" s="123">
        <v>5302687</v>
      </c>
      <c r="MC12" s="124">
        <v>16733737</v>
      </c>
      <c r="MD12" s="125">
        <v>16733737</v>
      </c>
      <c r="ME12" s="159">
        <v>0</v>
      </c>
      <c r="MF12" s="123">
        <v>0</v>
      </c>
      <c r="MG12" s="124">
        <v>0</v>
      </c>
      <c r="MH12" s="157"/>
      <c r="MI12" s="123">
        <v>26844372</v>
      </c>
      <c r="MJ12" s="123">
        <v>78294900</v>
      </c>
      <c r="MK12" s="123">
        <v>329376283</v>
      </c>
      <c r="ML12" s="123">
        <v>501181370</v>
      </c>
      <c r="MM12" s="123">
        <v>328973554</v>
      </c>
      <c r="MN12" s="124">
        <v>1264670479</v>
      </c>
      <c r="MO12" s="160">
        <v>1264670479</v>
      </c>
      <c r="MP12" s="159">
        <v>0</v>
      </c>
      <c r="MQ12" s="123">
        <v>0</v>
      </c>
      <c r="MR12" s="124">
        <v>0</v>
      </c>
      <c r="MS12" s="157"/>
      <c r="MT12" s="123">
        <v>2785113</v>
      </c>
      <c r="MU12" s="123">
        <v>15631397</v>
      </c>
      <c r="MV12" s="123">
        <v>228821470</v>
      </c>
      <c r="MW12" s="123">
        <v>354912106</v>
      </c>
      <c r="MX12" s="123">
        <v>227728896</v>
      </c>
      <c r="MY12" s="124">
        <v>829878982</v>
      </c>
      <c r="MZ12" s="160">
        <v>829878982</v>
      </c>
      <c r="NA12" s="159">
        <v>0</v>
      </c>
      <c r="NB12" s="123">
        <v>0</v>
      </c>
      <c r="NC12" s="124">
        <v>0</v>
      </c>
      <c r="ND12" s="157"/>
      <c r="NE12" s="123">
        <v>24059259</v>
      </c>
      <c r="NF12" s="123">
        <v>62663503</v>
      </c>
      <c r="NG12" s="123">
        <v>98268258</v>
      </c>
      <c r="NH12" s="123">
        <v>110485823</v>
      </c>
      <c r="NI12" s="123">
        <v>62899946</v>
      </c>
      <c r="NJ12" s="124">
        <v>358376789</v>
      </c>
      <c r="NK12" s="360">
        <v>358376789</v>
      </c>
      <c r="NL12" s="159">
        <v>0</v>
      </c>
      <c r="NM12" s="123">
        <v>0</v>
      </c>
      <c r="NN12" s="124">
        <v>0</v>
      </c>
      <c r="NO12" s="157"/>
      <c r="NP12" s="123">
        <v>0</v>
      </c>
      <c r="NQ12" s="123">
        <v>0</v>
      </c>
      <c r="NR12" s="123">
        <v>0</v>
      </c>
      <c r="NS12" s="123">
        <v>12456319</v>
      </c>
      <c r="NT12" s="123">
        <v>13127421</v>
      </c>
      <c r="NU12" s="124">
        <v>25583740</v>
      </c>
      <c r="NV12" s="125">
        <v>25583740</v>
      </c>
      <c r="NW12" s="159">
        <v>0</v>
      </c>
      <c r="NX12" s="123">
        <v>0</v>
      </c>
      <c r="NY12" s="124">
        <v>0</v>
      </c>
      <c r="NZ12" s="157"/>
      <c r="OA12" s="123">
        <v>0</v>
      </c>
      <c r="OB12" s="123">
        <v>0</v>
      </c>
      <c r="OC12" s="123">
        <v>2286555</v>
      </c>
      <c r="OD12" s="123">
        <v>23327122</v>
      </c>
      <c r="OE12" s="123">
        <v>25217291</v>
      </c>
      <c r="OF12" s="124">
        <v>50830968</v>
      </c>
      <c r="OG12" s="125">
        <v>50830968</v>
      </c>
      <c r="OH12" s="159">
        <v>28197707</v>
      </c>
      <c r="OI12" s="123">
        <v>76119543</v>
      </c>
      <c r="OJ12" s="158">
        <v>104317250</v>
      </c>
      <c r="OK12" s="122">
        <v>0</v>
      </c>
      <c r="OL12" s="123">
        <v>487931309</v>
      </c>
      <c r="OM12" s="123">
        <v>723131212</v>
      </c>
      <c r="ON12" s="123">
        <v>962142796</v>
      </c>
      <c r="OO12" s="123">
        <v>1024423886</v>
      </c>
      <c r="OP12" s="123">
        <v>672181966</v>
      </c>
      <c r="OQ12" s="124">
        <v>3869811169</v>
      </c>
      <c r="OR12" s="160">
        <v>3974128419</v>
      </c>
    </row>
    <row r="13" spans="1:408" ht="18.75" customHeight="1" x14ac:dyDescent="0.2">
      <c r="A13" s="63" t="s">
        <v>7</v>
      </c>
      <c r="B13" s="113">
        <v>13066417</v>
      </c>
      <c r="C13" s="117">
        <v>17621414</v>
      </c>
      <c r="D13" s="116">
        <v>30687831</v>
      </c>
      <c r="E13" s="112">
        <v>0</v>
      </c>
      <c r="F13" s="117">
        <v>348631181</v>
      </c>
      <c r="G13" s="117">
        <v>331617773</v>
      </c>
      <c r="H13" s="117">
        <v>286048418</v>
      </c>
      <c r="I13" s="117">
        <v>284893377</v>
      </c>
      <c r="J13" s="117">
        <v>207146394</v>
      </c>
      <c r="K13" s="112">
        <v>1458337143</v>
      </c>
      <c r="L13" s="119">
        <v>1489024974</v>
      </c>
      <c r="M13" s="113">
        <v>2019996</v>
      </c>
      <c r="N13" s="117">
        <v>2257017</v>
      </c>
      <c r="O13" s="116">
        <v>4277013</v>
      </c>
      <c r="P13" s="113">
        <v>0</v>
      </c>
      <c r="Q13" s="117">
        <v>79654933</v>
      </c>
      <c r="R13" s="117">
        <v>90336971</v>
      </c>
      <c r="S13" s="117">
        <v>94286949</v>
      </c>
      <c r="T13" s="117">
        <v>116204226</v>
      </c>
      <c r="U13" s="117">
        <v>107847880</v>
      </c>
      <c r="V13" s="116">
        <v>488330959</v>
      </c>
      <c r="W13" s="119">
        <v>492607972</v>
      </c>
      <c r="X13" s="113">
        <v>0</v>
      </c>
      <c r="Y13" s="117">
        <v>0</v>
      </c>
      <c r="Z13" s="116">
        <v>0</v>
      </c>
      <c r="AA13" s="113">
        <v>0</v>
      </c>
      <c r="AB13" s="117">
        <v>44749330</v>
      </c>
      <c r="AC13" s="117">
        <v>51064596</v>
      </c>
      <c r="AD13" s="117">
        <v>61025446</v>
      </c>
      <c r="AE13" s="117">
        <v>76686677</v>
      </c>
      <c r="AF13" s="117">
        <v>67391533</v>
      </c>
      <c r="AG13" s="116">
        <v>300917582</v>
      </c>
      <c r="AH13" s="119">
        <v>300917582</v>
      </c>
      <c r="AI13" s="113">
        <v>0</v>
      </c>
      <c r="AJ13" s="117">
        <v>0</v>
      </c>
      <c r="AK13" s="116">
        <v>0</v>
      </c>
      <c r="AL13" s="113">
        <v>0</v>
      </c>
      <c r="AM13" s="117">
        <v>575042</v>
      </c>
      <c r="AN13" s="117">
        <v>1999651</v>
      </c>
      <c r="AO13" s="117">
        <v>3759775</v>
      </c>
      <c r="AP13" s="117">
        <v>7658492</v>
      </c>
      <c r="AQ13" s="117">
        <v>13546586</v>
      </c>
      <c r="AR13" s="116">
        <v>27539546</v>
      </c>
      <c r="AS13" s="119">
        <v>27539546</v>
      </c>
      <c r="AT13" s="113">
        <v>334216</v>
      </c>
      <c r="AU13" s="117">
        <v>915933</v>
      </c>
      <c r="AV13" s="116">
        <v>1250149</v>
      </c>
      <c r="AW13" s="113">
        <v>0</v>
      </c>
      <c r="AX13" s="117">
        <v>17436825</v>
      </c>
      <c r="AY13" s="117">
        <v>21692233</v>
      </c>
      <c r="AZ13" s="117">
        <v>15492101</v>
      </c>
      <c r="BA13" s="117">
        <v>16676010</v>
      </c>
      <c r="BB13" s="117">
        <v>16696720</v>
      </c>
      <c r="BC13" s="116">
        <v>87993889</v>
      </c>
      <c r="BD13" s="119">
        <v>89244038</v>
      </c>
      <c r="BE13" s="113">
        <v>99656</v>
      </c>
      <c r="BF13" s="117">
        <v>185988</v>
      </c>
      <c r="BG13" s="115">
        <v>285644</v>
      </c>
      <c r="BH13" s="114">
        <v>0</v>
      </c>
      <c r="BI13" s="117">
        <v>2479485</v>
      </c>
      <c r="BJ13" s="117">
        <v>3177466</v>
      </c>
      <c r="BK13" s="117">
        <v>1483216</v>
      </c>
      <c r="BL13" s="117">
        <v>1919708</v>
      </c>
      <c r="BM13" s="117">
        <v>1337429</v>
      </c>
      <c r="BN13" s="116">
        <v>10397304</v>
      </c>
      <c r="BO13" s="119">
        <v>10682948</v>
      </c>
      <c r="BP13" s="113">
        <v>1586124</v>
      </c>
      <c r="BQ13" s="117">
        <v>1155096</v>
      </c>
      <c r="BR13" s="116">
        <v>2741220</v>
      </c>
      <c r="BS13" s="113">
        <v>0</v>
      </c>
      <c r="BT13" s="117">
        <v>14414251</v>
      </c>
      <c r="BU13" s="117">
        <v>12403025</v>
      </c>
      <c r="BV13" s="117">
        <v>12526411</v>
      </c>
      <c r="BW13" s="117">
        <v>13263339</v>
      </c>
      <c r="BX13" s="117">
        <v>8875612</v>
      </c>
      <c r="BY13" s="116">
        <v>61482638</v>
      </c>
      <c r="BZ13" s="119">
        <v>64223858</v>
      </c>
      <c r="CA13" s="113">
        <v>680916</v>
      </c>
      <c r="CB13" s="117">
        <v>2158222</v>
      </c>
      <c r="CC13" s="116">
        <v>2839138</v>
      </c>
      <c r="CD13" s="113">
        <v>0</v>
      </c>
      <c r="CE13" s="117">
        <v>99897501</v>
      </c>
      <c r="CF13" s="117">
        <v>93219861</v>
      </c>
      <c r="CG13" s="117">
        <v>60543187</v>
      </c>
      <c r="CH13" s="117">
        <v>40913785</v>
      </c>
      <c r="CI13" s="117">
        <v>19381207</v>
      </c>
      <c r="CJ13" s="116">
        <v>313955541</v>
      </c>
      <c r="CK13" s="119">
        <v>316794679</v>
      </c>
      <c r="CL13" s="113">
        <v>0</v>
      </c>
      <c r="CM13" s="117">
        <v>0</v>
      </c>
      <c r="CN13" s="116">
        <v>0</v>
      </c>
      <c r="CO13" s="114">
        <v>0</v>
      </c>
      <c r="CP13" s="117">
        <v>86826062</v>
      </c>
      <c r="CQ13" s="117">
        <v>77724290</v>
      </c>
      <c r="CR13" s="117">
        <v>50514883</v>
      </c>
      <c r="CS13" s="117">
        <v>33766687</v>
      </c>
      <c r="CT13" s="117">
        <v>16654410</v>
      </c>
      <c r="CU13" s="116">
        <v>265486332</v>
      </c>
      <c r="CV13" s="119">
        <v>265486332</v>
      </c>
      <c r="CW13" s="113">
        <v>680916</v>
      </c>
      <c r="CX13" s="117">
        <v>2158222</v>
      </c>
      <c r="CY13" s="116">
        <v>2839138</v>
      </c>
      <c r="CZ13" s="113">
        <v>0</v>
      </c>
      <c r="DA13" s="117">
        <v>13071439</v>
      </c>
      <c r="DB13" s="117">
        <v>15495571</v>
      </c>
      <c r="DC13" s="117">
        <v>10028304</v>
      </c>
      <c r="DD13" s="117">
        <v>7147098</v>
      </c>
      <c r="DE13" s="117">
        <v>2726797</v>
      </c>
      <c r="DF13" s="116">
        <v>48469209</v>
      </c>
      <c r="DG13" s="119">
        <v>51308347</v>
      </c>
      <c r="DH13" s="113">
        <v>32605</v>
      </c>
      <c r="DI13" s="117">
        <v>53380</v>
      </c>
      <c r="DJ13" s="115">
        <v>85985</v>
      </c>
      <c r="DK13" s="114">
        <v>0</v>
      </c>
      <c r="DL13" s="117">
        <v>12997166</v>
      </c>
      <c r="DM13" s="117">
        <v>20573498</v>
      </c>
      <c r="DN13" s="117">
        <v>27471177</v>
      </c>
      <c r="DO13" s="117">
        <v>21128546</v>
      </c>
      <c r="DP13" s="117">
        <v>13776031</v>
      </c>
      <c r="DQ13" s="116">
        <v>95946418</v>
      </c>
      <c r="DR13" s="119">
        <v>96032403</v>
      </c>
      <c r="DS13" s="113">
        <v>32605</v>
      </c>
      <c r="DT13" s="117">
        <v>53380</v>
      </c>
      <c r="DU13" s="116">
        <v>85985</v>
      </c>
      <c r="DV13" s="113">
        <v>0</v>
      </c>
      <c r="DW13" s="117">
        <v>12135306</v>
      </c>
      <c r="DX13" s="117">
        <v>19317056</v>
      </c>
      <c r="DY13" s="117">
        <v>26141436</v>
      </c>
      <c r="DZ13" s="117">
        <v>19685757</v>
      </c>
      <c r="EA13" s="117">
        <v>12630832</v>
      </c>
      <c r="EB13" s="116">
        <v>89910387</v>
      </c>
      <c r="EC13" s="119">
        <v>89996372</v>
      </c>
      <c r="ED13" s="113">
        <v>0</v>
      </c>
      <c r="EE13" s="115">
        <v>0</v>
      </c>
      <c r="EF13" s="116">
        <v>0</v>
      </c>
      <c r="EG13" s="113">
        <v>0</v>
      </c>
      <c r="EH13" s="117">
        <v>861860</v>
      </c>
      <c r="EI13" s="117">
        <v>1256442</v>
      </c>
      <c r="EJ13" s="117">
        <v>1329741</v>
      </c>
      <c r="EK13" s="117">
        <v>1442789</v>
      </c>
      <c r="EL13" s="117">
        <v>1145199</v>
      </c>
      <c r="EM13" s="115">
        <v>6036031</v>
      </c>
      <c r="EN13" s="119">
        <v>6036031</v>
      </c>
      <c r="EO13" s="113">
        <v>0</v>
      </c>
      <c r="EP13" s="117">
        <v>0</v>
      </c>
      <c r="EQ13" s="115">
        <v>0</v>
      </c>
      <c r="ER13" s="114">
        <v>0</v>
      </c>
      <c r="ES13" s="117">
        <v>0</v>
      </c>
      <c r="ET13" s="117">
        <v>0</v>
      </c>
      <c r="EU13" s="117">
        <v>0</v>
      </c>
      <c r="EV13" s="117">
        <v>0</v>
      </c>
      <c r="EW13" s="117">
        <v>0</v>
      </c>
      <c r="EX13" s="116">
        <v>0</v>
      </c>
      <c r="EY13" s="119">
        <v>0</v>
      </c>
      <c r="EZ13" s="113">
        <v>0</v>
      </c>
      <c r="FA13" s="117">
        <v>0</v>
      </c>
      <c r="FB13" s="115">
        <v>0</v>
      </c>
      <c r="FC13" s="395">
        <v>0</v>
      </c>
      <c r="FD13" s="117">
        <v>0</v>
      </c>
      <c r="FE13" s="117">
        <v>0</v>
      </c>
      <c r="FF13" s="117">
        <v>0</v>
      </c>
      <c r="FG13" s="117">
        <v>0</v>
      </c>
      <c r="FH13" s="117">
        <v>0</v>
      </c>
      <c r="FI13" s="116">
        <v>0</v>
      </c>
      <c r="FJ13" s="119">
        <v>0</v>
      </c>
      <c r="FK13" s="113">
        <v>2807072</v>
      </c>
      <c r="FL13" s="117">
        <v>4733185</v>
      </c>
      <c r="FM13" s="116">
        <v>7540257</v>
      </c>
      <c r="FN13" s="113">
        <v>0</v>
      </c>
      <c r="FO13" s="117">
        <v>14405743</v>
      </c>
      <c r="FP13" s="117">
        <v>31469843</v>
      </c>
      <c r="FQ13" s="117">
        <v>21137597</v>
      </c>
      <c r="FR13" s="117">
        <v>19434033</v>
      </c>
      <c r="FS13" s="117">
        <v>13957385</v>
      </c>
      <c r="FT13" s="116">
        <v>100404601</v>
      </c>
      <c r="FU13" s="119">
        <v>107944858</v>
      </c>
      <c r="FV13" s="118">
        <v>1155626</v>
      </c>
      <c r="FW13" s="117">
        <v>2706219</v>
      </c>
      <c r="FX13" s="115">
        <v>3861845</v>
      </c>
      <c r="FY13" s="114">
        <v>0</v>
      </c>
      <c r="FZ13" s="117">
        <v>10355645</v>
      </c>
      <c r="GA13" s="117">
        <v>28737208</v>
      </c>
      <c r="GB13" s="117">
        <v>19172659</v>
      </c>
      <c r="GC13" s="117">
        <v>18431148</v>
      </c>
      <c r="GD13" s="117">
        <v>13551620</v>
      </c>
      <c r="GE13" s="116">
        <v>90248280</v>
      </c>
      <c r="GF13" s="357">
        <v>94110125</v>
      </c>
      <c r="GG13" s="118">
        <v>153884</v>
      </c>
      <c r="GH13" s="117">
        <v>87417</v>
      </c>
      <c r="GI13" s="115">
        <v>241301</v>
      </c>
      <c r="GJ13" s="114">
        <v>0</v>
      </c>
      <c r="GK13" s="117">
        <v>849532</v>
      </c>
      <c r="GL13" s="117">
        <v>705665</v>
      </c>
      <c r="GM13" s="117">
        <v>465754</v>
      </c>
      <c r="GN13" s="117">
        <v>615885</v>
      </c>
      <c r="GO13" s="117">
        <v>148005</v>
      </c>
      <c r="GP13" s="116">
        <v>2784841</v>
      </c>
      <c r="GQ13" s="119">
        <v>3026142</v>
      </c>
      <c r="GR13" s="113">
        <v>1497562</v>
      </c>
      <c r="GS13" s="117">
        <v>1939549</v>
      </c>
      <c r="GT13" s="116">
        <v>3437111</v>
      </c>
      <c r="GU13" s="113">
        <v>0</v>
      </c>
      <c r="GV13" s="117">
        <v>3200566</v>
      </c>
      <c r="GW13" s="117">
        <v>2026970</v>
      </c>
      <c r="GX13" s="117">
        <v>1499184</v>
      </c>
      <c r="GY13" s="117">
        <v>387000</v>
      </c>
      <c r="GZ13" s="117">
        <v>257760</v>
      </c>
      <c r="HA13" s="115">
        <v>7371480</v>
      </c>
      <c r="HB13" s="119">
        <v>10808591</v>
      </c>
      <c r="HC13" s="113">
        <v>5976301</v>
      </c>
      <c r="HD13" s="117">
        <v>5202516</v>
      </c>
      <c r="HE13" s="115">
        <v>11178817</v>
      </c>
      <c r="HF13" s="114">
        <v>0</v>
      </c>
      <c r="HG13" s="117">
        <v>77754249</v>
      </c>
      <c r="HH13" s="117">
        <v>49306985</v>
      </c>
      <c r="HI13" s="117">
        <v>53108775</v>
      </c>
      <c r="HJ13" s="117">
        <v>66250860</v>
      </c>
      <c r="HK13" s="117">
        <v>39896414</v>
      </c>
      <c r="HL13" s="116">
        <v>286317283</v>
      </c>
      <c r="HM13" s="112">
        <v>297496100</v>
      </c>
      <c r="HN13" s="118">
        <v>1549527</v>
      </c>
      <c r="HO13" s="117">
        <v>3217094</v>
      </c>
      <c r="HP13" s="116">
        <v>4766621</v>
      </c>
      <c r="HQ13" s="113">
        <v>0</v>
      </c>
      <c r="HR13" s="117">
        <v>63921589</v>
      </c>
      <c r="HS13" s="117">
        <v>46710615</v>
      </c>
      <c r="HT13" s="117">
        <v>29500733</v>
      </c>
      <c r="HU13" s="117">
        <v>20961927</v>
      </c>
      <c r="HV13" s="117">
        <v>12287477</v>
      </c>
      <c r="HW13" s="115">
        <v>173382341</v>
      </c>
      <c r="HX13" s="119">
        <v>178148962</v>
      </c>
      <c r="HY13" s="148">
        <v>415053</v>
      </c>
      <c r="HZ13" s="149">
        <v>1385658</v>
      </c>
      <c r="IA13" s="150">
        <v>1800711</v>
      </c>
      <c r="IB13" s="162">
        <v>0</v>
      </c>
      <c r="IC13" s="149">
        <v>93984382</v>
      </c>
      <c r="ID13" s="163">
        <v>95534942</v>
      </c>
      <c r="IE13" s="150">
        <v>107504322</v>
      </c>
      <c r="IF13" s="149">
        <v>68190096</v>
      </c>
      <c r="IG13" s="150">
        <v>42964872</v>
      </c>
      <c r="IH13" s="164">
        <v>408178614</v>
      </c>
      <c r="II13" s="156">
        <v>409979325</v>
      </c>
      <c r="IJ13" s="259">
        <v>0</v>
      </c>
      <c r="IK13" s="266">
        <v>0</v>
      </c>
      <c r="IL13" s="267">
        <v>0</v>
      </c>
      <c r="IM13" s="157"/>
      <c r="IN13" s="123">
        <v>360405</v>
      </c>
      <c r="IO13" s="123">
        <v>1077720</v>
      </c>
      <c r="IP13" s="123">
        <v>1124872</v>
      </c>
      <c r="IQ13" s="123">
        <v>1719122</v>
      </c>
      <c r="IR13" s="123">
        <v>2017852</v>
      </c>
      <c r="IS13" s="158">
        <v>6299971</v>
      </c>
      <c r="IT13" s="360">
        <v>6299971</v>
      </c>
      <c r="IU13" s="159">
        <v>0</v>
      </c>
      <c r="IV13" s="123">
        <v>0</v>
      </c>
      <c r="IW13" s="124">
        <v>0</v>
      </c>
      <c r="IX13" s="157"/>
      <c r="IY13" s="123">
        <v>0</v>
      </c>
      <c r="IZ13" s="123">
        <v>0</v>
      </c>
      <c r="JA13" s="123">
        <v>0</v>
      </c>
      <c r="JB13" s="123">
        <v>0</v>
      </c>
      <c r="JC13" s="123">
        <v>0</v>
      </c>
      <c r="JD13" s="124">
        <v>0</v>
      </c>
      <c r="JE13" s="125">
        <v>0</v>
      </c>
      <c r="JF13" s="159">
        <v>0</v>
      </c>
      <c r="JG13" s="123">
        <v>0</v>
      </c>
      <c r="JH13" s="158">
        <v>0</v>
      </c>
      <c r="JI13" s="122">
        <v>0</v>
      </c>
      <c r="JJ13" s="123">
        <v>46439242</v>
      </c>
      <c r="JK13" s="123">
        <v>40585990</v>
      </c>
      <c r="JL13" s="123">
        <v>27419034</v>
      </c>
      <c r="JM13" s="123">
        <v>14165153</v>
      </c>
      <c r="JN13" s="123">
        <v>5954030</v>
      </c>
      <c r="JO13" s="124">
        <v>134563449</v>
      </c>
      <c r="JP13" s="360">
        <v>134563449</v>
      </c>
      <c r="JQ13" s="159">
        <v>0</v>
      </c>
      <c r="JR13" s="123">
        <v>0</v>
      </c>
      <c r="JS13" s="158">
        <v>0</v>
      </c>
      <c r="JT13" s="122">
        <v>0</v>
      </c>
      <c r="JU13" s="123">
        <v>7858089</v>
      </c>
      <c r="JV13" s="123">
        <v>10165611</v>
      </c>
      <c r="JW13" s="123">
        <v>15403915</v>
      </c>
      <c r="JX13" s="123">
        <v>6219947</v>
      </c>
      <c r="JY13" s="123">
        <v>3317418</v>
      </c>
      <c r="JZ13" s="124">
        <v>42964980</v>
      </c>
      <c r="KA13" s="360">
        <v>42964980</v>
      </c>
      <c r="KB13" s="262">
        <v>415053</v>
      </c>
      <c r="KC13" s="256">
        <v>1134950</v>
      </c>
      <c r="KD13" s="124">
        <v>1550003</v>
      </c>
      <c r="KE13" s="122">
        <v>0</v>
      </c>
      <c r="KF13" s="123">
        <v>7821724</v>
      </c>
      <c r="KG13" s="123">
        <v>7322933</v>
      </c>
      <c r="KH13" s="123">
        <v>6975914</v>
      </c>
      <c r="KI13" s="123">
        <v>3633917</v>
      </c>
      <c r="KJ13" s="123">
        <v>2199870</v>
      </c>
      <c r="KK13" s="124">
        <v>27954358</v>
      </c>
      <c r="KL13" s="160">
        <v>29504361</v>
      </c>
      <c r="KM13" s="259">
        <v>0</v>
      </c>
      <c r="KN13" s="266">
        <v>250708</v>
      </c>
      <c r="KO13" s="267">
        <v>250708</v>
      </c>
      <c r="KP13" s="157"/>
      <c r="KQ13" s="123">
        <v>30606237</v>
      </c>
      <c r="KR13" s="123">
        <v>34305196</v>
      </c>
      <c r="KS13" s="123">
        <v>54791676</v>
      </c>
      <c r="KT13" s="123">
        <v>39299172</v>
      </c>
      <c r="KU13" s="123">
        <v>23016617</v>
      </c>
      <c r="KV13" s="124">
        <v>182018898</v>
      </c>
      <c r="KW13" s="360">
        <v>182269606</v>
      </c>
      <c r="KX13" s="159">
        <v>0</v>
      </c>
      <c r="KY13" s="123">
        <v>0</v>
      </c>
      <c r="KZ13" s="124">
        <v>0</v>
      </c>
      <c r="LA13" s="157"/>
      <c r="LB13" s="123">
        <v>0</v>
      </c>
      <c r="LC13" s="123">
        <v>0</v>
      </c>
      <c r="LD13" s="123">
        <v>0</v>
      </c>
      <c r="LE13" s="123">
        <v>0</v>
      </c>
      <c r="LF13" s="123">
        <v>0</v>
      </c>
      <c r="LG13" s="124">
        <v>0</v>
      </c>
      <c r="LH13" s="125">
        <v>0</v>
      </c>
      <c r="LI13" s="159">
        <v>0</v>
      </c>
      <c r="LJ13" s="123">
        <v>0</v>
      </c>
      <c r="LK13" s="124">
        <v>0</v>
      </c>
      <c r="LL13" s="157"/>
      <c r="LM13" s="123">
        <v>0</v>
      </c>
      <c r="LN13" s="123">
        <v>0</v>
      </c>
      <c r="LO13" s="123">
        <v>0</v>
      </c>
      <c r="LP13" s="123">
        <v>0</v>
      </c>
      <c r="LQ13" s="123">
        <v>0</v>
      </c>
      <c r="LR13" s="124">
        <v>0</v>
      </c>
      <c r="LS13" s="360">
        <v>0</v>
      </c>
      <c r="LT13" s="159">
        <v>0</v>
      </c>
      <c r="LU13" s="123">
        <v>0</v>
      </c>
      <c r="LV13" s="124">
        <v>0</v>
      </c>
      <c r="LW13" s="157"/>
      <c r="LX13" s="123">
        <v>898685</v>
      </c>
      <c r="LY13" s="123">
        <v>2077492</v>
      </c>
      <c r="LZ13" s="123">
        <v>1788911</v>
      </c>
      <c r="MA13" s="123">
        <v>3152785</v>
      </c>
      <c r="MB13" s="123">
        <v>6459085</v>
      </c>
      <c r="MC13" s="124">
        <v>14376958</v>
      </c>
      <c r="MD13" s="125">
        <v>14376958</v>
      </c>
      <c r="ME13" s="159">
        <v>0</v>
      </c>
      <c r="MF13" s="123">
        <v>0</v>
      </c>
      <c r="MG13" s="124">
        <v>0</v>
      </c>
      <c r="MH13" s="157"/>
      <c r="MI13" s="123">
        <v>45806131</v>
      </c>
      <c r="MJ13" s="123">
        <v>80411008</v>
      </c>
      <c r="MK13" s="123">
        <v>218919850</v>
      </c>
      <c r="ML13" s="123">
        <v>346720508</v>
      </c>
      <c r="MM13" s="123">
        <v>221938970</v>
      </c>
      <c r="MN13" s="124">
        <v>913796467</v>
      </c>
      <c r="MO13" s="160">
        <v>913796467</v>
      </c>
      <c r="MP13" s="159">
        <v>0</v>
      </c>
      <c r="MQ13" s="123">
        <v>0</v>
      </c>
      <c r="MR13" s="124">
        <v>0</v>
      </c>
      <c r="MS13" s="157"/>
      <c r="MT13" s="123">
        <v>4342341</v>
      </c>
      <c r="MU13" s="123">
        <v>14664849</v>
      </c>
      <c r="MV13" s="123">
        <v>140489416</v>
      </c>
      <c r="MW13" s="123">
        <v>255116442</v>
      </c>
      <c r="MX13" s="123">
        <v>178054291</v>
      </c>
      <c r="MY13" s="124">
        <v>592667339</v>
      </c>
      <c r="MZ13" s="160">
        <v>592667339</v>
      </c>
      <c r="NA13" s="159">
        <v>0</v>
      </c>
      <c r="NB13" s="123">
        <v>0</v>
      </c>
      <c r="NC13" s="124">
        <v>0</v>
      </c>
      <c r="ND13" s="157"/>
      <c r="NE13" s="123">
        <v>41463790</v>
      </c>
      <c r="NF13" s="123">
        <v>65746159</v>
      </c>
      <c r="NG13" s="123">
        <v>78118071</v>
      </c>
      <c r="NH13" s="123">
        <v>90143808</v>
      </c>
      <c r="NI13" s="123">
        <v>40281535</v>
      </c>
      <c r="NJ13" s="124">
        <v>315753363</v>
      </c>
      <c r="NK13" s="360">
        <v>315753363</v>
      </c>
      <c r="NL13" s="159">
        <v>0</v>
      </c>
      <c r="NM13" s="123">
        <v>0</v>
      </c>
      <c r="NN13" s="124">
        <v>0</v>
      </c>
      <c r="NO13" s="157"/>
      <c r="NP13" s="123">
        <v>0</v>
      </c>
      <c r="NQ13" s="123">
        <v>0</v>
      </c>
      <c r="NR13" s="123">
        <v>0</v>
      </c>
      <c r="NS13" s="123">
        <v>1063003</v>
      </c>
      <c r="NT13" s="123">
        <v>1904697</v>
      </c>
      <c r="NU13" s="124">
        <v>2967700</v>
      </c>
      <c r="NV13" s="125">
        <v>2967700</v>
      </c>
      <c r="NW13" s="159">
        <v>0</v>
      </c>
      <c r="NX13" s="123">
        <v>0</v>
      </c>
      <c r="NY13" s="124">
        <v>0</v>
      </c>
      <c r="NZ13" s="157"/>
      <c r="OA13" s="123">
        <v>0</v>
      </c>
      <c r="OB13" s="123">
        <v>0</v>
      </c>
      <c r="OC13" s="123">
        <v>312363</v>
      </c>
      <c r="OD13" s="123">
        <v>397255</v>
      </c>
      <c r="OE13" s="123">
        <v>1698447</v>
      </c>
      <c r="OF13" s="124">
        <v>2408065</v>
      </c>
      <c r="OG13" s="125">
        <v>2408065</v>
      </c>
      <c r="OH13" s="159">
        <v>13481470</v>
      </c>
      <c r="OI13" s="123">
        <v>19007072</v>
      </c>
      <c r="OJ13" s="158">
        <v>32488542</v>
      </c>
      <c r="OK13" s="122">
        <v>0</v>
      </c>
      <c r="OL13" s="123">
        <v>488421694</v>
      </c>
      <c r="OM13" s="123">
        <v>507563723</v>
      </c>
      <c r="ON13" s="123">
        <v>612472590</v>
      </c>
      <c r="OO13" s="123">
        <v>699803981</v>
      </c>
      <c r="OP13" s="123">
        <v>472050236</v>
      </c>
      <c r="OQ13" s="124">
        <v>2780312224</v>
      </c>
      <c r="OR13" s="160">
        <v>2812800766</v>
      </c>
    </row>
    <row r="14" spans="1:408" ht="18.75" customHeight="1" x14ac:dyDescent="0.2">
      <c r="A14" s="63" t="s">
        <v>8</v>
      </c>
      <c r="B14" s="113">
        <v>11737623</v>
      </c>
      <c r="C14" s="117">
        <v>15129059</v>
      </c>
      <c r="D14" s="116">
        <v>26866682</v>
      </c>
      <c r="E14" s="112">
        <v>0</v>
      </c>
      <c r="F14" s="117">
        <v>140751227</v>
      </c>
      <c r="G14" s="117">
        <v>190370614</v>
      </c>
      <c r="H14" s="117">
        <v>176480713</v>
      </c>
      <c r="I14" s="117">
        <v>157012407</v>
      </c>
      <c r="J14" s="117">
        <v>129780450</v>
      </c>
      <c r="K14" s="112">
        <v>794395411</v>
      </c>
      <c r="L14" s="119">
        <v>821262093</v>
      </c>
      <c r="M14" s="113">
        <v>2243202</v>
      </c>
      <c r="N14" s="117">
        <v>3323775</v>
      </c>
      <c r="O14" s="116">
        <v>5566977</v>
      </c>
      <c r="P14" s="113">
        <v>0</v>
      </c>
      <c r="Q14" s="117">
        <v>36167204</v>
      </c>
      <c r="R14" s="117">
        <v>56578532</v>
      </c>
      <c r="S14" s="117">
        <v>56773758</v>
      </c>
      <c r="T14" s="117">
        <v>58211433</v>
      </c>
      <c r="U14" s="117">
        <v>64769325</v>
      </c>
      <c r="V14" s="116">
        <v>272500252</v>
      </c>
      <c r="W14" s="119">
        <v>278067229</v>
      </c>
      <c r="X14" s="113">
        <v>0</v>
      </c>
      <c r="Y14" s="117">
        <v>0</v>
      </c>
      <c r="Z14" s="116">
        <v>0</v>
      </c>
      <c r="AA14" s="113">
        <v>0</v>
      </c>
      <c r="AB14" s="117">
        <v>19422489</v>
      </c>
      <c r="AC14" s="117">
        <v>31675631</v>
      </c>
      <c r="AD14" s="117">
        <v>36478241</v>
      </c>
      <c r="AE14" s="117">
        <v>37123879</v>
      </c>
      <c r="AF14" s="117">
        <v>40614714</v>
      </c>
      <c r="AG14" s="116">
        <v>165314954</v>
      </c>
      <c r="AH14" s="119">
        <v>165314954</v>
      </c>
      <c r="AI14" s="113">
        <v>0</v>
      </c>
      <c r="AJ14" s="117">
        <v>35245</v>
      </c>
      <c r="AK14" s="116">
        <v>35245</v>
      </c>
      <c r="AL14" s="113">
        <v>0</v>
      </c>
      <c r="AM14" s="117">
        <v>156609</v>
      </c>
      <c r="AN14" s="117">
        <v>755588</v>
      </c>
      <c r="AO14" s="117">
        <v>1491573</v>
      </c>
      <c r="AP14" s="117">
        <v>3154736</v>
      </c>
      <c r="AQ14" s="117">
        <v>6643597</v>
      </c>
      <c r="AR14" s="116">
        <v>12202103</v>
      </c>
      <c r="AS14" s="119">
        <v>12237348</v>
      </c>
      <c r="AT14" s="113">
        <v>1169108</v>
      </c>
      <c r="AU14" s="117">
        <v>2198721</v>
      </c>
      <c r="AV14" s="116">
        <v>3367829</v>
      </c>
      <c r="AW14" s="113">
        <v>0</v>
      </c>
      <c r="AX14" s="117">
        <v>9086231</v>
      </c>
      <c r="AY14" s="117">
        <v>14149248</v>
      </c>
      <c r="AZ14" s="117">
        <v>10039981</v>
      </c>
      <c r="BA14" s="117">
        <v>9845733</v>
      </c>
      <c r="BB14" s="117">
        <v>11253930</v>
      </c>
      <c r="BC14" s="116">
        <v>54375123</v>
      </c>
      <c r="BD14" s="119">
        <v>57742952</v>
      </c>
      <c r="BE14" s="113">
        <v>173460</v>
      </c>
      <c r="BF14" s="117">
        <v>617610</v>
      </c>
      <c r="BG14" s="115">
        <v>791070</v>
      </c>
      <c r="BH14" s="114">
        <v>0</v>
      </c>
      <c r="BI14" s="117">
        <v>1740701</v>
      </c>
      <c r="BJ14" s="117">
        <v>3520359</v>
      </c>
      <c r="BK14" s="117">
        <v>2548710</v>
      </c>
      <c r="BL14" s="117">
        <v>1443093</v>
      </c>
      <c r="BM14" s="117">
        <v>1094145</v>
      </c>
      <c r="BN14" s="116">
        <v>10347008</v>
      </c>
      <c r="BO14" s="119">
        <v>11138078</v>
      </c>
      <c r="BP14" s="113">
        <v>900634</v>
      </c>
      <c r="BQ14" s="117">
        <v>472199</v>
      </c>
      <c r="BR14" s="116">
        <v>1372833</v>
      </c>
      <c r="BS14" s="113">
        <v>0</v>
      </c>
      <c r="BT14" s="117">
        <v>5761174</v>
      </c>
      <c r="BU14" s="117">
        <v>6477706</v>
      </c>
      <c r="BV14" s="117">
        <v>6215253</v>
      </c>
      <c r="BW14" s="117">
        <v>6643992</v>
      </c>
      <c r="BX14" s="117">
        <v>5162939</v>
      </c>
      <c r="BY14" s="116">
        <v>30261064</v>
      </c>
      <c r="BZ14" s="119">
        <v>31633897</v>
      </c>
      <c r="CA14" s="113">
        <v>1203951</v>
      </c>
      <c r="CB14" s="117">
        <v>2575380</v>
      </c>
      <c r="CC14" s="116">
        <v>3779331</v>
      </c>
      <c r="CD14" s="113">
        <v>0</v>
      </c>
      <c r="CE14" s="117">
        <v>42660251</v>
      </c>
      <c r="CF14" s="117">
        <v>57546101</v>
      </c>
      <c r="CG14" s="117">
        <v>44754655</v>
      </c>
      <c r="CH14" s="117">
        <v>28485200</v>
      </c>
      <c r="CI14" s="117">
        <v>19612418</v>
      </c>
      <c r="CJ14" s="116">
        <v>193058625</v>
      </c>
      <c r="CK14" s="119">
        <v>196837956</v>
      </c>
      <c r="CL14" s="113">
        <v>0</v>
      </c>
      <c r="CM14" s="117">
        <v>0</v>
      </c>
      <c r="CN14" s="116">
        <v>0</v>
      </c>
      <c r="CO14" s="114">
        <v>0</v>
      </c>
      <c r="CP14" s="117">
        <v>36600470</v>
      </c>
      <c r="CQ14" s="117">
        <v>46929351</v>
      </c>
      <c r="CR14" s="117">
        <v>36714276</v>
      </c>
      <c r="CS14" s="117">
        <v>23121262</v>
      </c>
      <c r="CT14" s="117">
        <v>17948786</v>
      </c>
      <c r="CU14" s="116">
        <v>161314145</v>
      </c>
      <c r="CV14" s="119">
        <v>161314145</v>
      </c>
      <c r="CW14" s="113">
        <v>1203951</v>
      </c>
      <c r="CX14" s="117">
        <v>2575380</v>
      </c>
      <c r="CY14" s="116">
        <v>3779331</v>
      </c>
      <c r="CZ14" s="113">
        <v>0</v>
      </c>
      <c r="DA14" s="117">
        <v>6059781</v>
      </c>
      <c r="DB14" s="117">
        <v>10616750</v>
      </c>
      <c r="DC14" s="117">
        <v>8040379</v>
      </c>
      <c r="DD14" s="117">
        <v>5363938</v>
      </c>
      <c r="DE14" s="117">
        <v>1663632</v>
      </c>
      <c r="DF14" s="116">
        <v>31744480</v>
      </c>
      <c r="DG14" s="119">
        <v>35523811</v>
      </c>
      <c r="DH14" s="113">
        <v>27455</v>
      </c>
      <c r="DI14" s="117">
        <v>200104</v>
      </c>
      <c r="DJ14" s="115">
        <v>227559</v>
      </c>
      <c r="DK14" s="114">
        <v>0</v>
      </c>
      <c r="DL14" s="117">
        <v>4360793</v>
      </c>
      <c r="DM14" s="117">
        <v>9846118</v>
      </c>
      <c r="DN14" s="117">
        <v>21623174</v>
      </c>
      <c r="DO14" s="117">
        <v>18281668</v>
      </c>
      <c r="DP14" s="117">
        <v>8151598</v>
      </c>
      <c r="DQ14" s="116">
        <v>62263351</v>
      </c>
      <c r="DR14" s="119">
        <v>62490910</v>
      </c>
      <c r="DS14" s="113">
        <v>21353</v>
      </c>
      <c r="DT14" s="117">
        <v>176536</v>
      </c>
      <c r="DU14" s="116">
        <v>197889</v>
      </c>
      <c r="DV14" s="113">
        <v>0</v>
      </c>
      <c r="DW14" s="117">
        <v>4360793</v>
      </c>
      <c r="DX14" s="117">
        <v>9334002</v>
      </c>
      <c r="DY14" s="117">
        <v>20808039</v>
      </c>
      <c r="DZ14" s="117">
        <v>18281668</v>
      </c>
      <c r="EA14" s="117">
        <v>8151598</v>
      </c>
      <c r="EB14" s="116">
        <v>60936100</v>
      </c>
      <c r="EC14" s="119">
        <v>61133989</v>
      </c>
      <c r="ED14" s="113">
        <v>6102</v>
      </c>
      <c r="EE14" s="115">
        <v>23568</v>
      </c>
      <c r="EF14" s="116">
        <v>29670</v>
      </c>
      <c r="EG14" s="113">
        <v>0</v>
      </c>
      <c r="EH14" s="117">
        <v>0</v>
      </c>
      <c r="EI14" s="117">
        <v>512116</v>
      </c>
      <c r="EJ14" s="117">
        <v>815135</v>
      </c>
      <c r="EK14" s="117">
        <v>0</v>
      </c>
      <c r="EL14" s="117">
        <v>0</v>
      </c>
      <c r="EM14" s="115">
        <v>1327251</v>
      </c>
      <c r="EN14" s="119">
        <v>1356921</v>
      </c>
      <c r="EO14" s="113">
        <v>0</v>
      </c>
      <c r="EP14" s="117">
        <v>0</v>
      </c>
      <c r="EQ14" s="115">
        <v>0</v>
      </c>
      <c r="ER14" s="114">
        <v>0</v>
      </c>
      <c r="ES14" s="117">
        <v>0</v>
      </c>
      <c r="ET14" s="117">
        <v>0</v>
      </c>
      <c r="EU14" s="117">
        <v>0</v>
      </c>
      <c r="EV14" s="117">
        <v>0</v>
      </c>
      <c r="EW14" s="117">
        <v>0</v>
      </c>
      <c r="EX14" s="116">
        <v>0</v>
      </c>
      <c r="EY14" s="119">
        <v>0</v>
      </c>
      <c r="EZ14" s="113">
        <v>0</v>
      </c>
      <c r="FA14" s="117">
        <v>0</v>
      </c>
      <c r="FB14" s="115">
        <v>0</v>
      </c>
      <c r="FC14" s="395">
        <v>0</v>
      </c>
      <c r="FD14" s="117">
        <v>0</v>
      </c>
      <c r="FE14" s="117">
        <v>0</v>
      </c>
      <c r="FF14" s="117">
        <v>0</v>
      </c>
      <c r="FG14" s="117">
        <v>0</v>
      </c>
      <c r="FH14" s="117">
        <v>0</v>
      </c>
      <c r="FI14" s="116">
        <v>0</v>
      </c>
      <c r="FJ14" s="119">
        <v>0</v>
      </c>
      <c r="FK14" s="113">
        <v>2410647</v>
      </c>
      <c r="FL14" s="117">
        <v>4136577</v>
      </c>
      <c r="FM14" s="116">
        <v>6547224</v>
      </c>
      <c r="FN14" s="113">
        <v>0</v>
      </c>
      <c r="FO14" s="117">
        <v>7891855</v>
      </c>
      <c r="FP14" s="117">
        <v>19771554</v>
      </c>
      <c r="FQ14" s="117">
        <v>14209268</v>
      </c>
      <c r="FR14" s="117">
        <v>11380997</v>
      </c>
      <c r="FS14" s="117">
        <v>9683700</v>
      </c>
      <c r="FT14" s="116">
        <v>62937374</v>
      </c>
      <c r="FU14" s="119">
        <v>69484598</v>
      </c>
      <c r="FV14" s="118">
        <v>1951940</v>
      </c>
      <c r="FW14" s="117">
        <v>3462533</v>
      </c>
      <c r="FX14" s="115">
        <v>5414473</v>
      </c>
      <c r="FY14" s="114">
        <v>0</v>
      </c>
      <c r="FZ14" s="117">
        <v>6071887</v>
      </c>
      <c r="GA14" s="117">
        <v>17818287</v>
      </c>
      <c r="GB14" s="117">
        <v>13262375</v>
      </c>
      <c r="GC14" s="117">
        <v>10507020</v>
      </c>
      <c r="GD14" s="117">
        <v>9001158</v>
      </c>
      <c r="GE14" s="116">
        <v>56660727</v>
      </c>
      <c r="GF14" s="357">
        <v>62075200</v>
      </c>
      <c r="GG14" s="118">
        <v>107542</v>
      </c>
      <c r="GH14" s="117">
        <v>152514</v>
      </c>
      <c r="GI14" s="115">
        <v>260056</v>
      </c>
      <c r="GJ14" s="114">
        <v>0</v>
      </c>
      <c r="GK14" s="117">
        <v>209654</v>
      </c>
      <c r="GL14" s="117">
        <v>377541</v>
      </c>
      <c r="GM14" s="117">
        <v>435698</v>
      </c>
      <c r="GN14" s="117">
        <v>168710</v>
      </c>
      <c r="GO14" s="117">
        <v>327312</v>
      </c>
      <c r="GP14" s="116">
        <v>1518915</v>
      </c>
      <c r="GQ14" s="119">
        <v>1778971</v>
      </c>
      <c r="GR14" s="113">
        <v>351165</v>
      </c>
      <c r="GS14" s="117">
        <v>521530</v>
      </c>
      <c r="GT14" s="116">
        <v>872695</v>
      </c>
      <c r="GU14" s="113">
        <v>0</v>
      </c>
      <c r="GV14" s="117">
        <v>1610314</v>
      </c>
      <c r="GW14" s="117">
        <v>1575726</v>
      </c>
      <c r="GX14" s="117">
        <v>511195</v>
      </c>
      <c r="GY14" s="117">
        <v>705267</v>
      </c>
      <c r="GZ14" s="117">
        <v>355230</v>
      </c>
      <c r="HA14" s="115">
        <v>4757732</v>
      </c>
      <c r="HB14" s="119">
        <v>5630427</v>
      </c>
      <c r="HC14" s="113">
        <v>3651494</v>
      </c>
      <c r="HD14" s="117">
        <v>1866905</v>
      </c>
      <c r="HE14" s="115">
        <v>5518399</v>
      </c>
      <c r="HF14" s="114">
        <v>0</v>
      </c>
      <c r="HG14" s="117">
        <v>24860808</v>
      </c>
      <c r="HH14" s="117">
        <v>19668172</v>
      </c>
      <c r="HI14" s="117">
        <v>20323365</v>
      </c>
      <c r="HJ14" s="117">
        <v>29065381</v>
      </c>
      <c r="HK14" s="117">
        <v>20067673</v>
      </c>
      <c r="HL14" s="116">
        <v>113985399</v>
      </c>
      <c r="HM14" s="112">
        <v>119503798</v>
      </c>
      <c r="HN14" s="118">
        <v>2200874</v>
      </c>
      <c r="HO14" s="117">
        <v>3026318</v>
      </c>
      <c r="HP14" s="116">
        <v>5227192</v>
      </c>
      <c r="HQ14" s="113">
        <v>0</v>
      </c>
      <c r="HR14" s="117">
        <v>24810316</v>
      </c>
      <c r="HS14" s="117">
        <v>26960137</v>
      </c>
      <c r="HT14" s="117">
        <v>18796493</v>
      </c>
      <c r="HU14" s="117">
        <v>11587728</v>
      </c>
      <c r="HV14" s="117">
        <v>7495736</v>
      </c>
      <c r="HW14" s="115">
        <v>89650410</v>
      </c>
      <c r="HX14" s="119">
        <v>94877602</v>
      </c>
      <c r="HY14" s="148">
        <v>440883</v>
      </c>
      <c r="HZ14" s="149">
        <v>869242</v>
      </c>
      <c r="IA14" s="150">
        <v>1310125</v>
      </c>
      <c r="IB14" s="151">
        <v>0</v>
      </c>
      <c r="IC14" s="152">
        <v>60900531</v>
      </c>
      <c r="ID14" s="153">
        <v>72902411</v>
      </c>
      <c r="IE14" s="154">
        <v>71074605</v>
      </c>
      <c r="IF14" s="152">
        <v>46301112</v>
      </c>
      <c r="IG14" s="154">
        <v>26110656</v>
      </c>
      <c r="IH14" s="155">
        <v>277289315</v>
      </c>
      <c r="II14" s="156">
        <v>278599440</v>
      </c>
      <c r="IJ14" s="259">
        <v>0</v>
      </c>
      <c r="IK14" s="266">
        <v>0</v>
      </c>
      <c r="IL14" s="267">
        <v>0</v>
      </c>
      <c r="IM14" s="157"/>
      <c r="IN14" s="123">
        <v>458556</v>
      </c>
      <c r="IO14" s="123">
        <v>1315996</v>
      </c>
      <c r="IP14" s="123">
        <v>1291204</v>
      </c>
      <c r="IQ14" s="123">
        <v>1271212</v>
      </c>
      <c r="IR14" s="123">
        <v>610396</v>
      </c>
      <c r="IS14" s="158">
        <v>4947364</v>
      </c>
      <c r="IT14" s="360">
        <v>4947364</v>
      </c>
      <c r="IU14" s="159">
        <v>0</v>
      </c>
      <c r="IV14" s="123">
        <v>0</v>
      </c>
      <c r="IW14" s="124">
        <v>0</v>
      </c>
      <c r="IX14" s="157"/>
      <c r="IY14" s="123">
        <v>22812</v>
      </c>
      <c r="IZ14" s="123">
        <v>37132</v>
      </c>
      <c r="JA14" s="123">
        <v>55698</v>
      </c>
      <c r="JB14" s="123">
        <v>55698</v>
      </c>
      <c r="JC14" s="123">
        <v>90563</v>
      </c>
      <c r="JD14" s="124">
        <v>261903</v>
      </c>
      <c r="JE14" s="125">
        <v>261903</v>
      </c>
      <c r="JF14" s="159">
        <v>0</v>
      </c>
      <c r="JG14" s="123">
        <v>0</v>
      </c>
      <c r="JH14" s="158">
        <v>0</v>
      </c>
      <c r="JI14" s="122">
        <v>0</v>
      </c>
      <c r="JJ14" s="123">
        <v>28419697</v>
      </c>
      <c r="JK14" s="123">
        <v>32199906</v>
      </c>
      <c r="JL14" s="123">
        <v>24691607</v>
      </c>
      <c r="JM14" s="123">
        <v>13186454</v>
      </c>
      <c r="JN14" s="123">
        <v>6897369</v>
      </c>
      <c r="JO14" s="124">
        <v>105395033</v>
      </c>
      <c r="JP14" s="360">
        <v>105395033</v>
      </c>
      <c r="JQ14" s="159">
        <v>0</v>
      </c>
      <c r="JR14" s="123">
        <v>0</v>
      </c>
      <c r="JS14" s="158">
        <v>0</v>
      </c>
      <c r="JT14" s="122">
        <v>0</v>
      </c>
      <c r="JU14" s="123">
        <v>553872</v>
      </c>
      <c r="JV14" s="123">
        <v>1599532</v>
      </c>
      <c r="JW14" s="123">
        <v>1686340</v>
      </c>
      <c r="JX14" s="123">
        <v>665243</v>
      </c>
      <c r="JY14" s="123">
        <v>1222355</v>
      </c>
      <c r="JZ14" s="124">
        <v>5727342</v>
      </c>
      <c r="KA14" s="360">
        <v>5727342</v>
      </c>
      <c r="KB14" s="262">
        <v>440883</v>
      </c>
      <c r="KC14" s="256">
        <v>869242</v>
      </c>
      <c r="KD14" s="124">
        <v>1310125</v>
      </c>
      <c r="KE14" s="122">
        <v>0</v>
      </c>
      <c r="KF14" s="123">
        <v>10640859</v>
      </c>
      <c r="KG14" s="123">
        <v>10925167</v>
      </c>
      <c r="KH14" s="123">
        <v>12292249</v>
      </c>
      <c r="KI14" s="123">
        <v>4773949</v>
      </c>
      <c r="KJ14" s="123">
        <v>1543541</v>
      </c>
      <c r="KK14" s="124">
        <v>40175765</v>
      </c>
      <c r="KL14" s="160">
        <v>41485890</v>
      </c>
      <c r="KM14" s="259">
        <v>0</v>
      </c>
      <c r="KN14" s="266">
        <v>0</v>
      </c>
      <c r="KO14" s="267">
        <v>0</v>
      </c>
      <c r="KP14" s="157"/>
      <c r="KQ14" s="123">
        <v>17755003</v>
      </c>
      <c r="KR14" s="123">
        <v>21442909</v>
      </c>
      <c r="KS14" s="123">
        <v>21541128</v>
      </c>
      <c r="KT14" s="123">
        <v>15143316</v>
      </c>
      <c r="KU14" s="123">
        <v>9222253</v>
      </c>
      <c r="KV14" s="124">
        <v>85104609</v>
      </c>
      <c r="KW14" s="360">
        <v>85104609</v>
      </c>
      <c r="KX14" s="159">
        <v>0</v>
      </c>
      <c r="KY14" s="123">
        <v>0</v>
      </c>
      <c r="KZ14" s="124">
        <v>0</v>
      </c>
      <c r="LA14" s="157"/>
      <c r="LB14" s="123">
        <v>340384</v>
      </c>
      <c r="LC14" s="123">
        <v>2390782</v>
      </c>
      <c r="LD14" s="123">
        <v>1535025</v>
      </c>
      <c r="LE14" s="123">
        <v>4164748</v>
      </c>
      <c r="LF14" s="123">
        <v>822335</v>
      </c>
      <c r="LG14" s="124">
        <v>9253274</v>
      </c>
      <c r="LH14" s="125">
        <v>9253274</v>
      </c>
      <c r="LI14" s="159">
        <v>0</v>
      </c>
      <c r="LJ14" s="123">
        <v>0</v>
      </c>
      <c r="LK14" s="124">
        <v>0</v>
      </c>
      <c r="LL14" s="157"/>
      <c r="LM14" s="123">
        <v>0</v>
      </c>
      <c r="LN14" s="123">
        <v>460994</v>
      </c>
      <c r="LO14" s="123">
        <v>4943222</v>
      </c>
      <c r="LP14" s="123">
        <v>5185066</v>
      </c>
      <c r="LQ14" s="123">
        <v>3119552</v>
      </c>
      <c r="LR14" s="124">
        <v>13708834</v>
      </c>
      <c r="LS14" s="360">
        <v>13708834</v>
      </c>
      <c r="LT14" s="159">
        <v>0</v>
      </c>
      <c r="LU14" s="123">
        <v>0</v>
      </c>
      <c r="LV14" s="124">
        <v>0</v>
      </c>
      <c r="LW14" s="157"/>
      <c r="LX14" s="123">
        <v>2709348</v>
      </c>
      <c r="LY14" s="123">
        <v>2529993</v>
      </c>
      <c r="LZ14" s="123">
        <v>3038132</v>
      </c>
      <c r="MA14" s="123">
        <v>1855426</v>
      </c>
      <c r="MB14" s="123">
        <v>2582292</v>
      </c>
      <c r="MC14" s="124">
        <v>12715191</v>
      </c>
      <c r="MD14" s="125">
        <v>12715191</v>
      </c>
      <c r="ME14" s="159">
        <v>0</v>
      </c>
      <c r="MF14" s="123">
        <v>0</v>
      </c>
      <c r="MG14" s="124">
        <v>0</v>
      </c>
      <c r="MH14" s="157"/>
      <c r="MI14" s="123">
        <v>20473392</v>
      </c>
      <c r="MJ14" s="123">
        <v>42362014</v>
      </c>
      <c r="MK14" s="123">
        <v>130319197</v>
      </c>
      <c r="ML14" s="123">
        <v>150391892</v>
      </c>
      <c r="MM14" s="123">
        <v>92670960</v>
      </c>
      <c r="MN14" s="124">
        <v>436217455</v>
      </c>
      <c r="MO14" s="160">
        <v>436217455</v>
      </c>
      <c r="MP14" s="159">
        <v>0</v>
      </c>
      <c r="MQ14" s="123">
        <v>0</v>
      </c>
      <c r="MR14" s="124">
        <v>0</v>
      </c>
      <c r="MS14" s="157"/>
      <c r="MT14" s="123">
        <v>6776185</v>
      </c>
      <c r="MU14" s="123">
        <v>15034755</v>
      </c>
      <c r="MV14" s="123">
        <v>85237735</v>
      </c>
      <c r="MW14" s="123">
        <v>102010982</v>
      </c>
      <c r="MX14" s="123">
        <v>66226166</v>
      </c>
      <c r="MY14" s="124">
        <v>275285823</v>
      </c>
      <c r="MZ14" s="160">
        <v>275285823</v>
      </c>
      <c r="NA14" s="159">
        <v>0</v>
      </c>
      <c r="NB14" s="123">
        <v>0</v>
      </c>
      <c r="NC14" s="124">
        <v>0</v>
      </c>
      <c r="ND14" s="157"/>
      <c r="NE14" s="123">
        <v>13478111</v>
      </c>
      <c r="NF14" s="123">
        <v>27327259</v>
      </c>
      <c r="NG14" s="123">
        <v>44766192</v>
      </c>
      <c r="NH14" s="123">
        <v>44878024</v>
      </c>
      <c r="NI14" s="123">
        <v>23720639</v>
      </c>
      <c r="NJ14" s="124">
        <v>154170225</v>
      </c>
      <c r="NK14" s="360">
        <v>154170225</v>
      </c>
      <c r="NL14" s="159">
        <v>0</v>
      </c>
      <c r="NM14" s="123">
        <v>0</v>
      </c>
      <c r="NN14" s="124">
        <v>0</v>
      </c>
      <c r="NO14" s="157"/>
      <c r="NP14" s="123">
        <v>0</v>
      </c>
      <c r="NQ14" s="123">
        <v>0</v>
      </c>
      <c r="NR14" s="123">
        <v>0</v>
      </c>
      <c r="NS14" s="123">
        <v>1369471</v>
      </c>
      <c r="NT14" s="123">
        <v>569756</v>
      </c>
      <c r="NU14" s="124">
        <v>1939227</v>
      </c>
      <c r="NV14" s="125">
        <v>1939227</v>
      </c>
      <c r="NW14" s="159">
        <v>0</v>
      </c>
      <c r="NX14" s="123">
        <v>0</v>
      </c>
      <c r="NY14" s="124">
        <v>0</v>
      </c>
      <c r="NZ14" s="157"/>
      <c r="OA14" s="123">
        <v>219096</v>
      </c>
      <c r="OB14" s="123">
        <v>0</v>
      </c>
      <c r="OC14" s="123">
        <v>315270</v>
      </c>
      <c r="OD14" s="123">
        <v>2133415</v>
      </c>
      <c r="OE14" s="123">
        <v>2154399</v>
      </c>
      <c r="OF14" s="124">
        <v>4822180</v>
      </c>
      <c r="OG14" s="125">
        <v>4822180</v>
      </c>
      <c r="OH14" s="159">
        <v>12178506</v>
      </c>
      <c r="OI14" s="123">
        <v>15998301</v>
      </c>
      <c r="OJ14" s="158">
        <v>28176807</v>
      </c>
      <c r="OK14" s="122">
        <v>0</v>
      </c>
      <c r="OL14" s="123">
        <v>222125150</v>
      </c>
      <c r="OM14" s="123">
        <v>305635039</v>
      </c>
      <c r="ON14" s="123">
        <v>377874515</v>
      </c>
      <c r="OO14" s="123">
        <v>353705411</v>
      </c>
      <c r="OP14" s="123">
        <v>248562066</v>
      </c>
      <c r="OQ14" s="124">
        <v>1507902181</v>
      </c>
      <c r="OR14" s="160">
        <v>1536078988</v>
      </c>
    </row>
    <row r="15" spans="1:408" ht="18.75" customHeight="1" x14ac:dyDescent="0.2">
      <c r="A15" s="63" t="s">
        <v>9</v>
      </c>
      <c r="B15" s="113">
        <v>11916952</v>
      </c>
      <c r="C15" s="117">
        <v>15361134</v>
      </c>
      <c r="D15" s="116">
        <v>27278086</v>
      </c>
      <c r="E15" s="114">
        <v>0</v>
      </c>
      <c r="F15" s="117">
        <v>139534785</v>
      </c>
      <c r="G15" s="117">
        <v>152184371</v>
      </c>
      <c r="H15" s="117">
        <v>152906318</v>
      </c>
      <c r="I15" s="117">
        <v>166443464</v>
      </c>
      <c r="J15" s="117">
        <v>131005141</v>
      </c>
      <c r="K15" s="112">
        <v>742074079</v>
      </c>
      <c r="L15" s="119">
        <v>769352165</v>
      </c>
      <c r="M15" s="113">
        <v>1784003</v>
      </c>
      <c r="N15" s="117">
        <v>2837229</v>
      </c>
      <c r="O15" s="116">
        <v>4621232</v>
      </c>
      <c r="P15" s="113">
        <v>0</v>
      </c>
      <c r="Q15" s="117">
        <v>40568800</v>
      </c>
      <c r="R15" s="117">
        <v>48743214</v>
      </c>
      <c r="S15" s="117">
        <v>55476381</v>
      </c>
      <c r="T15" s="117">
        <v>70802962</v>
      </c>
      <c r="U15" s="117">
        <v>70668101</v>
      </c>
      <c r="V15" s="116">
        <v>286259458</v>
      </c>
      <c r="W15" s="119">
        <v>290880690</v>
      </c>
      <c r="X15" s="113">
        <v>0</v>
      </c>
      <c r="Y15" s="117">
        <v>0</v>
      </c>
      <c r="Z15" s="116">
        <v>0</v>
      </c>
      <c r="AA15" s="113">
        <v>0</v>
      </c>
      <c r="AB15" s="117">
        <v>19293751</v>
      </c>
      <c r="AC15" s="117">
        <v>26534980</v>
      </c>
      <c r="AD15" s="117">
        <v>33993171</v>
      </c>
      <c r="AE15" s="117">
        <v>46001925</v>
      </c>
      <c r="AF15" s="117">
        <v>44967326</v>
      </c>
      <c r="AG15" s="116">
        <v>170791153</v>
      </c>
      <c r="AH15" s="119">
        <v>170791153</v>
      </c>
      <c r="AI15" s="113">
        <v>0</v>
      </c>
      <c r="AJ15" s="117">
        <v>0</v>
      </c>
      <c r="AK15" s="116">
        <v>0</v>
      </c>
      <c r="AL15" s="113">
        <v>0</v>
      </c>
      <c r="AM15" s="117">
        <v>270016</v>
      </c>
      <c r="AN15" s="117">
        <v>637866</v>
      </c>
      <c r="AO15" s="117">
        <v>1032462</v>
      </c>
      <c r="AP15" s="117">
        <v>3819115</v>
      </c>
      <c r="AQ15" s="117">
        <v>6816042</v>
      </c>
      <c r="AR15" s="116">
        <v>12575501</v>
      </c>
      <c r="AS15" s="119">
        <v>12575501</v>
      </c>
      <c r="AT15" s="113">
        <v>637032</v>
      </c>
      <c r="AU15" s="117">
        <v>1806484</v>
      </c>
      <c r="AV15" s="116">
        <v>2443516</v>
      </c>
      <c r="AW15" s="113">
        <v>0</v>
      </c>
      <c r="AX15" s="117">
        <v>13019354</v>
      </c>
      <c r="AY15" s="117">
        <v>12248831</v>
      </c>
      <c r="AZ15" s="117">
        <v>9979536</v>
      </c>
      <c r="BA15" s="117">
        <v>10983651</v>
      </c>
      <c r="BB15" s="117">
        <v>11033922</v>
      </c>
      <c r="BC15" s="116">
        <v>57265294</v>
      </c>
      <c r="BD15" s="119">
        <v>59708810</v>
      </c>
      <c r="BE15" s="113">
        <v>187232</v>
      </c>
      <c r="BF15" s="117">
        <v>442779</v>
      </c>
      <c r="BG15" s="115">
        <v>630011</v>
      </c>
      <c r="BH15" s="114">
        <v>0</v>
      </c>
      <c r="BI15" s="117">
        <v>1576887</v>
      </c>
      <c r="BJ15" s="117">
        <v>2052156</v>
      </c>
      <c r="BK15" s="117">
        <v>1923957</v>
      </c>
      <c r="BL15" s="117">
        <v>1640162</v>
      </c>
      <c r="BM15" s="117">
        <v>1977423</v>
      </c>
      <c r="BN15" s="116">
        <v>9170585</v>
      </c>
      <c r="BO15" s="119">
        <v>9800596</v>
      </c>
      <c r="BP15" s="113">
        <v>959739</v>
      </c>
      <c r="BQ15" s="117">
        <v>587966</v>
      </c>
      <c r="BR15" s="116">
        <v>1547705</v>
      </c>
      <c r="BS15" s="113">
        <v>0</v>
      </c>
      <c r="BT15" s="117">
        <v>6408792</v>
      </c>
      <c r="BU15" s="117">
        <v>7269381</v>
      </c>
      <c r="BV15" s="117">
        <v>8547255</v>
      </c>
      <c r="BW15" s="117">
        <v>8358109</v>
      </c>
      <c r="BX15" s="117">
        <v>5873388</v>
      </c>
      <c r="BY15" s="116">
        <v>36456925</v>
      </c>
      <c r="BZ15" s="119">
        <v>38004630</v>
      </c>
      <c r="CA15" s="113">
        <v>1013629</v>
      </c>
      <c r="CB15" s="117">
        <v>2616288</v>
      </c>
      <c r="CC15" s="116">
        <v>3629917</v>
      </c>
      <c r="CD15" s="113">
        <v>0</v>
      </c>
      <c r="CE15" s="117">
        <v>30986259</v>
      </c>
      <c r="CF15" s="117">
        <v>34245327</v>
      </c>
      <c r="CG15" s="117">
        <v>26781102</v>
      </c>
      <c r="CH15" s="117">
        <v>22739548</v>
      </c>
      <c r="CI15" s="117">
        <v>9694131</v>
      </c>
      <c r="CJ15" s="116">
        <v>124446367</v>
      </c>
      <c r="CK15" s="119">
        <v>128076284</v>
      </c>
      <c r="CL15" s="113">
        <v>0</v>
      </c>
      <c r="CM15" s="117">
        <v>0</v>
      </c>
      <c r="CN15" s="116">
        <v>0</v>
      </c>
      <c r="CO15" s="114">
        <v>0</v>
      </c>
      <c r="CP15" s="117">
        <v>26067127</v>
      </c>
      <c r="CQ15" s="117">
        <v>26889262</v>
      </c>
      <c r="CR15" s="117">
        <v>21904907</v>
      </c>
      <c r="CS15" s="117">
        <v>16331405</v>
      </c>
      <c r="CT15" s="117">
        <v>7353598</v>
      </c>
      <c r="CU15" s="116">
        <v>98546299</v>
      </c>
      <c r="CV15" s="119">
        <v>98546299</v>
      </c>
      <c r="CW15" s="113">
        <v>1013629</v>
      </c>
      <c r="CX15" s="117">
        <v>2616288</v>
      </c>
      <c r="CY15" s="116">
        <v>3629917</v>
      </c>
      <c r="CZ15" s="113">
        <v>0</v>
      </c>
      <c r="DA15" s="117">
        <v>4919132</v>
      </c>
      <c r="DB15" s="117">
        <v>7356065</v>
      </c>
      <c r="DC15" s="117">
        <v>4876195</v>
      </c>
      <c r="DD15" s="117">
        <v>6408143</v>
      </c>
      <c r="DE15" s="117">
        <v>2340533</v>
      </c>
      <c r="DF15" s="116">
        <v>25900068</v>
      </c>
      <c r="DG15" s="119">
        <v>29529985</v>
      </c>
      <c r="DH15" s="113">
        <v>22057</v>
      </c>
      <c r="DI15" s="117">
        <v>111795</v>
      </c>
      <c r="DJ15" s="115">
        <v>133852</v>
      </c>
      <c r="DK15" s="114">
        <v>0</v>
      </c>
      <c r="DL15" s="117">
        <v>3937811</v>
      </c>
      <c r="DM15" s="117">
        <v>7731533</v>
      </c>
      <c r="DN15" s="117">
        <v>15787489</v>
      </c>
      <c r="DO15" s="117">
        <v>15365473</v>
      </c>
      <c r="DP15" s="117">
        <v>8718293</v>
      </c>
      <c r="DQ15" s="116">
        <v>51540599</v>
      </c>
      <c r="DR15" s="119">
        <v>51674451</v>
      </c>
      <c r="DS15" s="113">
        <v>22057</v>
      </c>
      <c r="DT15" s="117">
        <v>111795</v>
      </c>
      <c r="DU15" s="116">
        <v>133852</v>
      </c>
      <c r="DV15" s="113">
        <v>0</v>
      </c>
      <c r="DW15" s="117">
        <v>3614486</v>
      </c>
      <c r="DX15" s="117">
        <v>6728978</v>
      </c>
      <c r="DY15" s="117">
        <v>13717349</v>
      </c>
      <c r="DZ15" s="117">
        <v>13213260</v>
      </c>
      <c r="EA15" s="117">
        <v>7632617</v>
      </c>
      <c r="EB15" s="116">
        <v>44906690</v>
      </c>
      <c r="EC15" s="119">
        <v>45040542</v>
      </c>
      <c r="ED15" s="113">
        <v>0</v>
      </c>
      <c r="EE15" s="115">
        <v>0</v>
      </c>
      <c r="EF15" s="116">
        <v>0</v>
      </c>
      <c r="EG15" s="113">
        <v>0</v>
      </c>
      <c r="EH15" s="117">
        <v>323325</v>
      </c>
      <c r="EI15" s="117">
        <v>1002555</v>
      </c>
      <c r="EJ15" s="117">
        <v>2070140</v>
      </c>
      <c r="EK15" s="117">
        <v>2152213</v>
      </c>
      <c r="EL15" s="117">
        <v>1085676</v>
      </c>
      <c r="EM15" s="115">
        <v>6633909</v>
      </c>
      <c r="EN15" s="119">
        <v>6633909</v>
      </c>
      <c r="EO15" s="113">
        <v>0</v>
      </c>
      <c r="EP15" s="117">
        <v>0</v>
      </c>
      <c r="EQ15" s="115">
        <v>0</v>
      </c>
      <c r="ER15" s="114">
        <v>0</v>
      </c>
      <c r="ES15" s="117">
        <v>0</v>
      </c>
      <c r="ET15" s="117">
        <v>0</v>
      </c>
      <c r="EU15" s="117">
        <v>0</v>
      </c>
      <c r="EV15" s="117">
        <v>0</v>
      </c>
      <c r="EW15" s="117">
        <v>0</v>
      </c>
      <c r="EX15" s="116">
        <v>0</v>
      </c>
      <c r="EY15" s="119">
        <v>0</v>
      </c>
      <c r="EZ15" s="113">
        <v>0</v>
      </c>
      <c r="FA15" s="117">
        <v>0</v>
      </c>
      <c r="FB15" s="115">
        <v>0</v>
      </c>
      <c r="FC15" s="395">
        <v>0</v>
      </c>
      <c r="FD15" s="117">
        <v>0</v>
      </c>
      <c r="FE15" s="117">
        <v>0</v>
      </c>
      <c r="FF15" s="117">
        <v>0</v>
      </c>
      <c r="FG15" s="117">
        <v>0</v>
      </c>
      <c r="FH15" s="117">
        <v>0</v>
      </c>
      <c r="FI15" s="116">
        <v>0</v>
      </c>
      <c r="FJ15" s="119">
        <v>0</v>
      </c>
      <c r="FK15" s="113">
        <v>3780761</v>
      </c>
      <c r="FL15" s="117">
        <v>4134449</v>
      </c>
      <c r="FM15" s="116">
        <v>7915210</v>
      </c>
      <c r="FN15" s="113">
        <v>0</v>
      </c>
      <c r="FO15" s="117">
        <v>8597806</v>
      </c>
      <c r="FP15" s="117">
        <v>13148598</v>
      </c>
      <c r="FQ15" s="117">
        <v>10473578</v>
      </c>
      <c r="FR15" s="117">
        <v>10703663</v>
      </c>
      <c r="FS15" s="117">
        <v>8683069</v>
      </c>
      <c r="FT15" s="116">
        <v>51606714</v>
      </c>
      <c r="FU15" s="119">
        <v>59521924</v>
      </c>
      <c r="FV15" s="118">
        <v>1751137</v>
      </c>
      <c r="FW15" s="117">
        <v>2914429</v>
      </c>
      <c r="FX15" s="115">
        <v>4665566</v>
      </c>
      <c r="FY15" s="114">
        <v>0</v>
      </c>
      <c r="FZ15" s="117">
        <v>6832199</v>
      </c>
      <c r="GA15" s="117">
        <v>12069430</v>
      </c>
      <c r="GB15" s="117">
        <v>9803885</v>
      </c>
      <c r="GC15" s="117">
        <v>10402097</v>
      </c>
      <c r="GD15" s="117">
        <v>8299672</v>
      </c>
      <c r="GE15" s="116">
        <v>47407283</v>
      </c>
      <c r="GF15" s="357">
        <v>52072849</v>
      </c>
      <c r="GG15" s="118">
        <v>186565</v>
      </c>
      <c r="GH15" s="117">
        <v>189179</v>
      </c>
      <c r="GI15" s="115">
        <v>375744</v>
      </c>
      <c r="GJ15" s="114">
        <v>0</v>
      </c>
      <c r="GK15" s="117">
        <v>536304</v>
      </c>
      <c r="GL15" s="117">
        <v>356520</v>
      </c>
      <c r="GM15" s="117">
        <v>228693</v>
      </c>
      <c r="GN15" s="117">
        <v>102366</v>
      </c>
      <c r="GO15" s="117">
        <v>59697</v>
      </c>
      <c r="GP15" s="116">
        <v>1283580</v>
      </c>
      <c r="GQ15" s="119">
        <v>1659324</v>
      </c>
      <c r="GR15" s="113">
        <v>1843059</v>
      </c>
      <c r="GS15" s="117">
        <v>1030841</v>
      </c>
      <c r="GT15" s="116">
        <v>2873900</v>
      </c>
      <c r="GU15" s="113">
        <v>0</v>
      </c>
      <c r="GV15" s="117">
        <v>1229303</v>
      </c>
      <c r="GW15" s="117">
        <v>722648</v>
      </c>
      <c r="GX15" s="117">
        <v>441000</v>
      </c>
      <c r="GY15" s="117">
        <v>199200</v>
      </c>
      <c r="GZ15" s="117">
        <v>323700</v>
      </c>
      <c r="HA15" s="115">
        <v>2915851</v>
      </c>
      <c r="HB15" s="119">
        <v>5789751</v>
      </c>
      <c r="HC15" s="113">
        <v>3139173</v>
      </c>
      <c r="HD15" s="117">
        <v>2768999</v>
      </c>
      <c r="HE15" s="115">
        <v>5908172</v>
      </c>
      <c r="HF15" s="114">
        <v>0</v>
      </c>
      <c r="HG15" s="117">
        <v>31017702</v>
      </c>
      <c r="HH15" s="117">
        <v>28990068</v>
      </c>
      <c r="HI15" s="117">
        <v>30361541</v>
      </c>
      <c r="HJ15" s="117">
        <v>35391593</v>
      </c>
      <c r="HK15" s="117">
        <v>26076687</v>
      </c>
      <c r="HL15" s="116">
        <v>151837591</v>
      </c>
      <c r="HM15" s="112">
        <v>157745763</v>
      </c>
      <c r="HN15" s="118">
        <v>2177329</v>
      </c>
      <c r="HO15" s="117">
        <v>2892374</v>
      </c>
      <c r="HP15" s="116">
        <v>5069703</v>
      </c>
      <c r="HQ15" s="113">
        <v>0</v>
      </c>
      <c r="HR15" s="117">
        <v>24426407</v>
      </c>
      <c r="HS15" s="117">
        <v>19325631</v>
      </c>
      <c r="HT15" s="117">
        <v>14026227</v>
      </c>
      <c r="HU15" s="117">
        <v>11440225</v>
      </c>
      <c r="HV15" s="117">
        <v>7164860</v>
      </c>
      <c r="HW15" s="115">
        <v>76383350</v>
      </c>
      <c r="HX15" s="119">
        <v>81453053</v>
      </c>
      <c r="HY15" s="132">
        <v>332541</v>
      </c>
      <c r="HZ15" s="165">
        <v>925636</v>
      </c>
      <c r="IA15" s="134">
        <v>1258177</v>
      </c>
      <c r="IB15" s="162">
        <v>0</v>
      </c>
      <c r="IC15" s="149">
        <v>32364739</v>
      </c>
      <c r="ID15" s="163">
        <v>40369767</v>
      </c>
      <c r="IE15" s="150">
        <v>54198306</v>
      </c>
      <c r="IF15" s="149">
        <v>33052434</v>
      </c>
      <c r="IG15" s="150">
        <v>21745327</v>
      </c>
      <c r="IH15" s="164">
        <v>181730573</v>
      </c>
      <c r="II15" s="138">
        <v>182988750</v>
      </c>
      <c r="IJ15" s="259">
        <v>0</v>
      </c>
      <c r="IK15" s="266">
        <v>0</v>
      </c>
      <c r="IL15" s="267">
        <v>0</v>
      </c>
      <c r="IM15" s="157"/>
      <c r="IN15" s="123">
        <v>337305</v>
      </c>
      <c r="IO15" s="123">
        <v>630770</v>
      </c>
      <c r="IP15" s="123">
        <v>424921</v>
      </c>
      <c r="IQ15" s="123">
        <v>1892815</v>
      </c>
      <c r="IR15" s="123">
        <v>2273067</v>
      </c>
      <c r="IS15" s="158">
        <v>5558878</v>
      </c>
      <c r="IT15" s="360">
        <v>5558878</v>
      </c>
      <c r="IU15" s="159">
        <v>0</v>
      </c>
      <c r="IV15" s="123">
        <v>0</v>
      </c>
      <c r="IW15" s="124">
        <v>0</v>
      </c>
      <c r="IX15" s="157"/>
      <c r="IY15" s="123">
        <v>0</v>
      </c>
      <c r="IZ15" s="123">
        <v>0</v>
      </c>
      <c r="JA15" s="123">
        <v>0</v>
      </c>
      <c r="JB15" s="123">
        <v>0</v>
      </c>
      <c r="JC15" s="123">
        <v>0</v>
      </c>
      <c r="JD15" s="124">
        <v>0</v>
      </c>
      <c r="JE15" s="125">
        <v>0</v>
      </c>
      <c r="JF15" s="159">
        <v>0</v>
      </c>
      <c r="JG15" s="123">
        <v>0</v>
      </c>
      <c r="JH15" s="158">
        <v>0</v>
      </c>
      <c r="JI15" s="122">
        <v>0</v>
      </c>
      <c r="JJ15" s="123">
        <v>18464615</v>
      </c>
      <c r="JK15" s="123">
        <v>18807621</v>
      </c>
      <c r="JL15" s="123">
        <v>17685811</v>
      </c>
      <c r="JM15" s="123">
        <v>9890684</v>
      </c>
      <c r="JN15" s="123">
        <v>3353866</v>
      </c>
      <c r="JO15" s="124">
        <v>68202597</v>
      </c>
      <c r="JP15" s="360">
        <v>68202597</v>
      </c>
      <c r="JQ15" s="159">
        <v>0</v>
      </c>
      <c r="JR15" s="123">
        <v>0</v>
      </c>
      <c r="JS15" s="158">
        <v>0</v>
      </c>
      <c r="JT15" s="122">
        <v>0</v>
      </c>
      <c r="JU15" s="123">
        <v>881573</v>
      </c>
      <c r="JV15" s="123">
        <v>501206</v>
      </c>
      <c r="JW15" s="123">
        <v>777595</v>
      </c>
      <c r="JX15" s="123">
        <v>359084</v>
      </c>
      <c r="JY15" s="123">
        <v>595549</v>
      </c>
      <c r="JZ15" s="124">
        <v>3115007</v>
      </c>
      <c r="KA15" s="360">
        <v>3115007</v>
      </c>
      <c r="KB15" s="262">
        <v>332541</v>
      </c>
      <c r="KC15" s="256">
        <v>670419</v>
      </c>
      <c r="KD15" s="124">
        <v>1002960</v>
      </c>
      <c r="KE15" s="122">
        <v>0</v>
      </c>
      <c r="KF15" s="123">
        <v>3987007</v>
      </c>
      <c r="KG15" s="123">
        <v>5145885</v>
      </c>
      <c r="KH15" s="123">
        <v>5777630</v>
      </c>
      <c r="KI15" s="123">
        <v>5158294</v>
      </c>
      <c r="KJ15" s="123">
        <v>1364429</v>
      </c>
      <c r="KK15" s="124">
        <v>21433245</v>
      </c>
      <c r="KL15" s="160">
        <v>22436205</v>
      </c>
      <c r="KM15" s="259">
        <v>0</v>
      </c>
      <c r="KN15" s="266">
        <v>255217</v>
      </c>
      <c r="KO15" s="267">
        <v>255217</v>
      </c>
      <c r="KP15" s="157"/>
      <c r="KQ15" s="123">
        <v>7052569</v>
      </c>
      <c r="KR15" s="123">
        <v>13752550</v>
      </c>
      <c r="KS15" s="123">
        <v>26656829</v>
      </c>
      <c r="KT15" s="123">
        <v>11278951</v>
      </c>
      <c r="KU15" s="123">
        <v>8026720</v>
      </c>
      <c r="KV15" s="124">
        <v>66767619</v>
      </c>
      <c r="KW15" s="360">
        <v>67022836</v>
      </c>
      <c r="KX15" s="159">
        <v>0</v>
      </c>
      <c r="KY15" s="123">
        <v>0</v>
      </c>
      <c r="KZ15" s="124">
        <v>0</v>
      </c>
      <c r="LA15" s="157"/>
      <c r="LB15" s="123">
        <v>704686</v>
      </c>
      <c r="LC15" s="123">
        <v>721930</v>
      </c>
      <c r="LD15" s="123">
        <v>1079118</v>
      </c>
      <c r="LE15" s="123">
        <v>941620</v>
      </c>
      <c r="LF15" s="123">
        <v>1873191</v>
      </c>
      <c r="LG15" s="124">
        <v>5320545</v>
      </c>
      <c r="LH15" s="125">
        <v>5320545</v>
      </c>
      <c r="LI15" s="159">
        <v>0</v>
      </c>
      <c r="LJ15" s="123">
        <v>0</v>
      </c>
      <c r="LK15" s="124">
        <v>0</v>
      </c>
      <c r="LL15" s="157"/>
      <c r="LM15" s="123">
        <v>0</v>
      </c>
      <c r="LN15" s="123">
        <v>0</v>
      </c>
      <c r="LO15" s="123">
        <v>0</v>
      </c>
      <c r="LP15" s="123">
        <v>320863</v>
      </c>
      <c r="LQ15" s="123">
        <v>0</v>
      </c>
      <c r="LR15" s="124">
        <v>320863</v>
      </c>
      <c r="LS15" s="360">
        <v>320863</v>
      </c>
      <c r="LT15" s="159">
        <v>0</v>
      </c>
      <c r="LU15" s="123">
        <v>0</v>
      </c>
      <c r="LV15" s="124">
        <v>0</v>
      </c>
      <c r="LW15" s="157"/>
      <c r="LX15" s="123">
        <v>936984</v>
      </c>
      <c r="LY15" s="123">
        <v>809805</v>
      </c>
      <c r="LZ15" s="123">
        <v>1796402</v>
      </c>
      <c r="MA15" s="123">
        <v>3210123</v>
      </c>
      <c r="MB15" s="123">
        <v>4258505</v>
      </c>
      <c r="MC15" s="124">
        <v>11011819</v>
      </c>
      <c r="MD15" s="125">
        <v>11011819</v>
      </c>
      <c r="ME15" s="159">
        <v>0</v>
      </c>
      <c r="MF15" s="123">
        <v>0</v>
      </c>
      <c r="MG15" s="124">
        <v>0</v>
      </c>
      <c r="MH15" s="157"/>
      <c r="MI15" s="123">
        <v>7905986</v>
      </c>
      <c r="MJ15" s="123">
        <v>17665025</v>
      </c>
      <c r="MK15" s="123">
        <v>83678194</v>
      </c>
      <c r="ML15" s="123">
        <v>147085117</v>
      </c>
      <c r="MM15" s="123">
        <v>118115326</v>
      </c>
      <c r="MN15" s="124">
        <v>374449648</v>
      </c>
      <c r="MO15" s="160">
        <v>374449648</v>
      </c>
      <c r="MP15" s="159">
        <v>0</v>
      </c>
      <c r="MQ15" s="123">
        <v>0</v>
      </c>
      <c r="MR15" s="124">
        <v>0</v>
      </c>
      <c r="MS15" s="157"/>
      <c r="MT15" s="123">
        <v>1362087</v>
      </c>
      <c r="MU15" s="123">
        <v>471505</v>
      </c>
      <c r="MV15" s="123">
        <v>54994118</v>
      </c>
      <c r="MW15" s="123">
        <v>108621839</v>
      </c>
      <c r="MX15" s="123">
        <v>90390574</v>
      </c>
      <c r="MY15" s="124">
        <v>255840123</v>
      </c>
      <c r="MZ15" s="160">
        <v>255840123</v>
      </c>
      <c r="NA15" s="159">
        <v>0</v>
      </c>
      <c r="NB15" s="123">
        <v>0</v>
      </c>
      <c r="NC15" s="124">
        <v>0</v>
      </c>
      <c r="ND15" s="157"/>
      <c r="NE15" s="123">
        <v>6543899</v>
      </c>
      <c r="NF15" s="123">
        <v>17193520</v>
      </c>
      <c r="NG15" s="123">
        <v>27998917</v>
      </c>
      <c r="NH15" s="123">
        <v>36899668</v>
      </c>
      <c r="NI15" s="123">
        <v>24975260</v>
      </c>
      <c r="NJ15" s="124">
        <v>113611264</v>
      </c>
      <c r="NK15" s="360">
        <v>113611264</v>
      </c>
      <c r="NL15" s="159">
        <v>0</v>
      </c>
      <c r="NM15" s="123">
        <v>0</v>
      </c>
      <c r="NN15" s="124">
        <v>0</v>
      </c>
      <c r="NO15" s="157"/>
      <c r="NP15" s="123">
        <v>0</v>
      </c>
      <c r="NQ15" s="123">
        <v>0</v>
      </c>
      <c r="NR15" s="123">
        <v>0</v>
      </c>
      <c r="NS15" s="123">
        <v>1020421</v>
      </c>
      <c r="NT15" s="123">
        <v>356935</v>
      </c>
      <c r="NU15" s="124">
        <v>1377356</v>
      </c>
      <c r="NV15" s="125">
        <v>1377356</v>
      </c>
      <c r="NW15" s="159">
        <v>0</v>
      </c>
      <c r="NX15" s="123">
        <v>0</v>
      </c>
      <c r="NY15" s="124">
        <v>0</v>
      </c>
      <c r="NZ15" s="157"/>
      <c r="OA15" s="123">
        <v>0</v>
      </c>
      <c r="OB15" s="123">
        <v>0</v>
      </c>
      <c r="OC15" s="123">
        <v>685159</v>
      </c>
      <c r="OD15" s="123">
        <v>543189</v>
      </c>
      <c r="OE15" s="123">
        <v>2392557</v>
      </c>
      <c r="OF15" s="124">
        <v>3620905</v>
      </c>
      <c r="OG15" s="125">
        <v>3620905</v>
      </c>
      <c r="OH15" s="159">
        <v>12249493</v>
      </c>
      <c r="OI15" s="123">
        <v>16286770</v>
      </c>
      <c r="OJ15" s="158">
        <v>28536263</v>
      </c>
      <c r="OK15" s="122">
        <v>0</v>
      </c>
      <c r="OL15" s="123">
        <v>179805510</v>
      </c>
      <c r="OM15" s="123">
        <v>210219163</v>
      </c>
      <c r="ON15" s="123">
        <v>290782818</v>
      </c>
      <c r="OO15" s="123">
        <v>346581015</v>
      </c>
      <c r="OP15" s="123">
        <v>270865794</v>
      </c>
      <c r="OQ15" s="124">
        <v>1298254300</v>
      </c>
      <c r="OR15" s="160">
        <v>1326790563</v>
      </c>
    </row>
    <row r="16" spans="1:408" ht="18.75" customHeight="1" x14ac:dyDescent="0.2">
      <c r="A16" s="63" t="s">
        <v>10</v>
      </c>
      <c r="B16" s="113">
        <v>24884145</v>
      </c>
      <c r="C16" s="117">
        <v>45355011</v>
      </c>
      <c r="D16" s="116">
        <v>70239156</v>
      </c>
      <c r="E16" s="188">
        <v>0</v>
      </c>
      <c r="F16" s="117">
        <v>318840198</v>
      </c>
      <c r="G16" s="117">
        <v>256235228</v>
      </c>
      <c r="H16" s="117">
        <v>223092933</v>
      </c>
      <c r="I16" s="117">
        <v>212787623</v>
      </c>
      <c r="J16" s="117">
        <v>176754545</v>
      </c>
      <c r="K16" s="112">
        <v>1187710527</v>
      </c>
      <c r="L16" s="119">
        <v>1257949683</v>
      </c>
      <c r="M16" s="113">
        <v>6003790</v>
      </c>
      <c r="N16" s="117">
        <v>14059432</v>
      </c>
      <c r="O16" s="116">
        <v>20063222</v>
      </c>
      <c r="P16" s="113">
        <v>0</v>
      </c>
      <c r="Q16" s="117">
        <v>100071996</v>
      </c>
      <c r="R16" s="117">
        <v>82048340</v>
      </c>
      <c r="S16" s="117">
        <v>74614818</v>
      </c>
      <c r="T16" s="117">
        <v>90811446</v>
      </c>
      <c r="U16" s="117">
        <v>92431049</v>
      </c>
      <c r="V16" s="116">
        <v>439977649</v>
      </c>
      <c r="W16" s="119">
        <v>460040871</v>
      </c>
      <c r="X16" s="113">
        <v>0</v>
      </c>
      <c r="Y16" s="117">
        <v>0</v>
      </c>
      <c r="Z16" s="116">
        <v>0</v>
      </c>
      <c r="AA16" s="113">
        <v>0</v>
      </c>
      <c r="AB16" s="117">
        <v>51499416</v>
      </c>
      <c r="AC16" s="117">
        <v>43270228</v>
      </c>
      <c r="AD16" s="117">
        <v>44929347</v>
      </c>
      <c r="AE16" s="117">
        <v>58755373</v>
      </c>
      <c r="AF16" s="117">
        <v>55678236</v>
      </c>
      <c r="AG16" s="116">
        <v>254132600</v>
      </c>
      <c r="AH16" s="119">
        <v>254132600</v>
      </c>
      <c r="AI16" s="113">
        <v>0</v>
      </c>
      <c r="AJ16" s="117">
        <v>0</v>
      </c>
      <c r="AK16" s="116">
        <v>0</v>
      </c>
      <c r="AL16" s="113">
        <v>0</v>
      </c>
      <c r="AM16" s="117">
        <v>634415</v>
      </c>
      <c r="AN16" s="117">
        <v>1055704</v>
      </c>
      <c r="AO16" s="117">
        <v>1567089</v>
      </c>
      <c r="AP16" s="117">
        <v>5105157</v>
      </c>
      <c r="AQ16" s="117">
        <v>9346813</v>
      </c>
      <c r="AR16" s="116">
        <v>17709178</v>
      </c>
      <c r="AS16" s="119">
        <v>17709178</v>
      </c>
      <c r="AT16" s="113">
        <v>3402308</v>
      </c>
      <c r="AU16" s="117">
        <v>9403573</v>
      </c>
      <c r="AV16" s="116">
        <v>12805881</v>
      </c>
      <c r="AW16" s="113">
        <v>0</v>
      </c>
      <c r="AX16" s="117">
        <v>28207600</v>
      </c>
      <c r="AY16" s="117">
        <v>21079888</v>
      </c>
      <c r="AZ16" s="117">
        <v>14455004</v>
      </c>
      <c r="BA16" s="117">
        <v>14037927</v>
      </c>
      <c r="BB16" s="117">
        <v>15096491</v>
      </c>
      <c r="BC16" s="116">
        <v>92876910</v>
      </c>
      <c r="BD16" s="119">
        <v>105682791</v>
      </c>
      <c r="BE16" s="113">
        <v>419739</v>
      </c>
      <c r="BF16" s="117">
        <v>1265233</v>
      </c>
      <c r="BG16" s="115">
        <v>1684972</v>
      </c>
      <c r="BH16" s="114">
        <v>0</v>
      </c>
      <c r="BI16" s="117">
        <v>3267635</v>
      </c>
      <c r="BJ16" s="117">
        <v>3345971</v>
      </c>
      <c r="BK16" s="117">
        <v>2356267</v>
      </c>
      <c r="BL16" s="117">
        <v>1718123</v>
      </c>
      <c r="BM16" s="117">
        <v>1802160</v>
      </c>
      <c r="BN16" s="116">
        <v>12490156</v>
      </c>
      <c r="BO16" s="119">
        <v>14175128</v>
      </c>
      <c r="BP16" s="113">
        <v>2181743</v>
      </c>
      <c r="BQ16" s="117">
        <v>3390626</v>
      </c>
      <c r="BR16" s="116">
        <v>5572369</v>
      </c>
      <c r="BS16" s="113">
        <v>0</v>
      </c>
      <c r="BT16" s="117">
        <v>16462930</v>
      </c>
      <c r="BU16" s="117">
        <v>13296549</v>
      </c>
      <c r="BV16" s="117">
        <v>11307111</v>
      </c>
      <c r="BW16" s="117">
        <v>11194866</v>
      </c>
      <c r="BX16" s="117">
        <v>10507349</v>
      </c>
      <c r="BY16" s="116">
        <v>62768805</v>
      </c>
      <c r="BZ16" s="119">
        <v>68341174</v>
      </c>
      <c r="CA16" s="113">
        <v>1727776</v>
      </c>
      <c r="CB16" s="117">
        <v>3721029</v>
      </c>
      <c r="CC16" s="116">
        <v>5448805</v>
      </c>
      <c r="CD16" s="113">
        <v>0</v>
      </c>
      <c r="CE16" s="117">
        <v>96015346</v>
      </c>
      <c r="CF16" s="117">
        <v>73025757</v>
      </c>
      <c r="CG16" s="117">
        <v>49309140</v>
      </c>
      <c r="CH16" s="117">
        <v>30803720</v>
      </c>
      <c r="CI16" s="117">
        <v>15901211</v>
      </c>
      <c r="CJ16" s="116">
        <v>265055174</v>
      </c>
      <c r="CK16" s="119">
        <v>270503979</v>
      </c>
      <c r="CL16" s="113">
        <v>0</v>
      </c>
      <c r="CM16" s="117">
        <v>0</v>
      </c>
      <c r="CN16" s="116">
        <v>0</v>
      </c>
      <c r="CO16" s="114">
        <v>0</v>
      </c>
      <c r="CP16" s="117">
        <v>83877013</v>
      </c>
      <c r="CQ16" s="117">
        <v>62349228</v>
      </c>
      <c r="CR16" s="117">
        <v>42511735</v>
      </c>
      <c r="CS16" s="117">
        <v>25732163</v>
      </c>
      <c r="CT16" s="117">
        <v>14036936</v>
      </c>
      <c r="CU16" s="116">
        <v>228507075</v>
      </c>
      <c r="CV16" s="119">
        <v>228507075</v>
      </c>
      <c r="CW16" s="113">
        <v>1727776</v>
      </c>
      <c r="CX16" s="117">
        <v>3721029</v>
      </c>
      <c r="CY16" s="116">
        <v>5448805</v>
      </c>
      <c r="CZ16" s="113">
        <v>0</v>
      </c>
      <c r="DA16" s="117">
        <v>12138333</v>
      </c>
      <c r="DB16" s="117">
        <v>10676529</v>
      </c>
      <c r="DC16" s="117">
        <v>6797405</v>
      </c>
      <c r="DD16" s="117">
        <v>5071557</v>
      </c>
      <c r="DE16" s="117">
        <v>1864275</v>
      </c>
      <c r="DF16" s="116">
        <v>36548099</v>
      </c>
      <c r="DG16" s="119">
        <v>41996904</v>
      </c>
      <c r="DH16" s="113">
        <v>311744</v>
      </c>
      <c r="DI16" s="117">
        <v>1122783</v>
      </c>
      <c r="DJ16" s="115">
        <v>1434527</v>
      </c>
      <c r="DK16" s="114">
        <v>0</v>
      </c>
      <c r="DL16" s="117">
        <v>11306395</v>
      </c>
      <c r="DM16" s="117">
        <v>14694531</v>
      </c>
      <c r="DN16" s="117">
        <v>23774047</v>
      </c>
      <c r="DO16" s="117">
        <v>20075117</v>
      </c>
      <c r="DP16" s="117">
        <v>10356145</v>
      </c>
      <c r="DQ16" s="116">
        <v>80206235</v>
      </c>
      <c r="DR16" s="119">
        <v>81640762</v>
      </c>
      <c r="DS16" s="113">
        <v>311744</v>
      </c>
      <c r="DT16" s="117">
        <v>1049741</v>
      </c>
      <c r="DU16" s="116">
        <v>1361485</v>
      </c>
      <c r="DV16" s="113">
        <v>0</v>
      </c>
      <c r="DW16" s="117">
        <v>10885661</v>
      </c>
      <c r="DX16" s="117">
        <v>12938994</v>
      </c>
      <c r="DY16" s="117">
        <v>21225568</v>
      </c>
      <c r="DZ16" s="117">
        <v>18047569</v>
      </c>
      <c r="EA16" s="117">
        <v>9824109</v>
      </c>
      <c r="EB16" s="116">
        <v>72921901</v>
      </c>
      <c r="EC16" s="119">
        <v>74283386</v>
      </c>
      <c r="ED16" s="113">
        <v>0</v>
      </c>
      <c r="EE16" s="115">
        <v>73042</v>
      </c>
      <c r="EF16" s="116">
        <v>73042</v>
      </c>
      <c r="EG16" s="113">
        <v>0</v>
      </c>
      <c r="EH16" s="117">
        <v>420734</v>
      </c>
      <c r="EI16" s="117">
        <v>1755537</v>
      </c>
      <c r="EJ16" s="117">
        <v>2548479</v>
      </c>
      <c r="EK16" s="117">
        <v>2027548</v>
      </c>
      <c r="EL16" s="117">
        <v>532036</v>
      </c>
      <c r="EM16" s="115">
        <v>7284334</v>
      </c>
      <c r="EN16" s="119">
        <v>7357376</v>
      </c>
      <c r="EO16" s="113">
        <v>0</v>
      </c>
      <c r="EP16" s="117">
        <v>0</v>
      </c>
      <c r="EQ16" s="115">
        <v>0</v>
      </c>
      <c r="ER16" s="114">
        <v>0</v>
      </c>
      <c r="ES16" s="117">
        <v>0</v>
      </c>
      <c r="ET16" s="117">
        <v>0</v>
      </c>
      <c r="EU16" s="117">
        <v>0</v>
      </c>
      <c r="EV16" s="117">
        <v>0</v>
      </c>
      <c r="EW16" s="117">
        <v>0</v>
      </c>
      <c r="EX16" s="116">
        <v>0</v>
      </c>
      <c r="EY16" s="119">
        <v>0</v>
      </c>
      <c r="EZ16" s="113">
        <v>0</v>
      </c>
      <c r="FA16" s="117">
        <v>0</v>
      </c>
      <c r="FB16" s="115">
        <v>0</v>
      </c>
      <c r="FC16" s="395">
        <v>0</v>
      </c>
      <c r="FD16" s="117">
        <v>0</v>
      </c>
      <c r="FE16" s="117">
        <v>0</v>
      </c>
      <c r="FF16" s="117">
        <v>0</v>
      </c>
      <c r="FG16" s="117">
        <v>0</v>
      </c>
      <c r="FH16" s="117">
        <v>0</v>
      </c>
      <c r="FI16" s="116">
        <v>0</v>
      </c>
      <c r="FJ16" s="119">
        <v>0</v>
      </c>
      <c r="FK16" s="113">
        <v>6966269</v>
      </c>
      <c r="FL16" s="117">
        <v>9711024</v>
      </c>
      <c r="FM16" s="116">
        <v>16677293</v>
      </c>
      <c r="FN16" s="113">
        <v>0</v>
      </c>
      <c r="FO16" s="117">
        <v>18047129</v>
      </c>
      <c r="FP16" s="117">
        <v>22381030</v>
      </c>
      <c r="FQ16" s="117">
        <v>17367840</v>
      </c>
      <c r="FR16" s="117">
        <v>15514807</v>
      </c>
      <c r="FS16" s="117">
        <v>12368515</v>
      </c>
      <c r="FT16" s="116">
        <v>85679321</v>
      </c>
      <c r="FU16" s="119">
        <v>102356614</v>
      </c>
      <c r="FV16" s="118">
        <v>4231081</v>
      </c>
      <c r="FW16" s="117">
        <v>7717624</v>
      </c>
      <c r="FX16" s="115">
        <v>11948705</v>
      </c>
      <c r="FY16" s="114">
        <v>0</v>
      </c>
      <c r="FZ16" s="117">
        <v>15022805</v>
      </c>
      <c r="GA16" s="117">
        <v>21582544</v>
      </c>
      <c r="GB16" s="117">
        <v>16085446</v>
      </c>
      <c r="GC16" s="117">
        <v>14421519</v>
      </c>
      <c r="GD16" s="117">
        <v>11730995</v>
      </c>
      <c r="GE16" s="116">
        <v>78843309</v>
      </c>
      <c r="GF16" s="357">
        <v>90792014</v>
      </c>
      <c r="GG16" s="118">
        <v>386765</v>
      </c>
      <c r="GH16" s="117">
        <v>536862</v>
      </c>
      <c r="GI16" s="115">
        <v>923627</v>
      </c>
      <c r="GJ16" s="114">
        <v>0</v>
      </c>
      <c r="GK16" s="117">
        <v>873223</v>
      </c>
      <c r="GL16" s="117">
        <v>428056</v>
      </c>
      <c r="GM16" s="117">
        <v>682648</v>
      </c>
      <c r="GN16" s="117">
        <v>313039</v>
      </c>
      <c r="GO16" s="117">
        <v>329720</v>
      </c>
      <c r="GP16" s="116">
        <v>2626686</v>
      </c>
      <c r="GQ16" s="119">
        <v>3550313</v>
      </c>
      <c r="GR16" s="113">
        <v>2348423</v>
      </c>
      <c r="GS16" s="117">
        <v>1456538</v>
      </c>
      <c r="GT16" s="116">
        <v>3804961</v>
      </c>
      <c r="GU16" s="113">
        <v>0</v>
      </c>
      <c r="GV16" s="117">
        <v>2151101</v>
      </c>
      <c r="GW16" s="117">
        <v>370430</v>
      </c>
      <c r="GX16" s="117">
        <v>599746</v>
      </c>
      <c r="GY16" s="117">
        <v>780249</v>
      </c>
      <c r="GZ16" s="117">
        <v>307800</v>
      </c>
      <c r="HA16" s="115">
        <v>4209326</v>
      </c>
      <c r="HB16" s="119">
        <v>8014287</v>
      </c>
      <c r="HC16" s="113">
        <v>4494423</v>
      </c>
      <c r="HD16" s="117">
        <v>9737368</v>
      </c>
      <c r="HE16" s="115">
        <v>14231791</v>
      </c>
      <c r="HF16" s="114">
        <v>0</v>
      </c>
      <c r="HG16" s="117">
        <v>44897516</v>
      </c>
      <c r="HH16" s="117">
        <v>37141502</v>
      </c>
      <c r="HI16" s="117">
        <v>39270646</v>
      </c>
      <c r="HJ16" s="117">
        <v>41950355</v>
      </c>
      <c r="HK16" s="117">
        <v>36612525</v>
      </c>
      <c r="HL16" s="116">
        <v>199872544</v>
      </c>
      <c r="HM16" s="112">
        <v>214104335</v>
      </c>
      <c r="HN16" s="118">
        <v>5380143</v>
      </c>
      <c r="HO16" s="117">
        <v>7003375</v>
      </c>
      <c r="HP16" s="116">
        <v>12383518</v>
      </c>
      <c r="HQ16" s="113">
        <v>0</v>
      </c>
      <c r="HR16" s="117">
        <v>48501816</v>
      </c>
      <c r="HS16" s="117">
        <v>26944068</v>
      </c>
      <c r="HT16" s="117">
        <v>18756442</v>
      </c>
      <c r="HU16" s="117">
        <v>13632178</v>
      </c>
      <c r="HV16" s="117">
        <v>9085100</v>
      </c>
      <c r="HW16" s="115">
        <v>116919604</v>
      </c>
      <c r="HX16" s="119">
        <v>129303122</v>
      </c>
      <c r="HY16" s="166">
        <v>474403</v>
      </c>
      <c r="HZ16" s="152">
        <v>3621445</v>
      </c>
      <c r="IA16" s="166">
        <v>4095848</v>
      </c>
      <c r="IB16" s="151">
        <v>0</v>
      </c>
      <c r="IC16" s="152">
        <v>86812971</v>
      </c>
      <c r="ID16" s="153">
        <v>80633288</v>
      </c>
      <c r="IE16" s="154">
        <v>70542397</v>
      </c>
      <c r="IF16" s="152">
        <v>59378484</v>
      </c>
      <c r="IG16" s="154">
        <v>57364105</v>
      </c>
      <c r="IH16" s="155">
        <v>354731245</v>
      </c>
      <c r="II16" s="166">
        <v>358827093</v>
      </c>
      <c r="IJ16" s="259">
        <v>0</v>
      </c>
      <c r="IK16" s="266">
        <v>0</v>
      </c>
      <c r="IL16" s="267">
        <v>0</v>
      </c>
      <c r="IM16" s="157"/>
      <c r="IN16" s="123">
        <v>1913875</v>
      </c>
      <c r="IO16" s="123">
        <v>1296105</v>
      </c>
      <c r="IP16" s="123">
        <v>2750888</v>
      </c>
      <c r="IQ16" s="123">
        <v>2312169</v>
      </c>
      <c r="IR16" s="123">
        <v>3577677</v>
      </c>
      <c r="IS16" s="158">
        <v>11850714</v>
      </c>
      <c r="IT16" s="360">
        <v>11850714</v>
      </c>
      <c r="IU16" s="159">
        <v>0</v>
      </c>
      <c r="IV16" s="123">
        <v>0</v>
      </c>
      <c r="IW16" s="124">
        <v>0</v>
      </c>
      <c r="IX16" s="157"/>
      <c r="IY16" s="123">
        <v>162089</v>
      </c>
      <c r="IZ16" s="123">
        <v>116531</v>
      </c>
      <c r="JA16" s="123">
        <v>349912</v>
      </c>
      <c r="JB16" s="123">
        <v>317341</v>
      </c>
      <c r="JC16" s="123">
        <v>133301</v>
      </c>
      <c r="JD16" s="124">
        <v>1079174</v>
      </c>
      <c r="JE16" s="125">
        <v>1079174</v>
      </c>
      <c r="JF16" s="159">
        <v>0</v>
      </c>
      <c r="JG16" s="123">
        <v>0</v>
      </c>
      <c r="JH16" s="158">
        <v>0</v>
      </c>
      <c r="JI16" s="122">
        <v>0</v>
      </c>
      <c r="JJ16" s="123">
        <v>26187154</v>
      </c>
      <c r="JK16" s="123">
        <v>15104611</v>
      </c>
      <c r="JL16" s="123">
        <v>11300587</v>
      </c>
      <c r="JM16" s="123">
        <v>5819905</v>
      </c>
      <c r="JN16" s="123">
        <v>2903685</v>
      </c>
      <c r="JO16" s="124">
        <v>61315942</v>
      </c>
      <c r="JP16" s="360">
        <v>61315942</v>
      </c>
      <c r="JQ16" s="159">
        <v>0</v>
      </c>
      <c r="JR16" s="123">
        <v>45331</v>
      </c>
      <c r="JS16" s="158">
        <v>45331</v>
      </c>
      <c r="JT16" s="122">
        <v>0</v>
      </c>
      <c r="JU16" s="123">
        <v>1426248</v>
      </c>
      <c r="JV16" s="123">
        <v>2286135</v>
      </c>
      <c r="JW16" s="123">
        <v>2452515</v>
      </c>
      <c r="JX16" s="123">
        <v>1313667</v>
      </c>
      <c r="JY16" s="123">
        <v>1104366</v>
      </c>
      <c r="JZ16" s="124">
        <v>8582931</v>
      </c>
      <c r="KA16" s="360">
        <v>8628262</v>
      </c>
      <c r="KB16" s="262">
        <v>474403</v>
      </c>
      <c r="KC16" s="256">
        <v>2054942</v>
      </c>
      <c r="KD16" s="124">
        <v>2529345</v>
      </c>
      <c r="KE16" s="122">
        <v>0</v>
      </c>
      <c r="KF16" s="123">
        <v>16221599</v>
      </c>
      <c r="KG16" s="123">
        <v>16146337</v>
      </c>
      <c r="KH16" s="123">
        <v>18519230</v>
      </c>
      <c r="KI16" s="123">
        <v>14178852</v>
      </c>
      <c r="KJ16" s="123">
        <v>11132450</v>
      </c>
      <c r="KK16" s="124">
        <v>76198468</v>
      </c>
      <c r="KL16" s="160">
        <v>78727813</v>
      </c>
      <c r="KM16" s="259">
        <v>0</v>
      </c>
      <c r="KN16" s="266">
        <v>1521172</v>
      </c>
      <c r="KO16" s="267">
        <v>1521172</v>
      </c>
      <c r="KP16" s="157"/>
      <c r="KQ16" s="123">
        <v>34282540</v>
      </c>
      <c r="KR16" s="123">
        <v>36886456</v>
      </c>
      <c r="KS16" s="123">
        <v>22091138</v>
      </c>
      <c r="KT16" s="123">
        <v>21654824</v>
      </c>
      <c r="KU16" s="123">
        <v>22349059</v>
      </c>
      <c r="KV16" s="124">
        <v>137264017</v>
      </c>
      <c r="KW16" s="360">
        <v>138785189</v>
      </c>
      <c r="KX16" s="159">
        <v>0</v>
      </c>
      <c r="KY16" s="123">
        <v>0</v>
      </c>
      <c r="KZ16" s="124">
        <v>0</v>
      </c>
      <c r="LA16" s="157"/>
      <c r="LB16" s="123">
        <v>5577100</v>
      </c>
      <c r="LC16" s="123">
        <v>6086137</v>
      </c>
      <c r="LD16" s="123">
        <v>6320410</v>
      </c>
      <c r="LE16" s="123">
        <v>5203232</v>
      </c>
      <c r="LF16" s="123">
        <v>5785110</v>
      </c>
      <c r="LG16" s="124">
        <v>28971989</v>
      </c>
      <c r="LH16" s="125">
        <v>28971989</v>
      </c>
      <c r="LI16" s="159">
        <v>0</v>
      </c>
      <c r="LJ16" s="123">
        <v>0</v>
      </c>
      <c r="LK16" s="124">
        <v>0</v>
      </c>
      <c r="LL16" s="157"/>
      <c r="LM16" s="123">
        <v>213671</v>
      </c>
      <c r="LN16" s="123">
        <v>0</v>
      </c>
      <c r="LO16" s="123">
        <v>1170464</v>
      </c>
      <c r="LP16" s="123">
        <v>4513265</v>
      </c>
      <c r="LQ16" s="123">
        <v>6277747</v>
      </c>
      <c r="LR16" s="124">
        <v>12175147</v>
      </c>
      <c r="LS16" s="360">
        <v>12175147</v>
      </c>
      <c r="LT16" s="159">
        <v>0</v>
      </c>
      <c r="LU16" s="123">
        <v>0</v>
      </c>
      <c r="LV16" s="124">
        <v>0</v>
      </c>
      <c r="LW16" s="157"/>
      <c r="LX16" s="123">
        <v>828695</v>
      </c>
      <c r="LY16" s="123">
        <v>2710976</v>
      </c>
      <c r="LZ16" s="123">
        <v>5587253</v>
      </c>
      <c r="MA16" s="123">
        <v>4065229</v>
      </c>
      <c r="MB16" s="123">
        <v>4100710</v>
      </c>
      <c r="MC16" s="124">
        <v>17292863</v>
      </c>
      <c r="MD16" s="125">
        <v>17292863</v>
      </c>
      <c r="ME16" s="159">
        <v>0</v>
      </c>
      <c r="MF16" s="123">
        <v>0</v>
      </c>
      <c r="MG16" s="124">
        <v>0</v>
      </c>
      <c r="MH16" s="157"/>
      <c r="MI16" s="123">
        <v>33080701</v>
      </c>
      <c r="MJ16" s="123">
        <v>51371296</v>
      </c>
      <c r="MK16" s="123">
        <v>147501662</v>
      </c>
      <c r="ML16" s="123">
        <v>201161170</v>
      </c>
      <c r="MM16" s="123">
        <v>179768661</v>
      </c>
      <c r="MN16" s="124">
        <v>612883490</v>
      </c>
      <c r="MO16" s="160">
        <v>612883490</v>
      </c>
      <c r="MP16" s="159">
        <v>0</v>
      </c>
      <c r="MQ16" s="123">
        <v>0</v>
      </c>
      <c r="MR16" s="124">
        <v>0</v>
      </c>
      <c r="MS16" s="157"/>
      <c r="MT16" s="123">
        <v>3960010</v>
      </c>
      <c r="MU16" s="123">
        <v>11284224</v>
      </c>
      <c r="MV16" s="123">
        <v>100212101</v>
      </c>
      <c r="MW16" s="123">
        <v>148028981</v>
      </c>
      <c r="MX16" s="123">
        <v>136879097</v>
      </c>
      <c r="MY16" s="124">
        <v>400364413</v>
      </c>
      <c r="MZ16" s="160">
        <v>400364413</v>
      </c>
      <c r="NA16" s="159">
        <v>0</v>
      </c>
      <c r="NB16" s="123">
        <v>0</v>
      </c>
      <c r="NC16" s="124">
        <v>0</v>
      </c>
      <c r="ND16" s="157"/>
      <c r="NE16" s="123">
        <v>28914897</v>
      </c>
      <c r="NF16" s="123">
        <v>40087072</v>
      </c>
      <c r="NG16" s="123">
        <v>47289561</v>
      </c>
      <c r="NH16" s="123">
        <v>51700127</v>
      </c>
      <c r="NI16" s="123">
        <v>26974993</v>
      </c>
      <c r="NJ16" s="124">
        <v>194966650</v>
      </c>
      <c r="NK16" s="360">
        <v>194966650</v>
      </c>
      <c r="NL16" s="159">
        <v>0</v>
      </c>
      <c r="NM16" s="123">
        <v>0</v>
      </c>
      <c r="NN16" s="124">
        <v>0</v>
      </c>
      <c r="NO16" s="157"/>
      <c r="NP16" s="123">
        <v>0</v>
      </c>
      <c r="NQ16" s="123">
        <v>0</v>
      </c>
      <c r="NR16" s="123">
        <v>0</v>
      </c>
      <c r="NS16" s="123">
        <v>334777</v>
      </c>
      <c r="NT16" s="123">
        <v>3630554</v>
      </c>
      <c r="NU16" s="124">
        <v>3965331</v>
      </c>
      <c r="NV16" s="125">
        <v>3965331</v>
      </c>
      <c r="NW16" s="159">
        <v>0</v>
      </c>
      <c r="NX16" s="123">
        <v>0</v>
      </c>
      <c r="NY16" s="124">
        <v>0</v>
      </c>
      <c r="NZ16" s="157"/>
      <c r="OA16" s="123">
        <v>205794</v>
      </c>
      <c r="OB16" s="123">
        <v>0</v>
      </c>
      <c r="OC16" s="123">
        <v>0</v>
      </c>
      <c r="OD16" s="123">
        <v>1097285</v>
      </c>
      <c r="OE16" s="123">
        <v>12284017</v>
      </c>
      <c r="OF16" s="124">
        <v>13587096</v>
      </c>
      <c r="OG16" s="125">
        <v>13587096</v>
      </c>
      <c r="OH16" s="159">
        <v>25358548</v>
      </c>
      <c r="OI16" s="123">
        <v>48976456</v>
      </c>
      <c r="OJ16" s="158">
        <v>74335004</v>
      </c>
      <c r="OK16" s="122">
        <v>0</v>
      </c>
      <c r="OL16" s="123">
        <v>438733870</v>
      </c>
      <c r="OM16" s="123">
        <v>388239812</v>
      </c>
      <c r="ON16" s="123">
        <v>441136992</v>
      </c>
      <c r="OO16" s="123">
        <v>473327277</v>
      </c>
      <c r="OP16" s="123">
        <v>413887311</v>
      </c>
      <c r="OQ16" s="124">
        <v>2155325262</v>
      </c>
      <c r="OR16" s="160">
        <v>2229660266</v>
      </c>
    </row>
    <row r="17" spans="1:408" ht="18.75" customHeight="1" x14ac:dyDescent="0.2">
      <c r="A17" s="63" t="s">
        <v>11</v>
      </c>
      <c r="B17" s="113">
        <v>11412406</v>
      </c>
      <c r="C17" s="117">
        <v>15171813</v>
      </c>
      <c r="D17" s="186">
        <v>26584219</v>
      </c>
      <c r="E17" s="114">
        <v>0</v>
      </c>
      <c r="F17" s="117">
        <v>166941594</v>
      </c>
      <c r="G17" s="117">
        <v>132584741</v>
      </c>
      <c r="H17" s="117">
        <v>125135221</v>
      </c>
      <c r="I17" s="117">
        <v>125985934</v>
      </c>
      <c r="J17" s="117">
        <v>88905296</v>
      </c>
      <c r="K17" s="112">
        <v>639552786</v>
      </c>
      <c r="L17" s="119">
        <v>666137005</v>
      </c>
      <c r="M17" s="113">
        <v>1904556</v>
      </c>
      <c r="N17" s="117">
        <v>2811925</v>
      </c>
      <c r="O17" s="116">
        <v>4716481</v>
      </c>
      <c r="P17" s="113">
        <v>0</v>
      </c>
      <c r="Q17" s="117">
        <v>40148977</v>
      </c>
      <c r="R17" s="117">
        <v>35732784</v>
      </c>
      <c r="S17" s="117">
        <v>35804565</v>
      </c>
      <c r="T17" s="117">
        <v>43597043</v>
      </c>
      <c r="U17" s="117">
        <v>42092983</v>
      </c>
      <c r="V17" s="116">
        <v>197376352</v>
      </c>
      <c r="W17" s="119">
        <v>202092833</v>
      </c>
      <c r="X17" s="113">
        <v>0</v>
      </c>
      <c r="Y17" s="117">
        <v>0</v>
      </c>
      <c r="Z17" s="116">
        <v>0</v>
      </c>
      <c r="AA17" s="113">
        <v>0</v>
      </c>
      <c r="AB17" s="117">
        <v>21476444</v>
      </c>
      <c r="AC17" s="117">
        <v>19791822</v>
      </c>
      <c r="AD17" s="117">
        <v>21133272</v>
      </c>
      <c r="AE17" s="117">
        <v>28018774</v>
      </c>
      <c r="AF17" s="117">
        <v>25267315</v>
      </c>
      <c r="AG17" s="116">
        <v>115687627</v>
      </c>
      <c r="AH17" s="119">
        <v>115687627</v>
      </c>
      <c r="AI17" s="113">
        <v>0</v>
      </c>
      <c r="AJ17" s="117">
        <v>0</v>
      </c>
      <c r="AK17" s="116">
        <v>0</v>
      </c>
      <c r="AL17" s="113">
        <v>0</v>
      </c>
      <c r="AM17" s="117">
        <v>283146</v>
      </c>
      <c r="AN17" s="117">
        <v>1066427</v>
      </c>
      <c r="AO17" s="117">
        <v>1443338</v>
      </c>
      <c r="AP17" s="117">
        <v>2432730</v>
      </c>
      <c r="AQ17" s="117">
        <v>3994065</v>
      </c>
      <c r="AR17" s="116">
        <v>9219706</v>
      </c>
      <c r="AS17" s="119">
        <v>9219706</v>
      </c>
      <c r="AT17" s="113">
        <v>1124888</v>
      </c>
      <c r="AU17" s="117">
        <v>1745382</v>
      </c>
      <c r="AV17" s="116">
        <v>2870270</v>
      </c>
      <c r="AW17" s="113">
        <v>0</v>
      </c>
      <c r="AX17" s="117">
        <v>11492377</v>
      </c>
      <c r="AY17" s="117">
        <v>8879611</v>
      </c>
      <c r="AZ17" s="117">
        <v>7937373</v>
      </c>
      <c r="BA17" s="117">
        <v>7341359</v>
      </c>
      <c r="BB17" s="117">
        <v>9381846</v>
      </c>
      <c r="BC17" s="116">
        <v>45032566</v>
      </c>
      <c r="BD17" s="119">
        <v>47902836</v>
      </c>
      <c r="BE17" s="113">
        <v>144344</v>
      </c>
      <c r="BF17" s="117">
        <v>600545</v>
      </c>
      <c r="BG17" s="115">
        <v>744889</v>
      </c>
      <c r="BH17" s="114">
        <v>0</v>
      </c>
      <c r="BI17" s="117">
        <v>1438673</v>
      </c>
      <c r="BJ17" s="117">
        <v>966833</v>
      </c>
      <c r="BK17" s="117">
        <v>704667</v>
      </c>
      <c r="BL17" s="117">
        <v>897844</v>
      </c>
      <c r="BM17" s="117">
        <v>122936</v>
      </c>
      <c r="BN17" s="116">
        <v>4130953</v>
      </c>
      <c r="BO17" s="119">
        <v>4875842</v>
      </c>
      <c r="BP17" s="113">
        <v>635324</v>
      </c>
      <c r="BQ17" s="117">
        <v>465998</v>
      </c>
      <c r="BR17" s="116">
        <v>1101322</v>
      </c>
      <c r="BS17" s="113">
        <v>0</v>
      </c>
      <c r="BT17" s="117">
        <v>5458337</v>
      </c>
      <c r="BU17" s="117">
        <v>5028091</v>
      </c>
      <c r="BV17" s="117">
        <v>4585915</v>
      </c>
      <c r="BW17" s="117">
        <v>4906336</v>
      </c>
      <c r="BX17" s="117">
        <v>3326821</v>
      </c>
      <c r="BY17" s="116">
        <v>23305500</v>
      </c>
      <c r="BZ17" s="119">
        <v>24406822</v>
      </c>
      <c r="CA17" s="113">
        <v>1965091</v>
      </c>
      <c r="CB17" s="117">
        <v>2435485</v>
      </c>
      <c r="CC17" s="116">
        <v>4400576</v>
      </c>
      <c r="CD17" s="113">
        <v>0</v>
      </c>
      <c r="CE17" s="117">
        <v>54976509</v>
      </c>
      <c r="CF17" s="117">
        <v>37285693</v>
      </c>
      <c r="CG17" s="117">
        <v>32020985</v>
      </c>
      <c r="CH17" s="117">
        <v>20757644</v>
      </c>
      <c r="CI17" s="117">
        <v>12600372</v>
      </c>
      <c r="CJ17" s="116">
        <v>157641203</v>
      </c>
      <c r="CK17" s="119">
        <v>162041779</v>
      </c>
      <c r="CL17" s="113">
        <v>0</v>
      </c>
      <c r="CM17" s="117">
        <v>0</v>
      </c>
      <c r="CN17" s="116">
        <v>0</v>
      </c>
      <c r="CO17" s="114">
        <v>0</v>
      </c>
      <c r="CP17" s="117">
        <v>44082247</v>
      </c>
      <c r="CQ17" s="117">
        <v>29968498</v>
      </c>
      <c r="CR17" s="117">
        <v>25738721</v>
      </c>
      <c r="CS17" s="117">
        <v>16043750</v>
      </c>
      <c r="CT17" s="117">
        <v>10566205</v>
      </c>
      <c r="CU17" s="116">
        <v>126399421</v>
      </c>
      <c r="CV17" s="119">
        <v>126399421</v>
      </c>
      <c r="CW17" s="113">
        <v>1965091</v>
      </c>
      <c r="CX17" s="117">
        <v>2435485</v>
      </c>
      <c r="CY17" s="116">
        <v>4400576</v>
      </c>
      <c r="CZ17" s="113">
        <v>0</v>
      </c>
      <c r="DA17" s="117">
        <v>10894262</v>
      </c>
      <c r="DB17" s="117">
        <v>7317195</v>
      </c>
      <c r="DC17" s="117">
        <v>6282264</v>
      </c>
      <c r="DD17" s="117">
        <v>4713894</v>
      </c>
      <c r="DE17" s="117">
        <v>2034167</v>
      </c>
      <c r="DF17" s="116">
        <v>31241782</v>
      </c>
      <c r="DG17" s="119">
        <v>35642358</v>
      </c>
      <c r="DH17" s="113">
        <v>75548</v>
      </c>
      <c r="DI17" s="117">
        <v>391881</v>
      </c>
      <c r="DJ17" s="115">
        <v>467429</v>
      </c>
      <c r="DK17" s="114">
        <v>0</v>
      </c>
      <c r="DL17" s="117">
        <v>3908365</v>
      </c>
      <c r="DM17" s="117">
        <v>6824144</v>
      </c>
      <c r="DN17" s="117">
        <v>10341472</v>
      </c>
      <c r="DO17" s="117">
        <v>9478762</v>
      </c>
      <c r="DP17" s="117">
        <v>4164344</v>
      </c>
      <c r="DQ17" s="116">
        <v>34717087</v>
      </c>
      <c r="DR17" s="119">
        <v>35184516</v>
      </c>
      <c r="DS17" s="113">
        <v>75548</v>
      </c>
      <c r="DT17" s="117">
        <v>391881</v>
      </c>
      <c r="DU17" s="116">
        <v>467429</v>
      </c>
      <c r="DV17" s="113">
        <v>0</v>
      </c>
      <c r="DW17" s="117">
        <v>3687384</v>
      </c>
      <c r="DX17" s="117">
        <v>6346163</v>
      </c>
      <c r="DY17" s="117">
        <v>9083615</v>
      </c>
      <c r="DZ17" s="117">
        <v>8400382</v>
      </c>
      <c r="EA17" s="117">
        <v>3651238</v>
      </c>
      <c r="EB17" s="116">
        <v>31168782</v>
      </c>
      <c r="EC17" s="119">
        <v>31636211</v>
      </c>
      <c r="ED17" s="113">
        <v>0</v>
      </c>
      <c r="EE17" s="115">
        <v>0</v>
      </c>
      <c r="EF17" s="116">
        <v>0</v>
      </c>
      <c r="EG17" s="113">
        <v>0</v>
      </c>
      <c r="EH17" s="117">
        <v>220981</v>
      </c>
      <c r="EI17" s="117">
        <v>477981</v>
      </c>
      <c r="EJ17" s="117">
        <v>1257857</v>
      </c>
      <c r="EK17" s="117">
        <v>1078380</v>
      </c>
      <c r="EL17" s="117">
        <v>513106</v>
      </c>
      <c r="EM17" s="115">
        <v>3548305</v>
      </c>
      <c r="EN17" s="119">
        <v>3548305</v>
      </c>
      <c r="EO17" s="113">
        <v>0</v>
      </c>
      <c r="EP17" s="117">
        <v>0</v>
      </c>
      <c r="EQ17" s="115">
        <v>0</v>
      </c>
      <c r="ER17" s="114">
        <v>0</v>
      </c>
      <c r="ES17" s="117">
        <v>0</v>
      </c>
      <c r="ET17" s="117">
        <v>0</v>
      </c>
      <c r="EU17" s="117">
        <v>0</v>
      </c>
      <c r="EV17" s="117">
        <v>0</v>
      </c>
      <c r="EW17" s="117">
        <v>0</v>
      </c>
      <c r="EX17" s="116">
        <v>0</v>
      </c>
      <c r="EY17" s="119">
        <v>0</v>
      </c>
      <c r="EZ17" s="113">
        <v>0</v>
      </c>
      <c r="FA17" s="117">
        <v>0</v>
      </c>
      <c r="FB17" s="115">
        <v>0</v>
      </c>
      <c r="FC17" s="395">
        <v>0</v>
      </c>
      <c r="FD17" s="117">
        <v>0</v>
      </c>
      <c r="FE17" s="117">
        <v>0</v>
      </c>
      <c r="FF17" s="117">
        <v>0</v>
      </c>
      <c r="FG17" s="117">
        <v>0</v>
      </c>
      <c r="FH17" s="117">
        <v>0</v>
      </c>
      <c r="FI17" s="116">
        <v>0</v>
      </c>
      <c r="FJ17" s="119">
        <v>0</v>
      </c>
      <c r="FK17" s="113">
        <v>2469088</v>
      </c>
      <c r="FL17" s="117">
        <v>3920673</v>
      </c>
      <c r="FM17" s="116">
        <v>6389761</v>
      </c>
      <c r="FN17" s="113">
        <v>0</v>
      </c>
      <c r="FO17" s="117">
        <v>8173793</v>
      </c>
      <c r="FP17" s="117">
        <v>10791076</v>
      </c>
      <c r="FQ17" s="117">
        <v>8569170</v>
      </c>
      <c r="FR17" s="117">
        <v>8721771</v>
      </c>
      <c r="FS17" s="117">
        <v>6064488</v>
      </c>
      <c r="FT17" s="116">
        <v>42320298</v>
      </c>
      <c r="FU17" s="119">
        <v>48710059</v>
      </c>
      <c r="FV17" s="118">
        <v>1807049</v>
      </c>
      <c r="FW17" s="117">
        <v>2553628</v>
      </c>
      <c r="FX17" s="115">
        <v>4360677</v>
      </c>
      <c r="FY17" s="114">
        <v>0</v>
      </c>
      <c r="FZ17" s="117">
        <v>6492649</v>
      </c>
      <c r="GA17" s="117">
        <v>10197888</v>
      </c>
      <c r="GB17" s="117">
        <v>8242718</v>
      </c>
      <c r="GC17" s="117">
        <v>8345450</v>
      </c>
      <c r="GD17" s="117">
        <v>6004890</v>
      </c>
      <c r="GE17" s="116">
        <v>39283595</v>
      </c>
      <c r="GF17" s="357">
        <v>43644272</v>
      </c>
      <c r="GG17" s="118">
        <v>109280</v>
      </c>
      <c r="GH17" s="117">
        <v>342467</v>
      </c>
      <c r="GI17" s="115">
        <v>451747</v>
      </c>
      <c r="GJ17" s="114">
        <v>0</v>
      </c>
      <c r="GK17" s="117">
        <v>400239</v>
      </c>
      <c r="GL17" s="117">
        <v>271118</v>
      </c>
      <c r="GM17" s="117">
        <v>218902</v>
      </c>
      <c r="GN17" s="117">
        <v>263861</v>
      </c>
      <c r="GO17" s="117">
        <v>20196</v>
      </c>
      <c r="GP17" s="116">
        <v>1174316</v>
      </c>
      <c r="GQ17" s="119">
        <v>1626063</v>
      </c>
      <c r="GR17" s="113">
        <v>552759</v>
      </c>
      <c r="GS17" s="117">
        <v>1024578</v>
      </c>
      <c r="GT17" s="116">
        <v>1577337</v>
      </c>
      <c r="GU17" s="113">
        <v>0</v>
      </c>
      <c r="GV17" s="117">
        <v>1280905</v>
      </c>
      <c r="GW17" s="117">
        <v>322070</v>
      </c>
      <c r="GX17" s="117">
        <v>107550</v>
      </c>
      <c r="GY17" s="117">
        <v>112460</v>
      </c>
      <c r="GZ17" s="117">
        <v>39402</v>
      </c>
      <c r="HA17" s="115">
        <v>1862387</v>
      </c>
      <c r="HB17" s="119">
        <v>3439724</v>
      </c>
      <c r="HC17" s="113">
        <v>2684360</v>
      </c>
      <c r="HD17" s="117">
        <v>3101956</v>
      </c>
      <c r="HE17" s="115">
        <v>5786316</v>
      </c>
      <c r="HF17" s="114">
        <v>0</v>
      </c>
      <c r="HG17" s="117">
        <v>32010019</v>
      </c>
      <c r="HH17" s="117">
        <v>26718833</v>
      </c>
      <c r="HI17" s="117">
        <v>26303630</v>
      </c>
      <c r="HJ17" s="117">
        <v>34850545</v>
      </c>
      <c r="HK17" s="117">
        <v>18500652</v>
      </c>
      <c r="HL17" s="116">
        <v>138383679</v>
      </c>
      <c r="HM17" s="112">
        <v>144169995</v>
      </c>
      <c r="HN17" s="118">
        <v>2313763</v>
      </c>
      <c r="HO17" s="117">
        <v>2509893</v>
      </c>
      <c r="HP17" s="116">
        <v>4823656</v>
      </c>
      <c r="HQ17" s="113">
        <v>0</v>
      </c>
      <c r="HR17" s="117">
        <v>27723931</v>
      </c>
      <c r="HS17" s="117">
        <v>15232211</v>
      </c>
      <c r="HT17" s="117">
        <v>12095399</v>
      </c>
      <c r="HU17" s="117">
        <v>8580169</v>
      </c>
      <c r="HV17" s="117">
        <v>5482457</v>
      </c>
      <c r="HW17" s="115">
        <v>69114167</v>
      </c>
      <c r="HX17" s="119">
        <v>73937823</v>
      </c>
      <c r="HY17" s="148">
        <v>228590</v>
      </c>
      <c r="HZ17" s="149">
        <v>1348058</v>
      </c>
      <c r="IA17" s="150">
        <v>1576648</v>
      </c>
      <c r="IB17" s="162">
        <v>0</v>
      </c>
      <c r="IC17" s="149">
        <v>56266566</v>
      </c>
      <c r="ID17" s="163">
        <v>56322213</v>
      </c>
      <c r="IE17" s="150">
        <v>44869396</v>
      </c>
      <c r="IF17" s="149">
        <v>32569883</v>
      </c>
      <c r="IG17" s="150">
        <v>17126971</v>
      </c>
      <c r="IH17" s="164">
        <v>207155029</v>
      </c>
      <c r="II17" s="156">
        <v>208731677</v>
      </c>
      <c r="IJ17" s="259">
        <v>0</v>
      </c>
      <c r="IK17" s="266">
        <v>0</v>
      </c>
      <c r="IL17" s="267">
        <v>0</v>
      </c>
      <c r="IM17" s="157"/>
      <c r="IN17" s="123">
        <v>454814</v>
      </c>
      <c r="IO17" s="123">
        <v>1187183</v>
      </c>
      <c r="IP17" s="123">
        <v>1314001</v>
      </c>
      <c r="IQ17" s="123">
        <v>801090</v>
      </c>
      <c r="IR17" s="123">
        <v>1784351</v>
      </c>
      <c r="IS17" s="158">
        <v>5541439</v>
      </c>
      <c r="IT17" s="360">
        <v>5541439</v>
      </c>
      <c r="IU17" s="159">
        <v>0</v>
      </c>
      <c r="IV17" s="123">
        <v>0</v>
      </c>
      <c r="IW17" s="124">
        <v>0</v>
      </c>
      <c r="IX17" s="157"/>
      <c r="IY17" s="123">
        <v>186096</v>
      </c>
      <c r="IZ17" s="123">
        <v>392644</v>
      </c>
      <c r="JA17" s="123">
        <v>344169</v>
      </c>
      <c r="JB17" s="123">
        <v>238016</v>
      </c>
      <c r="JC17" s="123">
        <v>113580</v>
      </c>
      <c r="JD17" s="124">
        <v>1274505</v>
      </c>
      <c r="JE17" s="125">
        <v>1274505</v>
      </c>
      <c r="JF17" s="159">
        <v>10561</v>
      </c>
      <c r="JG17" s="123">
        <v>0</v>
      </c>
      <c r="JH17" s="158">
        <v>10561</v>
      </c>
      <c r="JI17" s="122">
        <v>0</v>
      </c>
      <c r="JJ17" s="123">
        <v>32411457</v>
      </c>
      <c r="JK17" s="123">
        <v>24209079</v>
      </c>
      <c r="JL17" s="123">
        <v>17730727</v>
      </c>
      <c r="JM17" s="123">
        <v>10623337</v>
      </c>
      <c r="JN17" s="123">
        <v>4202141</v>
      </c>
      <c r="JO17" s="124">
        <v>89176741</v>
      </c>
      <c r="JP17" s="360">
        <v>89187302</v>
      </c>
      <c r="JQ17" s="159">
        <v>0</v>
      </c>
      <c r="JR17" s="123">
        <v>71950</v>
      </c>
      <c r="JS17" s="158">
        <v>71950</v>
      </c>
      <c r="JT17" s="122">
        <v>0</v>
      </c>
      <c r="JU17" s="123">
        <v>1630595</v>
      </c>
      <c r="JV17" s="123">
        <v>931757</v>
      </c>
      <c r="JW17" s="123">
        <v>993681</v>
      </c>
      <c r="JX17" s="123">
        <v>0</v>
      </c>
      <c r="JY17" s="123">
        <v>289792</v>
      </c>
      <c r="JZ17" s="124">
        <v>3845825</v>
      </c>
      <c r="KA17" s="360">
        <v>3917775</v>
      </c>
      <c r="KB17" s="262">
        <v>218029</v>
      </c>
      <c r="KC17" s="256">
        <v>272363</v>
      </c>
      <c r="KD17" s="124">
        <v>490392</v>
      </c>
      <c r="KE17" s="122">
        <v>0</v>
      </c>
      <c r="KF17" s="123">
        <v>5845983</v>
      </c>
      <c r="KG17" s="123">
        <v>7168883</v>
      </c>
      <c r="KH17" s="123">
        <v>6019901</v>
      </c>
      <c r="KI17" s="123">
        <v>4762052</v>
      </c>
      <c r="KJ17" s="123">
        <v>1619313</v>
      </c>
      <c r="KK17" s="124">
        <v>25416132</v>
      </c>
      <c r="KL17" s="160">
        <v>25906524</v>
      </c>
      <c r="KM17" s="259">
        <v>0</v>
      </c>
      <c r="KN17" s="266">
        <v>1003745</v>
      </c>
      <c r="KO17" s="267">
        <v>1003745</v>
      </c>
      <c r="KP17" s="157"/>
      <c r="KQ17" s="123">
        <v>15288843</v>
      </c>
      <c r="KR17" s="123">
        <v>21682140</v>
      </c>
      <c r="KS17" s="123">
        <v>17142228</v>
      </c>
      <c r="KT17" s="123">
        <v>14844691</v>
      </c>
      <c r="KU17" s="123">
        <v>8318574</v>
      </c>
      <c r="KV17" s="124">
        <v>77276476</v>
      </c>
      <c r="KW17" s="360">
        <v>78280221</v>
      </c>
      <c r="KX17" s="159">
        <v>0</v>
      </c>
      <c r="KY17" s="123">
        <v>0</v>
      </c>
      <c r="KZ17" s="124">
        <v>0</v>
      </c>
      <c r="LA17" s="157"/>
      <c r="LB17" s="123">
        <v>0</v>
      </c>
      <c r="LC17" s="123">
        <v>0</v>
      </c>
      <c r="LD17" s="123">
        <v>0</v>
      </c>
      <c r="LE17" s="123">
        <v>0</v>
      </c>
      <c r="LF17" s="123">
        <v>0</v>
      </c>
      <c r="LG17" s="124">
        <v>0</v>
      </c>
      <c r="LH17" s="125">
        <v>0</v>
      </c>
      <c r="LI17" s="159">
        <v>0</v>
      </c>
      <c r="LJ17" s="123">
        <v>0</v>
      </c>
      <c r="LK17" s="124">
        <v>0</v>
      </c>
      <c r="LL17" s="157"/>
      <c r="LM17" s="123">
        <v>0</v>
      </c>
      <c r="LN17" s="123">
        <v>228960</v>
      </c>
      <c r="LO17" s="123">
        <v>224640</v>
      </c>
      <c r="LP17" s="123">
        <v>0</v>
      </c>
      <c r="LQ17" s="123">
        <v>0</v>
      </c>
      <c r="LR17" s="124">
        <v>453600</v>
      </c>
      <c r="LS17" s="360">
        <v>453600</v>
      </c>
      <c r="LT17" s="159">
        <v>0</v>
      </c>
      <c r="LU17" s="123">
        <v>0</v>
      </c>
      <c r="LV17" s="124">
        <v>0</v>
      </c>
      <c r="LW17" s="157"/>
      <c r="LX17" s="123">
        <v>448778</v>
      </c>
      <c r="LY17" s="123">
        <v>521567</v>
      </c>
      <c r="LZ17" s="123">
        <v>1100049</v>
      </c>
      <c r="MA17" s="123">
        <v>1300697</v>
      </c>
      <c r="MB17" s="123">
        <v>799220</v>
      </c>
      <c r="MC17" s="124">
        <v>4170311</v>
      </c>
      <c r="MD17" s="125">
        <v>4170311</v>
      </c>
      <c r="ME17" s="159">
        <v>0</v>
      </c>
      <c r="MF17" s="123">
        <v>0</v>
      </c>
      <c r="MG17" s="124">
        <v>0</v>
      </c>
      <c r="MH17" s="157"/>
      <c r="MI17" s="123">
        <v>19515829</v>
      </c>
      <c r="MJ17" s="123">
        <v>28908655</v>
      </c>
      <c r="MK17" s="123">
        <v>95616192</v>
      </c>
      <c r="ML17" s="123">
        <v>147151328</v>
      </c>
      <c r="MM17" s="123">
        <v>81298010</v>
      </c>
      <c r="MN17" s="124">
        <v>372490014</v>
      </c>
      <c r="MO17" s="160">
        <v>372490014</v>
      </c>
      <c r="MP17" s="159">
        <v>0</v>
      </c>
      <c r="MQ17" s="123">
        <v>0</v>
      </c>
      <c r="MR17" s="124">
        <v>0</v>
      </c>
      <c r="MS17" s="157"/>
      <c r="MT17" s="123">
        <v>401954</v>
      </c>
      <c r="MU17" s="123">
        <v>1424666</v>
      </c>
      <c r="MV17" s="123">
        <v>56013087</v>
      </c>
      <c r="MW17" s="123">
        <v>96151943</v>
      </c>
      <c r="MX17" s="123">
        <v>53230826</v>
      </c>
      <c r="MY17" s="124">
        <v>207222476</v>
      </c>
      <c r="MZ17" s="160">
        <v>207222476</v>
      </c>
      <c r="NA17" s="159">
        <v>0</v>
      </c>
      <c r="NB17" s="123">
        <v>0</v>
      </c>
      <c r="NC17" s="124">
        <v>0</v>
      </c>
      <c r="ND17" s="157"/>
      <c r="NE17" s="123">
        <v>18337413</v>
      </c>
      <c r="NF17" s="123">
        <v>25586231</v>
      </c>
      <c r="NG17" s="123">
        <v>37174787</v>
      </c>
      <c r="NH17" s="123">
        <v>46730737</v>
      </c>
      <c r="NI17" s="123">
        <v>19201829</v>
      </c>
      <c r="NJ17" s="124">
        <v>147030997</v>
      </c>
      <c r="NK17" s="360">
        <v>147030997</v>
      </c>
      <c r="NL17" s="159">
        <v>0</v>
      </c>
      <c r="NM17" s="123">
        <v>0</v>
      </c>
      <c r="NN17" s="124">
        <v>0</v>
      </c>
      <c r="NO17" s="157"/>
      <c r="NP17" s="123">
        <v>0</v>
      </c>
      <c r="NQ17" s="123">
        <v>0</v>
      </c>
      <c r="NR17" s="123">
        <v>0</v>
      </c>
      <c r="NS17" s="123">
        <v>0</v>
      </c>
      <c r="NT17" s="123">
        <v>384344</v>
      </c>
      <c r="NU17" s="124">
        <v>384344</v>
      </c>
      <c r="NV17" s="125">
        <v>384344</v>
      </c>
      <c r="NW17" s="159">
        <v>0</v>
      </c>
      <c r="NX17" s="123">
        <v>0</v>
      </c>
      <c r="NY17" s="124">
        <v>0</v>
      </c>
      <c r="NZ17" s="157"/>
      <c r="OA17" s="123">
        <v>776462</v>
      </c>
      <c r="OB17" s="123">
        <v>1897758</v>
      </c>
      <c r="OC17" s="123">
        <v>2428318</v>
      </c>
      <c r="OD17" s="123">
        <v>4268648</v>
      </c>
      <c r="OE17" s="123">
        <v>8481011</v>
      </c>
      <c r="OF17" s="124">
        <v>17852197</v>
      </c>
      <c r="OG17" s="125">
        <v>17852197</v>
      </c>
      <c r="OH17" s="159">
        <v>11640996</v>
      </c>
      <c r="OI17" s="123">
        <v>16519871</v>
      </c>
      <c r="OJ17" s="158">
        <v>28160867</v>
      </c>
      <c r="OK17" s="122">
        <v>0</v>
      </c>
      <c r="OL17" s="123">
        <v>242723989</v>
      </c>
      <c r="OM17" s="123">
        <v>217815609</v>
      </c>
      <c r="ON17" s="123">
        <v>265620809</v>
      </c>
      <c r="OO17" s="123">
        <v>305707145</v>
      </c>
      <c r="OP17" s="123">
        <v>187330277</v>
      </c>
      <c r="OQ17" s="124">
        <v>1219197829</v>
      </c>
      <c r="OR17" s="160">
        <v>1247358696</v>
      </c>
    </row>
    <row r="18" spans="1:408" ht="18.75" customHeight="1" x14ac:dyDescent="0.2">
      <c r="A18" s="63" t="s">
        <v>12</v>
      </c>
      <c r="B18" s="113">
        <v>15027097</v>
      </c>
      <c r="C18" s="117">
        <v>28548871</v>
      </c>
      <c r="D18" s="116">
        <v>43575968</v>
      </c>
      <c r="E18" s="112">
        <v>0</v>
      </c>
      <c r="F18" s="117">
        <v>129555646</v>
      </c>
      <c r="G18" s="185">
        <v>139612737</v>
      </c>
      <c r="H18" s="185">
        <v>133663959</v>
      </c>
      <c r="I18" s="185">
        <v>145442815</v>
      </c>
      <c r="J18" s="185">
        <v>99952257</v>
      </c>
      <c r="K18" s="115">
        <v>648227414</v>
      </c>
      <c r="L18" s="119">
        <v>691803382</v>
      </c>
      <c r="M18" s="113">
        <v>3432088</v>
      </c>
      <c r="N18" s="117">
        <v>7076314</v>
      </c>
      <c r="O18" s="116">
        <v>10508402</v>
      </c>
      <c r="P18" s="113">
        <v>0</v>
      </c>
      <c r="Q18" s="117">
        <v>36048997</v>
      </c>
      <c r="R18" s="117">
        <v>41717145</v>
      </c>
      <c r="S18" s="117">
        <v>38796395</v>
      </c>
      <c r="T18" s="117">
        <v>51133918</v>
      </c>
      <c r="U18" s="117">
        <v>49009085</v>
      </c>
      <c r="V18" s="116">
        <v>216705540</v>
      </c>
      <c r="W18" s="119">
        <v>227213942</v>
      </c>
      <c r="X18" s="113">
        <v>0</v>
      </c>
      <c r="Y18" s="117">
        <v>0</v>
      </c>
      <c r="Z18" s="116">
        <v>0</v>
      </c>
      <c r="AA18" s="113">
        <v>0</v>
      </c>
      <c r="AB18" s="117">
        <v>21314977</v>
      </c>
      <c r="AC18" s="117">
        <v>23924688</v>
      </c>
      <c r="AD18" s="117">
        <v>24898206</v>
      </c>
      <c r="AE18" s="117">
        <v>32429536</v>
      </c>
      <c r="AF18" s="117">
        <v>31649641</v>
      </c>
      <c r="AG18" s="116">
        <v>134217048</v>
      </c>
      <c r="AH18" s="119">
        <v>134217048</v>
      </c>
      <c r="AI18" s="113">
        <v>19674</v>
      </c>
      <c r="AJ18" s="117">
        <v>139391</v>
      </c>
      <c r="AK18" s="116">
        <v>159065</v>
      </c>
      <c r="AL18" s="113">
        <v>0</v>
      </c>
      <c r="AM18" s="117">
        <v>156235</v>
      </c>
      <c r="AN18" s="117">
        <v>1030742</v>
      </c>
      <c r="AO18" s="117">
        <v>1038309</v>
      </c>
      <c r="AP18" s="117">
        <v>3962183</v>
      </c>
      <c r="AQ18" s="117">
        <v>4816434</v>
      </c>
      <c r="AR18" s="116">
        <v>11003903</v>
      </c>
      <c r="AS18" s="119">
        <v>11162968</v>
      </c>
      <c r="AT18" s="113">
        <v>2451278</v>
      </c>
      <c r="AU18" s="117">
        <v>5549563</v>
      </c>
      <c r="AV18" s="116">
        <v>8000841</v>
      </c>
      <c r="AW18" s="113">
        <v>0</v>
      </c>
      <c r="AX18" s="117">
        <v>9681952</v>
      </c>
      <c r="AY18" s="117">
        <v>10549386</v>
      </c>
      <c r="AZ18" s="117">
        <v>7278745</v>
      </c>
      <c r="BA18" s="117">
        <v>8978144</v>
      </c>
      <c r="BB18" s="117">
        <v>7988141</v>
      </c>
      <c r="BC18" s="116">
        <v>44476368</v>
      </c>
      <c r="BD18" s="119">
        <v>52477209</v>
      </c>
      <c r="BE18" s="113">
        <v>151060</v>
      </c>
      <c r="BF18" s="117">
        <v>405735</v>
      </c>
      <c r="BG18" s="115">
        <v>556795</v>
      </c>
      <c r="BH18" s="114">
        <v>0</v>
      </c>
      <c r="BI18" s="117">
        <v>402291</v>
      </c>
      <c r="BJ18" s="117">
        <v>1898570</v>
      </c>
      <c r="BK18" s="117">
        <v>1075935</v>
      </c>
      <c r="BL18" s="117">
        <v>695330</v>
      </c>
      <c r="BM18" s="117">
        <v>579812</v>
      </c>
      <c r="BN18" s="116">
        <v>4651938</v>
      </c>
      <c r="BO18" s="119">
        <v>5208733</v>
      </c>
      <c r="BP18" s="113">
        <v>810076</v>
      </c>
      <c r="BQ18" s="117">
        <v>981625</v>
      </c>
      <c r="BR18" s="116">
        <v>1791701</v>
      </c>
      <c r="BS18" s="113">
        <v>0</v>
      </c>
      <c r="BT18" s="117">
        <v>4493542</v>
      </c>
      <c r="BU18" s="117">
        <v>4313759</v>
      </c>
      <c r="BV18" s="117">
        <v>4505200</v>
      </c>
      <c r="BW18" s="117">
        <v>5068725</v>
      </c>
      <c r="BX18" s="117">
        <v>3975057</v>
      </c>
      <c r="BY18" s="116">
        <v>22356283</v>
      </c>
      <c r="BZ18" s="119">
        <v>24147984</v>
      </c>
      <c r="CA18" s="113">
        <v>3142059</v>
      </c>
      <c r="CB18" s="117">
        <v>5574857</v>
      </c>
      <c r="CC18" s="116">
        <v>8716916</v>
      </c>
      <c r="CD18" s="113">
        <v>0</v>
      </c>
      <c r="CE18" s="117">
        <v>43721826</v>
      </c>
      <c r="CF18" s="117">
        <v>43450452</v>
      </c>
      <c r="CG18" s="117">
        <v>39418773</v>
      </c>
      <c r="CH18" s="117">
        <v>30011492</v>
      </c>
      <c r="CI18" s="117">
        <v>12171884</v>
      </c>
      <c r="CJ18" s="116">
        <v>168774427</v>
      </c>
      <c r="CK18" s="119">
        <v>177491343</v>
      </c>
      <c r="CL18" s="113">
        <v>0</v>
      </c>
      <c r="CM18" s="117">
        <v>0</v>
      </c>
      <c r="CN18" s="116">
        <v>0</v>
      </c>
      <c r="CO18" s="114">
        <v>0</v>
      </c>
      <c r="CP18" s="117">
        <v>37651231</v>
      </c>
      <c r="CQ18" s="117">
        <v>32755285</v>
      </c>
      <c r="CR18" s="117">
        <v>31214832</v>
      </c>
      <c r="CS18" s="117">
        <v>22991654</v>
      </c>
      <c r="CT18" s="117">
        <v>9106624</v>
      </c>
      <c r="CU18" s="116">
        <v>133719626</v>
      </c>
      <c r="CV18" s="119">
        <v>133719626</v>
      </c>
      <c r="CW18" s="113">
        <v>3142059</v>
      </c>
      <c r="CX18" s="117">
        <v>5574857</v>
      </c>
      <c r="CY18" s="116">
        <v>8716916</v>
      </c>
      <c r="CZ18" s="113">
        <v>0</v>
      </c>
      <c r="DA18" s="117">
        <v>6070595</v>
      </c>
      <c r="DB18" s="117">
        <v>10695167</v>
      </c>
      <c r="DC18" s="117">
        <v>8203941</v>
      </c>
      <c r="DD18" s="117">
        <v>7019838</v>
      </c>
      <c r="DE18" s="117">
        <v>3065260</v>
      </c>
      <c r="DF18" s="116">
        <v>35054801</v>
      </c>
      <c r="DG18" s="119">
        <v>43771717</v>
      </c>
      <c r="DH18" s="113">
        <v>43159</v>
      </c>
      <c r="DI18" s="117">
        <v>610208</v>
      </c>
      <c r="DJ18" s="115">
        <v>653367</v>
      </c>
      <c r="DK18" s="114">
        <v>0</v>
      </c>
      <c r="DL18" s="117">
        <v>5026884</v>
      </c>
      <c r="DM18" s="117">
        <v>7818963</v>
      </c>
      <c r="DN18" s="117">
        <v>12261022</v>
      </c>
      <c r="DO18" s="117">
        <v>11024774</v>
      </c>
      <c r="DP18" s="117">
        <v>5692571</v>
      </c>
      <c r="DQ18" s="116">
        <v>41824214</v>
      </c>
      <c r="DR18" s="119">
        <v>42477581</v>
      </c>
      <c r="DS18" s="113">
        <v>43159</v>
      </c>
      <c r="DT18" s="117">
        <v>610208</v>
      </c>
      <c r="DU18" s="116">
        <v>653367</v>
      </c>
      <c r="DV18" s="113">
        <v>0</v>
      </c>
      <c r="DW18" s="117">
        <v>4870706</v>
      </c>
      <c r="DX18" s="117">
        <v>7630149</v>
      </c>
      <c r="DY18" s="117">
        <v>11947259</v>
      </c>
      <c r="DZ18" s="117">
        <v>10684420</v>
      </c>
      <c r="EA18" s="117">
        <v>5554933</v>
      </c>
      <c r="EB18" s="116">
        <v>40687467</v>
      </c>
      <c r="EC18" s="119">
        <v>41340834</v>
      </c>
      <c r="ED18" s="113">
        <v>0</v>
      </c>
      <c r="EE18" s="115">
        <v>0</v>
      </c>
      <c r="EF18" s="116">
        <v>0</v>
      </c>
      <c r="EG18" s="113">
        <v>0</v>
      </c>
      <c r="EH18" s="117">
        <v>156178</v>
      </c>
      <c r="EI18" s="117">
        <v>188814</v>
      </c>
      <c r="EJ18" s="117">
        <v>313763</v>
      </c>
      <c r="EK18" s="117">
        <v>340354</v>
      </c>
      <c r="EL18" s="117">
        <v>137638</v>
      </c>
      <c r="EM18" s="115">
        <v>1136747</v>
      </c>
      <c r="EN18" s="119">
        <v>1136747</v>
      </c>
      <c r="EO18" s="113">
        <v>0</v>
      </c>
      <c r="EP18" s="117">
        <v>0</v>
      </c>
      <c r="EQ18" s="115">
        <v>0</v>
      </c>
      <c r="ER18" s="114">
        <v>0</v>
      </c>
      <c r="ES18" s="117">
        <v>0</v>
      </c>
      <c r="ET18" s="117">
        <v>0</v>
      </c>
      <c r="EU18" s="117">
        <v>0</v>
      </c>
      <c r="EV18" s="117">
        <v>0</v>
      </c>
      <c r="EW18" s="117">
        <v>0</v>
      </c>
      <c r="EX18" s="116">
        <v>0</v>
      </c>
      <c r="EY18" s="119">
        <v>0</v>
      </c>
      <c r="EZ18" s="113">
        <v>0</v>
      </c>
      <c r="FA18" s="117">
        <v>0</v>
      </c>
      <c r="FB18" s="115">
        <v>0</v>
      </c>
      <c r="FC18" s="395">
        <v>0</v>
      </c>
      <c r="FD18" s="117">
        <v>0</v>
      </c>
      <c r="FE18" s="117">
        <v>0</v>
      </c>
      <c r="FF18" s="117">
        <v>0</v>
      </c>
      <c r="FG18" s="117">
        <v>0</v>
      </c>
      <c r="FH18" s="117">
        <v>0</v>
      </c>
      <c r="FI18" s="116">
        <v>0</v>
      </c>
      <c r="FJ18" s="119">
        <v>0</v>
      </c>
      <c r="FK18" s="113">
        <v>2687233</v>
      </c>
      <c r="FL18" s="117">
        <v>6429886</v>
      </c>
      <c r="FM18" s="116">
        <v>9117119</v>
      </c>
      <c r="FN18" s="113">
        <v>0</v>
      </c>
      <c r="FO18" s="117">
        <v>4112108</v>
      </c>
      <c r="FP18" s="117">
        <v>13325745</v>
      </c>
      <c r="FQ18" s="117">
        <v>11833159</v>
      </c>
      <c r="FR18" s="117">
        <v>12047845</v>
      </c>
      <c r="FS18" s="117">
        <v>7252744</v>
      </c>
      <c r="FT18" s="116">
        <v>48571601</v>
      </c>
      <c r="FU18" s="119">
        <v>57688720</v>
      </c>
      <c r="FV18" s="118">
        <v>2224924</v>
      </c>
      <c r="FW18" s="117">
        <v>4743606</v>
      </c>
      <c r="FX18" s="115">
        <v>6968530</v>
      </c>
      <c r="FY18" s="114">
        <v>0</v>
      </c>
      <c r="FZ18" s="117">
        <v>3340999</v>
      </c>
      <c r="GA18" s="117">
        <v>12022450</v>
      </c>
      <c r="GB18" s="117">
        <v>10349209</v>
      </c>
      <c r="GC18" s="117">
        <v>11372433</v>
      </c>
      <c r="GD18" s="117">
        <v>6981545</v>
      </c>
      <c r="GE18" s="116">
        <v>44066636</v>
      </c>
      <c r="GF18" s="357">
        <v>51035166</v>
      </c>
      <c r="GG18" s="118">
        <v>86482</v>
      </c>
      <c r="GH18" s="117">
        <v>413362</v>
      </c>
      <c r="GI18" s="115">
        <v>499844</v>
      </c>
      <c r="GJ18" s="114">
        <v>0</v>
      </c>
      <c r="GK18" s="117">
        <v>129266</v>
      </c>
      <c r="GL18" s="117">
        <v>558169</v>
      </c>
      <c r="GM18" s="117">
        <v>574600</v>
      </c>
      <c r="GN18" s="117">
        <v>307730</v>
      </c>
      <c r="GO18" s="117">
        <v>148439</v>
      </c>
      <c r="GP18" s="116">
        <v>1718204</v>
      </c>
      <c r="GQ18" s="119">
        <v>2218048</v>
      </c>
      <c r="GR18" s="113">
        <v>375827</v>
      </c>
      <c r="GS18" s="117">
        <v>1272918</v>
      </c>
      <c r="GT18" s="116">
        <v>1648745</v>
      </c>
      <c r="GU18" s="113">
        <v>0</v>
      </c>
      <c r="GV18" s="117">
        <v>641843</v>
      </c>
      <c r="GW18" s="117">
        <v>745126</v>
      </c>
      <c r="GX18" s="117">
        <v>909350</v>
      </c>
      <c r="GY18" s="117">
        <v>367682</v>
      </c>
      <c r="GZ18" s="117">
        <v>122760</v>
      </c>
      <c r="HA18" s="115">
        <v>2786761</v>
      </c>
      <c r="HB18" s="119">
        <v>4435506</v>
      </c>
      <c r="HC18" s="113">
        <v>2462307</v>
      </c>
      <c r="HD18" s="117">
        <v>4413897</v>
      </c>
      <c r="HE18" s="115">
        <v>6876204</v>
      </c>
      <c r="HF18" s="114">
        <v>0</v>
      </c>
      <c r="HG18" s="117">
        <v>19973997</v>
      </c>
      <c r="HH18" s="117">
        <v>16161867</v>
      </c>
      <c r="HI18" s="117">
        <v>18163692</v>
      </c>
      <c r="HJ18" s="117">
        <v>31071523</v>
      </c>
      <c r="HK18" s="117">
        <v>19855920</v>
      </c>
      <c r="HL18" s="116">
        <v>105226999</v>
      </c>
      <c r="HM18" s="112">
        <v>112103203</v>
      </c>
      <c r="HN18" s="118">
        <v>3260251</v>
      </c>
      <c r="HO18" s="117">
        <v>4443709</v>
      </c>
      <c r="HP18" s="116">
        <v>7703960</v>
      </c>
      <c r="HQ18" s="113">
        <v>0</v>
      </c>
      <c r="HR18" s="117">
        <v>20671834</v>
      </c>
      <c r="HS18" s="117">
        <v>17138565</v>
      </c>
      <c r="HT18" s="117">
        <v>13190918</v>
      </c>
      <c r="HU18" s="117">
        <v>10153263</v>
      </c>
      <c r="HV18" s="117">
        <v>5970053</v>
      </c>
      <c r="HW18" s="115">
        <v>67124633</v>
      </c>
      <c r="HX18" s="119">
        <v>74828593</v>
      </c>
      <c r="HY18" s="166">
        <v>0</v>
      </c>
      <c r="HZ18" s="152">
        <v>254224</v>
      </c>
      <c r="IA18" s="166">
        <v>254224</v>
      </c>
      <c r="IB18" s="151">
        <v>0</v>
      </c>
      <c r="IC18" s="152">
        <v>40283549</v>
      </c>
      <c r="ID18" s="153">
        <v>38149473</v>
      </c>
      <c r="IE18" s="154">
        <v>48553400</v>
      </c>
      <c r="IF18" s="152">
        <v>38903738</v>
      </c>
      <c r="IG18" s="154">
        <v>33541339</v>
      </c>
      <c r="IH18" s="155">
        <v>199431499</v>
      </c>
      <c r="II18" s="166">
        <v>199685723</v>
      </c>
      <c r="IJ18" s="259">
        <v>0</v>
      </c>
      <c r="IK18" s="266">
        <v>0</v>
      </c>
      <c r="IL18" s="267">
        <v>0</v>
      </c>
      <c r="IM18" s="157"/>
      <c r="IN18" s="123">
        <v>1010061</v>
      </c>
      <c r="IO18" s="123">
        <v>769866</v>
      </c>
      <c r="IP18" s="123">
        <v>959845</v>
      </c>
      <c r="IQ18" s="123">
        <v>1510791</v>
      </c>
      <c r="IR18" s="123">
        <v>294946</v>
      </c>
      <c r="IS18" s="158">
        <v>4545509</v>
      </c>
      <c r="IT18" s="360">
        <v>4545509</v>
      </c>
      <c r="IU18" s="159">
        <v>0</v>
      </c>
      <c r="IV18" s="123">
        <v>0</v>
      </c>
      <c r="IW18" s="124">
        <v>0</v>
      </c>
      <c r="IX18" s="157"/>
      <c r="IY18" s="123">
        <v>0</v>
      </c>
      <c r="IZ18" s="123">
        <v>0</v>
      </c>
      <c r="JA18" s="123">
        <v>0</v>
      </c>
      <c r="JB18" s="123">
        <v>0</v>
      </c>
      <c r="JC18" s="123">
        <v>0</v>
      </c>
      <c r="JD18" s="124">
        <v>0</v>
      </c>
      <c r="JE18" s="125">
        <v>0</v>
      </c>
      <c r="JF18" s="159">
        <v>0</v>
      </c>
      <c r="JG18" s="123">
        <v>0</v>
      </c>
      <c r="JH18" s="158">
        <v>0</v>
      </c>
      <c r="JI18" s="122">
        <v>0</v>
      </c>
      <c r="JJ18" s="123">
        <v>22738496</v>
      </c>
      <c r="JK18" s="123">
        <v>16221622</v>
      </c>
      <c r="JL18" s="123">
        <v>12633356</v>
      </c>
      <c r="JM18" s="123">
        <v>5507620</v>
      </c>
      <c r="JN18" s="123">
        <v>4849718</v>
      </c>
      <c r="JO18" s="124">
        <v>61950812</v>
      </c>
      <c r="JP18" s="360">
        <v>61950812</v>
      </c>
      <c r="JQ18" s="159">
        <v>0</v>
      </c>
      <c r="JR18" s="123">
        <v>0</v>
      </c>
      <c r="JS18" s="158">
        <v>0</v>
      </c>
      <c r="JT18" s="122">
        <v>0</v>
      </c>
      <c r="JU18" s="123">
        <v>307429</v>
      </c>
      <c r="JV18" s="123">
        <v>566922</v>
      </c>
      <c r="JW18" s="123">
        <v>0</v>
      </c>
      <c r="JX18" s="123">
        <v>0</v>
      </c>
      <c r="JY18" s="123">
        <v>213006</v>
      </c>
      <c r="JZ18" s="124">
        <v>1087357</v>
      </c>
      <c r="KA18" s="360">
        <v>1087357</v>
      </c>
      <c r="KB18" s="262">
        <v>0</v>
      </c>
      <c r="KC18" s="256">
        <v>0</v>
      </c>
      <c r="KD18" s="124">
        <v>0</v>
      </c>
      <c r="KE18" s="122">
        <v>0</v>
      </c>
      <c r="KF18" s="123">
        <v>2454017</v>
      </c>
      <c r="KG18" s="123">
        <v>5936958</v>
      </c>
      <c r="KH18" s="123">
        <v>12102933</v>
      </c>
      <c r="KI18" s="123">
        <v>10140834</v>
      </c>
      <c r="KJ18" s="123">
        <v>8815217</v>
      </c>
      <c r="KK18" s="124">
        <v>39449959</v>
      </c>
      <c r="KL18" s="160">
        <v>39449959</v>
      </c>
      <c r="KM18" s="259">
        <v>0</v>
      </c>
      <c r="KN18" s="266">
        <v>219825</v>
      </c>
      <c r="KO18" s="267">
        <v>219825</v>
      </c>
      <c r="KP18" s="157"/>
      <c r="KQ18" s="123">
        <v>11949130</v>
      </c>
      <c r="KR18" s="123">
        <v>10749867</v>
      </c>
      <c r="KS18" s="123">
        <v>13790160</v>
      </c>
      <c r="KT18" s="123">
        <v>7720071</v>
      </c>
      <c r="KU18" s="123">
        <v>10715349</v>
      </c>
      <c r="KV18" s="124">
        <v>54924577</v>
      </c>
      <c r="KW18" s="360">
        <v>55144402</v>
      </c>
      <c r="KX18" s="159">
        <v>0</v>
      </c>
      <c r="KY18" s="123">
        <v>0</v>
      </c>
      <c r="KZ18" s="124">
        <v>0</v>
      </c>
      <c r="LA18" s="157"/>
      <c r="LB18" s="123">
        <v>491356</v>
      </c>
      <c r="LC18" s="123">
        <v>1111243</v>
      </c>
      <c r="LD18" s="123">
        <v>661752</v>
      </c>
      <c r="LE18" s="123">
        <v>2579119</v>
      </c>
      <c r="LF18" s="123">
        <v>994802</v>
      </c>
      <c r="LG18" s="124">
        <v>5838272</v>
      </c>
      <c r="LH18" s="125">
        <v>5838272</v>
      </c>
      <c r="LI18" s="159">
        <v>0</v>
      </c>
      <c r="LJ18" s="123">
        <v>0</v>
      </c>
      <c r="LK18" s="124">
        <v>0</v>
      </c>
      <c r="LL18" s="157"/>
      <c r="LM18" s="123">
        <v>241745</v>
      </c>
      <c r="LN18" s="123">
        <v>0</v>
      </c>
      <c r="LO18" s="123">
        <v>4265623</v>
      </c>
      <c r="LP18" s="123">
        <v>2485472</v>
      </c>
      <c r="LQ18" s="123">
        <v>1223738</v>
      </c>
      <c r="LR18" s="124">
        <v>8216578</v>
      </c>
      <c r="LS18" s="360">
        <v>8216578</v>
      </c>
      <c r="LT18" s="159">
        <v>0</v>
      </c>
      <c r="LU18" s="123">
        <v>34399</v>
      </c>
      <c r="LV18" s="124">
        <v>34399</v>
      </c>
      <c r="LW18" s="157"/>
      <c r="LX18" s="123">
        <v>1091315</v>
      </c>
      <c r="LY18" s="123">
        <v>2792995</v>
      </c>
      <c r="LZ18" s="123">
        <v>4139731</v>
      </c>
      <c r="MA18" s="123">
        <v>8959831</v>
      </c>
      <c r="MB18" s="123">
        <v>6434563</v>
      </c>
      <c r="MC18" s="124">
        <v>23418435</v>
      </c>
      <c r="MD18" s="125">
        <v>23452834</v>
      </c>
      <c r="ME18" s="159">
        <v>0</v>
      </c>
      <c r="MF18" s="123">
        <v>0</v>
      </c>
      <c r="MG18" s="124">
        <v>0</v>
      </c>
      <c r="MH18" s="157"/>
      <c r="MI18" s="123">
        <v>12232533</v>
      </c>
      <c r="MJ18" s="123">
        <v>27728983</v>
      </c>
      <c r="MK18" s="123">
        <v>85810349</v>
      </c>
      <c r="ML18" s="123">
        <v>143006678</v>
      </c>
      <c r="MM18" s="123">
        <v>89036050</v>
      </c>
      <c r="MN18" s="124">
        <v>357814593</v>
      </c>
      <c r="MO18" s="160">
        <v>357814593</v>
      </c>
      <c r="MP18" s="159">
        <v>0</v>
      </c>
      <c r="MQ18" s="123">
        <v>0</v>
      </c>
      <c r="MR18" s="124">
        <v>0</v>
      </c>
      <c r="MS18" s="157"/>
      <c r="MT18" s="123">
        <v>413544</v>
      </c>
      <c r="MU18" s="123">
        <v>4966101</v>
      </c>
      <c r="MV18" s="123">
        <v>46315731</v>
      </c>
      <c r="MW18" s="123">
        <v>85971877</v>
      </c>
      <c r="MX18" s="123">
        <v>63836052</v>
      </c>
      <c r="MY18" s="124">
        <v>201503305</v>
      </c>
      <c r="MZ18" s="160">
        <v>201503305</v>
      </c>
      <c r="NA18" s="159">
        <v>0</v>
      </c>
      <c r="NB18" s="123">
        <v>0</v>
      </c>
      <c r="NC18" s="124">
        <v>0</v>
      </c>
      <c r="ND18" s="157"/>
      <c r="NE18" s="123">
        <v>11818989</v>
      </c>
      <c r="NF18" s="123">
        <v>22463675</v>
      </c>
      <c r="NG18" s="123">
        <v>38779707</v>
      </c>
      <c r="NH18" s="123">
        <v>53238152</v>
      </c>
      <c r="NI18" s="123">
        <v>19547921</v>
      </c>
      <c r="NJ18" s="124">
        <v>145848444</v>
      </c>
      <c r="NK18" s="360">
        <v>145848444</v>
      </c>
      <c r="NL18" s="159">
        <v>0</v>
      </c>
      <c r="NM18" s="123">
        <v>0</v>
      </c>
      <c r="NN18" s="124">
        <v>0</v>
      </c>
      <c r="NO18" s="157"/>
      <c r="NP18" s="123">
        <v>0</v>
      </c>
      <c r="NQ18" s="123">
        <v>0</v>
      </c>
      <c r="NR18" s="123">
        <v>0</v>
      </c>
      <c r="NS18" s="123">
        <v>3360541</v>
      </c>
      <c r="NT18" s="123">
        <v>2981204</v>
      </c>
      <c r="NU18" s="124">
        <v>6341745</v>
      </c>
      <c r="NV18" s="125">
        <v>6341745</v>
      </c>
      <c r="NW18" s="159">
        <v>0</v>
      </c>
      <c r="NX18" s="123">
        <v>0</v>
      </c>
      <c r="NY18" s="124">
        <v>0</v>
      </c>
      <c r="NZ18" s="157"/>
      <c r="OA18" s="123">
        <v>0</v>
      </c>
      <c r="OB18" s="123">
        <v>299207</v>
      </c>
      <c r="OC18" s="123">
        <v>714911</v>
      </c>
      <c r="OD18" s="123">
        <v>436108</v>
      </c>
      <c r="OE18" s="123">
        <v>2670873</v>
      </c>
      <c r="OF18" s="124">
        <v>4121099</v>
      </c>
      <c r="OG18" s="125">
        <v>4121099</v>
      </c>
      <c r="OH18" s="159">
        <v>15027097</v>
      </c>
      <c r="OI18" s="123">
        <v>28803095</v>
      </c>
      <c r="OJ18" s="158">
        <v>43830192</v>
      </c>
      <c r="OK18" s="122">
        <v>0</v>
      </c>
      <c r="OL18" s="123">
        <v>182071728</v>
      </c>
      <c r="OM18" s="123">
        <v>205491193</v>
      </c>
      <c r="ON18" s="123">
        <v>268027708</v>
      </c>
      <c r="OO18" s="123">
        <v>327353231</v>
      </c>
      <c r="OP18" s="123">
        <v>222529646</v>
      </c>
      <c r="OQ18" s="124">
        <v>1205473506</v>
      </c>
      <c r="OR18" s="160">
        <v>1249303698</v>
      </c>
    </row>
    <row r="19" spans="1:408" ht="18.75" customHeight="1" x14ac:dyDescent="0.2">
      <c r="A19" s="63" t="s">
        <v>13</v>
      </c>
      <c r="B19" s="113">
        <v>3352450</v>
      </c>
      <c r="C19" s="117">
        <v>6810402</v>
      </c>
      <c r="D19" s="116">
        <v>10162852</v>
      </c>
      <c r="E19" s="113">
        <v>0</v>
      </c>
      <c r="F19" s="185">
        <v>48207835</v>
      </c>
      <c r="G19" s="117">
        <v>61546880</v>
      </c>
      <c r="H19" s="117">
        <v>57406447</v>
      </c>
      <c r="I19" s="117">
        <v>55472517</v>
      </c>
      <c r="J19" s="117">
        <v>50256279</v>
      </c>
      <c r="K19" s="115">
        <v>272889958</v>
      </c>
      <c r="L19" s="119">
        <v>283052810</v>
      </c>
      <c r="M19" s="113">
        <v>791651</v>
      </c>
      <c r="N19" s="117">
        <v>1155144</v>
      </c>
      <c r="O19" s="116">
        <v>1946795</v>
      </c>
      <c r="P19" s="113">
        <v>0</v>
      </c>
      <c r="Q19" s="117">
        <v>13026860</v>
      </c>
      <c r="R19" s="117">
        <v>19629570</v>
      </c>
      <c r="S19" s="117">
        <v>16359693</v>
      </c>
      <c r="T19" s="117">
        <v>18567694</v>
      </c>
      <c r="U19" s="117">
        <v>24965060</v>
      </c>
      <c r="V19" s="116">
        <v>92548877</v>
      </c>
      <c r="W19" s="119">
        <v>94495672</v>
      </c>
      <c r="X19" s="113">
        <v>0</v>
      </c>
      <c r="Y19" s="117">
        <v>0</v>
      </c>
      <c r="Z19" s="116">
        <v>0</v>
      </c>
      <c r="AA19" s="113">
        <v>0</v>
      </c>
      <c r="AB19" s="117">
        <v>6180078</v>
      </c>
      <c r="AC19" s="117">
        <v>10025534</v>
      </c>
      <c r="AD19" s="117">
        <v>9391703</v>
      </c>
      <c r="AE19" s="117">
        <v>11215320</v>
      </c>
      <c r="AF19" s="117">
        <v>16428805</v>
      </c>
      <c r="AG19" s="116">
        <v>53241440</v>
      </c>
      <c r="AH19" s="119">
        <v>53241440</v>
      </c>
      <c r="AI19" s="113">
        <v>81865</v>
      </c>
      <c r="AJ19" s="117">
        <v>0</v>
      </c>
      <c r="AK19" s="116">
        <v>81865</v>
      </c>
      <c r="AL19" s="113">
        <v>0</v>
      </c>
      <c r="AM19" s="117">
        <v>0</v>
      </c>
      <c r="AN19" s="117">
        <v>129250</v>
      </c>
      <c r="AO19" s="117">
        <v>384413</v>
      </c>
      <c r="AP19" s="117">
        <v>1034285</v>
      </c>
      <c r="AQ19" s="117">
        <v>2093108</v>
      </c>
      <c r="AR19" s="116">
        <v>3641056</v>
      </c>
      <c r="AS19" s="119">
        <v>3722921</v>
      </c>
      <c r="AT19" s="113">
        <v>204598</v>
      </c>
      <c r="AU19" s="117">
        <v>533582</v>
      </c>
      <c r="AV19" s="116">
        <v>738180</v>
      </c>
      <c r="AW19" s="113">
        <v>0</v>
      </c>
      <c r="AX19" s="117">
        <v>3809819</v>
      </c>
      <c r="AY19" s="117">
        <v>6206786</v>
      </c>
      <c r="AZ19" s="117">
        <v>3737755</v>
      </c>
      <c r="BA19" s="117">
        <v>3397126</v>
      </c>
      <c r="BB19" s="117">
        <v>4010645</v>
      </c>
      <c r="BC19" s="116">
        <v>21162131</v>
      </c>
      <c r="BD19" s="119">
        <v>21900311</v>
      </c>
      <c r="BE19" s="113">
        <v>117961</v>
      </c>
      <c r="BF19" s="117">
        <v>106201</v>
      </c>
      <c r="BG19" s="115">
        <v>224162</v>
      </c>
      <c r="BH19" s="114">
        <v>0</v>
      </c>
      <c r="BI19" s="117">
        <v>607961</v>
      </c>
      <c r="BJ19" s="117">
        <v>786481</v>
      </c>
      <c r="BK19" s="117">
        <v>396918</v>
      </c>
      <c r="BL19" s="117">
        <v>355663</v>
      </c>
      <c r="BM19" s="117">
        <v>278145</v>
      </c>
      <c r="BN19" s="116">
        <v>2425168</v>
      </c>
      <c r="BO19" s="119">
        <v>2649330</v>
      </c>
      <c r="BP19" s="113">
        <v>387227</v>
      </c>
      <c r="BQ19" s="117">
        <v>515361</v>
      </c>
      <c r="BR19" s="116">
        <v>902588</v>
      </c>
      <c r="BS19" s="113">
        <v>0</v>
      </c>
      <c r="BT19" s="117">
        <v>2429002</v>
      </c>
      <c r="BU19" s="117">
        <v>2481519</v>
      </c>
      <c r="BV19" s="117">
        <v>2448904</v>
      </c>
      <c r="BW19" s="117">
        <v>2565300</v>
      </c>
      <c r="BX19" s="117">
        <v>2154357</v>
      </c>
      <c r="BY19" s="116">
        <v>12079082</v>
      </c>
      <c r="BZ19" s="119">
        <v>12981670</v>
      </c>
      <c r="CA19" s="113">
        <v>236316</v>
      </c>
      <c r="CB19" s="117">
        <v>1054353</v>
      </c>
      <c r="CC19" s="116">
        <v>1290669</v>
      </c>
      <c r="CD19" s="113">
        <v>0</v>
      </c>
      <c r="CE19" s="117">
        <v>10326127</v>
      </c>
      <c r="CF19" s="117">
        <v>14544454</v>
      </c>
      <c r="CG19" s="117">
        <v>11784574</v>
      </c>
      <c r="CH19" s="117">
        <v>8289247</v>
      </c>
      <c r="CI19" s="117">
        <v>3537826</v>
      </c>
      <c r="CJ19" s="116">
        <v>48482228</v>
      </c>
      <c r="CK19" s="119">
        <v>49772897</v>
      </c>
      <c r="CL19" s="113">
        <v>0</v>
      </c>
      <c r="CM19" s="117">
        <v>0</v>
      </c>
      <c r="CN19" s="116">
        <v>0</v>
      </c>
      <c r="CO19" s="114">
        <v>0</v>
      </c>
      <c r="CP19" s="117">
        <v>9171181</v>
      </c>
      <c r="CQ19" s="117">
        <v>12185756</v>
      </c>
      <c r="CR19" s="117">
        <v>10330780</v>
      </c>
      <c r="CS19" s="117">
        <v>6005733</v>
      </c>
      <c r="CT19" s="117">
        <v>2519637</v>
      </c>
      <c r="CU19" s="116">
        <v>40213087</v>
      </c>
      <c r="CV19" s="119">
        <v>40213087</v>
      </c>
      <c r="CW19" s="113">
        <v>236316</v>
      </c>
      <c r="CX19" s="117">
        <v>1054353</v>
      </c>
      <c r="CY19" s="116">
        <v>1290669</v>
      </c>
      <c r="CZ19" s="113">
        <v>0</v>
      </c>
      <c r="DA19" s="117">
        <v>1154946</v>
      </c>
      <c r="DB19" s="117">
        <v>2358698</v>
      </c>
      <c r="DC19" s="117">
        <v>1453794</v>
      </c>
      <c r="DD19" s="117">
        <v>2283514</v>
      </c>
      <c r="DE19" s="117">
        <v>1018189</v>
      </c>
      <c r="DF19" s="116">
        <v>8269141</v>
      </c>
      <c r="DG19" s="119">
        <v>9559810</v>
      </c>
      <c r="DH19" s="113">
        <v>0</v>
      </c>
      <c r="DI19" s="117">
        <v>22219</v>
      </c>
      <c r="DJ19" s="115">
        <v>22219</v>
      </c>
      <c r="DK19" s="114">
        <v>0</v>
      </c>
      <c r="DL19" s="117">
        <v>1496115</v>
      </c>
      <c r="DM19" s="117">
        <v>2339400</v>
      </c>
      <c r="DN19" s="117">
        <v>6639515</v>
      </c>
      <c r="DO19" s="117">
        <v>5793146</v>
      </c>
      <c r="DP19" s="117">
        <v>4266062</v>
      </c>
      <c r="DQ19" s="116">
        <v>20534238</v>
      </c>
      <c r="DR19" s="119">
        <v>20556457</v>
      </c>
      <c r="DS19" s="113">
        <v>0</v>
      </c>
      <c r="DT19" s="117">
        <v>22219</v>
      </c>
      <c r="DU19" s="116">
        <v>22219</v>
      </c>
      <c r="DV19" s="113">
        <v>0</v>
      </c>
      <c r="DW19" s="117">
        <v>1328183</v>
      </c>
      <c r="DX19" s="117">
        <v>1960604</v>
      </c>
      <c r="DY19" s="117">
        <v>6164125</v>
      </c>
      <c r="DZ19" s="117">
        <v>5325514</v>
      </c>
      <c r="EA19" s="117">
        <v>4266062</v>
      </c>
      <c r="EB19" s="116">
        <v>19044488</v>
      </c>
      <c r="EC19" s="119">
        <v>19066707</v>
      </c>
      <c r="ED19" s="113">
        <v>0</v>
      </c>
      <c r="EE19" s="115">
        <v>0</v>
      </c>
      <c r="EF19" s="116">
        <v>0</v>
      </c>
      <c r="EG19" s="113">
        <v>0</v>
      </c>
      <c r="EH19" s="117">
        <v>167932</v>
      </c>
      <c r="EI19" s="117">
        <v>378796</v>
      </c>
      <c r="EJ19" s="117">
        <v>475390</v>
      </c>
      <c r="EK19" s="117">
        <v>467632</v>
      </c>
      <c r="EL19" s="117">
        <v>0</v>
      </c>
      <c r="EM19" s="115">
        <v>1489750</v>
      </c>
      <c r="EN19" s="119">
        <v>1489750</v>
      </c>
      <c r="EO19" s="113">
        <v>0</v>
      </c>
      <c r="EP19" s="117">
        <v>0</v>
      </c>
      <c r="EQ19" s="115">
        <v>0</v>
      </c>
      <c r="ER19" s="114">
        <v>0</v>
      </c>
      <c r="ES19" s="117">
        <v>0</v>
      </c>
      <c r="ET19" s="117">
        <v>0</v>
      </c>
      <c r="EU19" s="117">
        <v>0</v>
      </c>
      <c r="EV19" s="117">
        <v>0</v>
      </c>
      <c r="EW19" s="117">
        <v>0</v>
      </c>
      <c r="EX19" s="116">
        <v>0</v>
      </c>
      <c r="EY19" s="119">
        <v>0</v>
      </c>
      <c r="EZ19" s="113">
        <v>0</v>
      </c>
      <c r="FA19" s="117">
        <v>0</v>
      </c>
      <c r="FB19" s="115">
        <v>0</v>
      </c>
      <c r="FC19" s="395">
        <v>0</v>
      </c>
      <c r="FD19" s="117">
        <v>0</v>
      </c>
      <c r="FE19" s="117">
        <v>0</v>
      </c>
      <c r="FF19" s="117">
        <v>0</v>
      </c>
      <c r="FG19" s="117">
        <v>0</v>
      </c>
      <c r="FH19" s="117">
        <v>0</v>
      </c>
      <c r="FI19" s="116">
        <v>0</v>
      </c>
      <c r="FJ19" s="119">
        <v>0</v>
      </c>
      <c r="FK19" s="113">
        <v>546365</v>
      </c>
      <c r="FL19" s="117">
        <v>1292113</v>
      </c>
      <c r="FM19" s="116">
        <v>1838478</v>
      </c>
      <c r="FN19" s="113">
        <v>0</v>
      </c>
      <c r="FO19" s="117">
        <v>2226464</v>
      </c>
      <c r="FP19" s="117">
        <v>5309880</v>
      </c>
      <c r="FQ19" s="117">
        <v>3554150</v>
      </c>
      <c r="FR19" s="117">
        <v>3241265</v>
      </c>
      <c r="FS19" s="117">
        <v>2957306</v>
      </c>
      <c r="FT19" s="116">
        <v>17289065</v>
      </c>
      <c r="FU19" s="119">
        <v>19127543</v>
      </c>
      <c r="FV19" s="118">
        <v>345309</v>
      </c>
      <c r="FW19" s="117">
        <v>836095</v>
      </c>
      <c r="FX19" s="115">
        <v>1181404</v>
      </c>
      <c r="FY19" s="114">
        <v>0</v>
      </c>
      <c r="FZ19" s="117">
        <v>1737278</v>
      </c>
      <c r="GA19" s="117">
        <v>4975259</v>
      </c>
      <c r="GB19" s="117">
        <v>3166277</v>
      </c>
      <c r="GC19" s="117">
        <v>3057539</v>
      </c>
      <c r="GD19" s="117">
        <v>2890481</v>
      </c>
      <c r="GE19" s="116">
        <v>15826834</v>
      </c>
      <c r="GF19" s="357">
        <v>17008238</v>
      </c>
      <c r="GG19" s="118">
        <v>34056</v>
      </c>
      <c r="GH19" s="117">
        <v>35158</v>
      </c>
      <c r="GI19" s="115">
        <v>69214</v>
      </c>
      <c r="GJ19" s="114">
        <v>0</v>
      </c>
      <c r="GK19" s="117">
        <v>133736</v>
      </c>
      <c r="GL19" s="117">
        <v>77517</v>
      </c>
      <c r="GM19" s="117">
        <v>98703</v>
      </c>
      <c r="GN19" s="117">
        <v>65736</v>
      </c>
      <c r="GO19" s="117">
        <v>13365</v>
      </c>
      <c r="GP19" s="116">
        <v>389057</v>
      </c>
      <c r="GQ19" s="119">
        <v>458271</v>
      </c>
      <c r="GR19" s="113">
        <v>167000</v>
      </c>
      <c r="GS19" s="117">
        <v>420860</v>
      </c>
      <c r="GT19" s="116">
        <v>587860</v>
      </c>
      <c r="GU19" s="113">
        <v>0</v>
      </c>
      <c r="GV19" s="117">
        <v>355450</v>
      </c>
      <c r="GW19" s="117">
        <v>257104</v>
      </c>
      <c r="GX19" s="117">
        <v>289170</v>
      </c>
      <c r="GY19" s="117">
        <v>117990</v>
      </c>
      <c r="GZ19" s="117">
        <v>53460</v>
      </c>
      <c r="HA19" s="115">
        <v>1073174</v>
      </c>
      <c r="HB19" s="119">
        <v>1661034</v>
      </c>
      <c r="HC19" s="113">
        <v>1352584</v>
      </c>
      <c r="HD19" s="117">
        <v>2310983</v>
      </c>
      <c r="HE19" s="115">
        <v>3663567</v>
      </c>
      <c r="HF19" s="114">
        <v>0</v>
      </c>
      <c r="HG19" s="117">
        <v>13668191</v>
      </c>
      <c r="HH19" s="117">
        <v>11802565</v>
      </c>
      <c r="HI19" s="117">
        <v>13727607</v>
      </c>
      <c r="HJ19" s="117">
        <v>15907947</v>
      </c>
      <c r="HK19" s="117">
        <v>11755934</v>
      </c>
      <c r="HL19" s="116">
        <v>66862244</v>
      </c>
      <c r="HM19" s="112">
        <v>70525811</v>
      </c>
      <c r="HN19" s="118">
        <v>425534</v>
      </c>
      <c r="HO19" s="117">
        <v>975590</v>
      </c>
      <c r="HP19" s="116">
        <v>1401124</v>
      </c>
      <c r="HQ19" s="113">
        <v>0</v>
      </c>
      <c r="HR19" s="117">
        <v>7464078</v>
      </c>
      <c r="HS19" s="117">
        <v>7921011</v>
      </c>
      <c r="HT19" s="117">
        <v>5340908</v>
      </c>
      <c r="HU19" s="117">
        <v>3673218</v>
      </c>
      <c r="HV19" s="117">
        <v>2774091</v>
      </c>
      <c r="HW19" s="115">
        <v>27173306</v>
      </c>
      <c r="HX19" s="119">
        <v>28574430</v>
      </c>
      <c r="HY19" s="148">
        <v>32984</v>
      </c>
      <c r="HZ19" s="149">
        <v>221043</v>
      </c>
      <c r="IA19" s="150">
        <v>254027</v>
      </c>
      <c r="IB19" s="162">
        <v>0</v>
      </c>
      <c r="IC19" s="149">
        <v>11258966</v>
      </c>
      <c r="ID19" s="163">
        <v>13657679</v>
      </c>
      <c r="IE19" s="150">
        <v>14496157</v>
      </c>
      <c r="IF19" s="149">
        <v>7608187</v>
      </c>
      <c r="IG19" s="150">
        <v>5915649</v>
      </c>
      <c r="IH19" s="164">
        <v>52936638</v>
      </c>
      <c r="II19" s="156">
        <v>53190665</v>
      </c>
      <c r="IJ19" s="259">
        <v>0</v>
      </c>
      <c r="IK19" s="266">
        <v>0</v>
      </c>
      <c r="IL19" s="267">
        <v>0</v>
      </c>
      <c r="IM19" s="157"/>
      <c r="IN19" s="123">
        <v>0</v>
      </c>
      <c r="IO19" s="123">
        <v>136457</v>
      </c>
      <c r="IP19" s="123">
        <v>199909</v>
      </c>
      <c r="IQ19" s="123">
        <v>0</v>
      </c>
      <c r="IR19" s="123">
        <v>0</v>
      </c>
      <c r="IS19" s="158">
        <v>336366</v>
      </c>
      <c r="IT19" s="360">
        <v>336366</v>
      </c>
      <c r="IU19" s="159">
        <v>0</v>
      </c>
      <c r="IV19" s="123">
        <v>0</v>
      </c>
      <c r="IW19" s="124">
        <v>0</v>
      </c>
      <c r="IX19" s="157"/>
      <c r="IY19" s="123">
        <v>0</v>
      </c>
      <c r="IZ19" s="123">
        <v>0</v>
      </c>
      <c r="JA19" s="123">
        <v>0</v>
      </c>
      <c r="JB19" s="123">
        <v>0</v>
      </c>
      <c r="JC19" s="123">
        <v>0</v>
      </c>
      <c r="JD19" s="124">
        <v>0</v>
      </c>
      <c r="JE19" s="125">
        <v>0</v>
      </c>
      <c r="JF19" s="159">
        <v>0</v>
      </c>
      <c r="JG19" s="123">
        <v>0</v>
      </c>
      <c r="JH19" s="158">
        <v>0</v>
      </c>
      <c r="JI19" s="122">
        <v>0</v>
      </c>
      <c r="JJ19" s="123">
        <v>6530226</v>
      </c>
      <c r="JK19" s="123">
        <v>6957245</v>
      </c>
      <c r="JL19" s="123">
        <v>5524292</v>
      </c>
      <c r="JM19" s="123">
        <v>1846275</v>
      </c>
      <c r="JN19" s="123">
        <v>1966002</v>
      </c>
      <c r="JO19" s="124">
        <v>22824040</v>
      </c>
      <c r="JP19" s="360">
        <v>22824040</v>
      </c>
      <c r="JQ19" s="159">
        <v>0</v>
      </c>
      <c r="JR19" s="123">
        <v>0</v>
      </c>
      <c r="JS19" s="158">
        <v>0</v>
      </c>
      <c r="JT19" s="122">
        <v>0</v>
      </c>
      <c r="JU19" s="123">
        <v>55662</v>
      </c>
      <c r="JV19" s="123">
        <v>321271</v>
      </c>
      <c r="JW19" s="123">
        <v>1579442</v>
      </c>
      <c r="JX19" s="123">
        <v>584961</v>
      </c>
      <c r="JY19" s="123">
        <v>1117752</v>
      </c>
      <c r="JZ19" s="124">
        <v>3659088</v>
      </c>
      <c r="KA19" s="360">
        <v>3659088</v>
      </c>
      <c r="KB19" s="262">
        <v>32984</v>
      </c>
      <c r="KC19" s="256">
        <v>221043</v>
      </c>
      <c r="KD19" s="124">
        <v>254027</v>
      </c>
      <c r="KE19" s="122">
        <v>0</v>
      </c>
      <c r="KF19" s="123">
        <v>1713048</v>
      </c>
      <c r="KG19" s="123">
        <v>2675505</v>
      </c>
      <c r="KH19" s="123">
        <v>213782</v>
      </c>
      <c r="KI19" s="123">
        <v>253204</v>
      </c>
      <c r="KJ19" s="123">
        <v>0</v>
      </c>
      <c r="KK19" s="124">
        <v>4855539</v>
      </c>
      <c r="KL19" s="160">
        <v>5109566</v>
      </c>
      <c r="KM19" s="259">
        <v>0</v>
      </c>
      <c r="KN19" s="266">
        <v>0</v>
      </c>
      <c r="KO19" s="267">
        <v>0</v>
      </c>
      <c r="KP19" s="157"/>
      <c r="KQ19" s="123">
        <v>2960030</v>
      </c>
      <c r="KR19" s="123">
        <v>3567201</v>
      </c>
      <c r="KS19" s="123">
        <v>6192232</v>
      </c>
      <c r="KT19" s="123">
        <v>2825460</v>
      </c>
      <c r="KU19" s="123">
        <v>1774663</v>
      </c>
      <c r="KV19" s="124">
        <v>17319586</v>
      </c>
      <c r="KW19" s="360">
        <v>17319586</v>
      </c>
      <c r="KX19" s="159">
        <v>0</v>
      </c>
      <c r="KY19" s="123">
        <v>0</v>
      </c>
      <c r="KZ19" s="124">
        <v>0</v>
      </c>
      <c r="LA19" s="157"/>
      <c r="LB19" s="123">
        <v>0</v>
      </c>
      <c r="LC19" s="123">
        <v>0</v>
      </c>
      <c r="LD19" s="123">
        <v>786500</v>
      </c>
      <c r="LE19" s="123">
        <v>2098287</v>
      </c>
      <c r="LF19" s="123">
        <v>1057232</v>
      </c>
      <c r="LG19" s="124">
        <v>3942019</v>
      </c>
      <c r="LH19" s="125">
        <v>3942019</v>
      </c>
      <c r="LI19" s="159">
        <v>0</v>
      </c>
      <c r="LJ19" s="123">
        <v>0</v>
      </c>
      <c r="LK19" s="124">
        <v>0</v>
      </c>
      <c r="LL19" s="157"/>
      <c r="LM19" s="123">
        <v>0</v>
      </c>
      <c r="LN19" s="123">
        <v>0</v>
      </c>
      <c r="LO19" s="123">
        <v>0</v>
      </c>
      <c r="LP19" s="123">
        <v>0</v>
      </c>
      <c r="LQ19" s="123">
        <v>0</v>
      </c>
      <c r="LR19" s="124">
        <v>0</v>
      </c>
      <c r="LS19" s="360">
        <v>0</v>
      </c>
      <c r="LT19" s="159">
        <v>0</v>
      </c>
      <c r="LU19" s="123">
        <v>0</v>
      </c>
      <c r="LV19" s="124">
        <v>0</v>
      </c>
      <c r="LW19" s="157"/>
      <c r="LX19" s="123">
        <v>0</v>
      </c>
      <c r="LY19" s="123">
        <v>0</v>
      </c>
      <c r="LZ19" s="123">
        <v>0</v>
      </c>
      <c r="MA19" s="123">
        <v>0</v>
      </c>
      <c r="MB19" s="123">
        <v>0</v>
      </c>
      <c r="MC19" s="124">
        <v>0</v>
      </c>
      <c r="MD19" s="125">
        <v>0</v>
      </c>
      <c r="ME19" s="159">
        <v>0</v>
      </c>
      <c r="MF19" s="123">
        <v>0</v>
      </c>
      <c r="MG19" s="124">
        <v>0</v>
      </c>
      <c r="MH19" s="157"/>
      <c r="MI19" s="123">
        <v>3341483</v>
      </c>
      <c r="MJ19" s="123">
        <v>8302948</v>
      </c>
      <c r="MK19" s="123">
        <v>28011406</v>
      </c>
      <c r="ML19" s="123">
        <v>47348285</v>
      </c>
      <c r="MM19" s="123">
        <v>39654723</v>
      </c>
      <c r="MN19" s="124">
        <v>126658845</v>
      </c>
      <c r="MO19" s="160">
        <v>126658845</v>
      </c>
      <c r="MP19" s="159">
        <v>0</v>
      </c>
      <c r="MQ19" s="123">
        <v>0</v>
      </c>
      <c r="MR19" s="124">
        <v>0</v>
      </c>
      <c r="MS19" s="157"/>
      <c r="MT19" s="123">
        <v>653947</v>
      </c>
      <c r="MU19" s="123">
        <v>233848</v>
      </c>
      <c r="MV19" s="123">
        <v>17351469</v>
      </c>
      <c r="MW19" s="123">
        <v>39609959</v>
      </c>
      <c r="MX19" s="123">
        <v>31450111</v>
      </c>
      <c r="MY19" s="124">
        <v>89299334</v>
      </c>
      <c r="MZ19" s="160">
        <v>89299334</v>
      </c>
      <c r="NA19" s="159">
        <v>0</v>
      </c>
      <c r="NB19" s="123">
        <v>0</v>
      </c>
      <c r="NC19" s="124">
        <v>0</v>
      </c>
      <c r="ND19" s="157"/>
      <c r="NE19" s="123">
        <v>2687536</v>
      </c>
      <c r="NF19" s="123">
        <v>8069100</v>
      </c>
      <c r="NG19" s="123">
        <v>10659937</v>
      </c>
      <c r="NH19" s="123">
        <v>7738326</v>
      </c>
      <c r="NI19" s="123">
        <v>8204612</v>
      </c>
      <c r="NJ19" s="124">
        <v>37359511</v>
      </c>
      <c r="NK19" s="360">
        <v>37359511</v>
      </c>
      <c r="NL19" s="159">
        <v>0</v>
      </c>
      <c r="NM19" s="123">
        <v>0</v>
      </c>
      <c r="NN19" s="124">
        <v>0</v>
      </c>
      <c r="NO19" s="157"/>
      <c r="NP19" s="123">
        <v>0</v>
      </c>
      <c r="NQ19" s="123">
        <v>0</v>
      </c>
      <c r="NR19" s="123">
        <v>0</v>
      </c>
      <c r="NS19" s="123">
        <v>0</v>
      </c>
      <c r="NT19" s="123">
        <v>0</v>
      </c>
      <c r="NU19" s="124">
        <v>0</v>
      </c>
      <c r="NV19" s="125">
        <v>0</v>
      </c>
      <c r="NW19" s="159">
        <v>0</v>
      </c>
      <c r="NX19" s="123">
        <v>0</v>
      </c>
      <c r="NY19" s="124">
        <v>0</v>
      </c>
      <c r="NZ19" s="157"/>
      <c r="OA19" s="123">
        <v>0</v>
      </c>
      <c r="OB19" s="123">
        <v>0</v>
      </c>
      <c r="OC19" s="123">
        <v>0</v>
      </c>
      <c r="OD19" s="123">
        <v>0</v>
      </c>
      <c r="OE19" s="123">
        <v>0</v>
      </c>
      <c r="OF19" s="124">
        <v>0</v>
      </c>
      <c r="OG19" s="125">
        <v>0</v>
      </c>
      <c r="OH19" s="159">
        <v>3385434</v>
      </c>
      <c r="OI19" s="123">
        <v>7031445</v>
      </c>
      <c r="OJ19" s="158">
        <v>10416879</v>
      </c>
      <c r="OK19" s="122">
        <v>0</v>
      </c>
      <c r="OL19" s="123">
        <v>62808284</v>
      </c>
      <c r="OM19" s="123">
        <v>83507507</v>
      </c>
      <c r="ON19" s="123">
        <v>99914010</v>
      </c>
      <c r="OO19" s="123">
        <v>110428989</v>
      </c>
      <c r="OP19" s="123">
        <v>95826651</v>
      </c>
      <c r="OQ19" s="124">
        <v>452485441</v>
      </c>
      <c r="OR19" s="160">
        <v>462902320</v>
      </c>
    </row>
    <row r="20" spans="1:408" ht="18.75" customHeight="1" x14ac:dyDescent="0.2">
      <c r="A20" s="63" t="s">
        <v>15</v>
      </c>
      <c r="B20" s="113">
        <v>2251842</v>
      </c>
      <c r="C20" s="117">
        <v>4072698</v>
      </c>
      <c r="D20" s="116">
        <v>6324540</v>
      </c>
      <c r="E20" s="112">
        <v>0</v>
      </c>
      <c r="F20" s="117">
        <v>30061238</v>
      </c>
      <c r="G20" s="117">
        <v>42614542</v>
      </c>
      <c r="H20" s="117">
        <v>37992352</v>
      </c>
      <c r="I20" s="117">
        <v>30323195</v>
      </c>
      <c r="J20" s="117">
        <v>25884002</v>
      </c>
      <c r="K20" s="112">
        <v>166875329</v>
      </c>
      <c r="L20" s="119">
        <v>173199869</v>
      </c>
      <c r="M20" s="113">
        <v>279223</v>
      </c>
      <c r="N20" s="117">
        <v>550149</v>
      </c>
      <c r="O20" s="116">
        <v>829372</v>
      </c>
      <c r="P20" s="113">
        <v>0</v>
      </c>
      <c r="Q20" s="117">
        <v>6595676</v>
      </c>
      <c r="R20" s="117">
        <v>10407442</v>
      </c>
      <c r="S20" s="117">
        <v>8903656</v>
      </c>
      <c r="T20" s="117">
        <v>8398059</v>
      </c>
      <c r="U20" s="117">
        <v>13575052</v>
      </c>
      <c r="V20" s="116">
        <v>47879885</v>
      </c>
      <c r="W20" s="119">
        <v>48709257</v>
      </c>
      <c r="X20" s="113">
        <v>0</v>
      </c>
      <c r="Y20" s="117">
        <v>0</v>
      </c>
      <c r="Z20" s="116">
        <v>0</v>
      </c>
      <c r="AA20" s="113">
        <v>0</v>
      </c>
      <c r="AB20" s="117">
        <v>3644597</v>
      </c>
      <c r="AC20" s="117">
        <v>5988791</v>
      </c>
      <c r="AD20" s="117">
        <v>4661975</v>
      </c>
      <c r="AE20" s="117">
        <v>3777646</v>
      </c>
      <c r="AF20" s="117">
        <v>7747798</v>
      </c>
      <c r="AG20" s="116">
        <v>25820807</v>
      </c>
      <c r="AH20" s="119">
        <v>25820807</v>
      </c>
      <c r="AI20" s="113">
        <v>0</v>
      </c>
      <c r="AJ20" s="117">
        <v>0</v>
      </c>
      <c r="AK20" s="116">
        <v>0</v>
      </c>
      <c r="AL20" s="113">
        <v>0</v>
      </c>
      <c r="AM20" s="117">
        <v>80803</v>
      </c>
      <c r="AN20" s="117">
        <v>272265</v>
      </c>
      <c r="AO20" s="117">
        <v>559533</v>
      </c>
      <c r="AP20" s="117">
        <v>955381</v>
      </c>
      <c r="AQ20" s="117">
        <v>2412107</v>
      </c>
      <c r="AR20" s="116">
        <v>4280089</v>
      </c>
      <c r="AS20" s="119">
        <v>4280089</v>
      </c>
      <c r="AT20" s="113">
        <v>36012</v>
      </c>
      <c r="AU20" s="117">
        <v>380322</v>
      </c>
      <c r="AV20" s="116">
        <v>416334</v>
      </c>
      <c r="AW20" s="113">
        <v>0</v>
      </c>
      <c r="AX20" s="117">
        <v>1248034</v>
      </c>
      <c r="AY20" s="117">
        <v>2619260</v>
      </c>
      <c r="AZ20" s="117">
        <v>1873177</v>
      </c>
      <c r="BA20" s="117">
        <v>1962690</v>
      </c>
      <c r="BB20" s="117">
        <v>2280323</v>
      </c>
      <c r="BC20" s="116">
        <v>9983484</v>
      </c>
      <c r="BD20" s="119">
        <v>10399818</v>
      </c>
      <c r="BE20" s="113">
        <v>23279</v>
      </c>
      <c r="BF20" s="117">
        <v>24914</v>
      </c>
      <c r="BG20" s="115">
        <v>48193</v>
      </c>
      <c r="BH20" s="114">
        <v>0</v>
      </c>
      <c r="BI20" s="117">
        <v>128366</v>
      </c>
      <c r="BJ20" s="117">
        <v>288087</v>
      </c>
      <c r="BK20" s="117">
        <v>361923</v>
      </c>
      <c r="BL20" s="117">
        <v>131201</v>
      </c>
      <c r="BM20" s="117">
        <v>370803</v>
      </c>
      <c r="BN20" s="116">
        <v>1280380</v>
      </c>
      <c r="BO20" s="119">
        <v>1328573</v>
      </c>
      <c r="BP20" s="113">
        <v>219932</v>
      </c>
      <c r="BQ20" s="117">
        <v>144913</v>
      </c>
      <c r="BR20" s="116">
        <v>364845</v>
      </c>
      <c r="BS20" s="113">
        <v>0</v>
      </c>
      <c r="BT20" s="117">
        <v>1493876</v>
      </c>
      <c r="BU20" s="117">
        <v>1239039</v>
      </c>
      <c r="BV20" s="117">
        <v>1447048</v>
      </c>
      <c r="BW20" s="117">
        <v>1571141</v>
      </c>
      <c r="BX20" s="117">
        <v>764021</v>
      </c>
      <c r="BY20" s="116">
        <v>6515125</v>
      </c>
      <c r="BZ20" s="119">
        <v>6879970</v>
      </c>
      <c r="CA20" s="113">
        <v>0</v>
      </c>
      <c r="CB20" s="117">
        <v>247870</v>
      </c>
      <c r="CC20" s="116">
        <v>247870</v>
      </c>
      <c r="CD20" s="113">
        <v>0</v>
      </c>
      <c r="CE20" s="117">
        <v>6867252</v>
      </c>
      <c r="CF20" s="117">
        <v>12470463</v>
      </c>
      <c r="CG20" s="117">
        <v>7905390</v>
      </c>
      <c r="CH20" s="117">
        <v>2560522</v>
      </c>
      <c r="CI20" s="117">
        <v>1538340</v>
      </c>
      <c r="CJ20" s="116">
        <v>31341967</v>
      </c>
      <c r="CK20" s="119">
        <v>31589837</v>
      </c>
      <c r="CL20" s="113">
        <v>0</v>
      </c>
      <c r="CM20" s="117">
        <v>0</v>
      </c>
      <c r="CN20" s="116">
        <v>0</v>
      </c>
      <c r="CO20" s="114">
        <v>0</v>
      </c>
      <c r="CP20" s="117">
        <v>4878714</v>
      </c>
      <c r="CQ20" s="117">
        <v>9769301</v>
      </c>
      <c r="CR20" s="117">
        <v>6258080</v>
      </c>
      <c r="CS20" s="117">
        <v>1707822</v>
      </c>
      <c r="CT20" s="117">
        <v>1050292</v>
      </c>
      <c r="CU20" s="116">
        <v>23664209</v>
      </c>
      <c r="CV20" s="119">
        <v>23664209</v>
      </c>
      <c r="CW20" s="113">
        <v>0</v>
      </c>
      <c r="CX20" s="117">
        <v>247870</v>
      </c>
      <c r="CY20" s="116">
        <v>247870</v>
      </c>
      <c r="CZ20" s="113">
        <v>0</v>
      </c>
      <c r="DA20" s="117">
        <v>1988538</v>
      </c>
      <c r="DB20" s="117">
        <v>2701162</v>
      </c>
      <c r="DC20" s="117">
        <v>1647310</v>
      </c>
      <c r="DD20" s="117">
        <v>852700</v>
      </c>
      <c r="DE20" s="117">
        <v>488048</v>
      </c>
      <c r="DF20" s="116">
        <v>7677758</v>
      </c>
      <c r="DG20" s="119">
        <v>7925628</v>
      </c>
      <c r="DH20" s="113">
        <v>18400</v>
      </c>
      <c r="DI20" s="117">
        <v>97318</v>
      </c>
      <c r="DJ20" s="115">
        <v>115718</v>
      </c>
      <c r="DK20" s="114">
        <v>0</v>
      </c>
      <c r="DL20" s="117">
        <v>820073</v>
      </c>
      <c r="DM20" s="117">
        <v>2195089</v>
      </c>
      <c r="DN20" s="117">
        <v>7316401</v>
      </c>
      <c r="DO20" s="117">
        <v>4515031</v>
      </c>
      <c r="DP20" s="117">
        <v>3193804</v>
      </c>
      <c r="DQ20" s="116">
        <v>18040398</v>
      </c>
      <c r="DR20" s="119">
        <v>18156116</v>
      </c>
      <c r="DS20" s="113">
        <v>18400</v>
      </c>
      <c r="DT20" s="117">
        <v>55928</v>
      </c>
      <c r="DU20" s="116">
        <v>74328</v>
      </c>
      <c r="DV20" s="113">
        <v>0</v>
      </c>
      <c r="DW20" s="117">
        <v>820073</v>
      </c>
      <c r="DX20" s="117">
        <v>1972826</v>
      </c>
      <c r="DY20" s="117">
        <v>7016064</v>
      </c>
      <c r="DZ20" s="117">
        <v>4515031</v>
      </c>
      <c r="EA20" s="117">
        <v>3107429</v>
      </c>
      <c r="EB20" s="116">
        <v>17431423</v>
      </c>
      <c r="EC20" s="119">
        <v>17505751</v>
      </c>
      <c r="ED20" s="113">
        <v>0</v>
      </c>
      <c r="EE20" s="115">
        <v>41390</v>
      </c>
      <c r="EF20" s="116">
        <v>41390</v>
      </c>
      <c r="EG20" s="113">
        <v>0</v>
      </c>
      <c r="EH20" s="117">
        <v>0</v>
      </c>
      <c r="EI20" s="117">
        <v>222263</v>
      </c>
      <c r="EJ20" s="117">
        <v>300337</v>
      </c>
      <c r="EK20" s="117">
        <v>0</v>
      </c>
      <c r="EL20" s="117">
        <v>86375</v>
      </c>
      <c r="EM20" s="115">
        <v>608975</v>
      </c>
      <c r="EN20" s="119">
        <v>650365</v>
      </c>
      <c r="EO20" s="113">
        <v>0</v>
      </c>
      <c r="EP20" s="117">
        <v>0</v>
      </c>
      <c r="EQ20" s="115">
        <v>0</v>
      </c>
      <c r="ER20" s="114">
        <v>0</v>
      </c>
      <c r="ES20" s="117">
        <v>0</v>
      </c>
      <c r="ET20" s="117">
        <v>0</v>
      </c>
      <c r="EU20" s="117">
        <v>0</v>
      </c>
      <c r="EV20" s="117">
        <v>0</v>
      </c>
      <c r="EW20" s="117">
        <v>0</v>
      </c>
      <c r="EX20" s="116">
        <v>0</v>
      </c>
      <c r="EY20" s="119">
        <v>0</v>
      </c>
      <c r="EZ20" s="113">
        <v>0</v>
      </c>
      <c r="FA20" s="117">
        <v>0</v>
      </c>
      <c r="FB20" s="115">
        <v>0</v>
      </c>
      <c r="FC20" s="395">
        <v>0</v>
      </c>
      <c r="FD20" s="117">
        <v>0</v>
      </c>
      <c r="FE20" s="117">
        <v>0</v>
      </c>
      <c r="FF20" s="117">
        <v>0</v>
      </c>
      <c r="FG20" s="117">
        <v>0</v>
      </c>
      <c r="FH20" s="117">
        <v>0</v>
      </c>
      <c r="FI20" s="116">
        <v>0</v>
      </c>
      <c r="FJ20" s="119">
        <v>0</v>
      </c>
      <c r="FK20" s="113">
        <v>640258</v>
      </c>
      <c r="FL20" s="117">
        <v>907901</v>
      </c>
      <c r="FM20" s="116">
        <v>1548159</v>
      </c>
      <c r="FN20" s="113">
        <v>0</v>
      </c>
      <c r="FO20" s="117">
        <v>1638496</v>
      </c>
      <c r="FP20" s="117">
        <v>4715384</v>
      </c>
      <c r="FQ20" s="117">
        <v>2480962</v>
      </c>
      <c r="FR20" s="117">
        <v>2375972</v>
      </c>
      <c r="FS20" s="117">
        <v>1611574</v>
      </c>
      <c r="FT20" s="116">
        <v>12822388</v>
      </c>
      <c r="FU20" s="119">
        <v>14370547</v>
      </c>
      <c r="FV20" s="118">
        <v>305728</v>
      </c>
      <c r="FW20" s="117">
        <v>676957</v>
      </c>
      <c r="FX20" s="115">
        <v>982685</v>
      </c>
      <c r="FY20" s="114">
        <v>0</v>
      </c>
      <c r="FZ20" s="117">
        <v>1138258</v>
      </c>
      <c r="GA20" s="117">
        <v>4218716</v>
      </c>
      <c r="GB20" s="117">
        <v>2222376</v>
      </c>
      <c r="GC20" s="117">
        <v>2225468</v>
      </c>
      <c r="GD20" s="117">
        <v>1523374</v>
      </c>
      <c r="GE20" s="116">
        <v>11328192</v>
      </c>
      <c r="GF20" s="357">
        <v>12310877</v>
      </c>
      <c r="GG20" s="118">
        <v>0</v>
      </c>
      <c r="GH20" s="117">
        <v>65164</v>
      </c>
      <c r="GI20" s="115">
        <v>65164</v>
      </c>
      <c r="GJ20" s="114">
        <v>0</v>
      </c>
      <c r="GK20" s="117">
        <v>138438</v>
      </c>
      <c r="GL20" s="117">
        <v>237168</v>
      </c>
      <c r="GM20" s="117">
        <v>33900</v>
      </c>
      <c r="GN20" s="117">
        <v>43504</v>
      </c>
      <c r="GO20" s="117">
        <v>27000</v>
      </c>
      <c r="GP20" s="116">
        <v>480010</v>
      </c>
      <c r="GQ20" s="119">
        <v>545174</v>
      </c>
      <c r="GR20" s="113">
        <v>334530</v>
      </c>
      <c r="GS20" s="117">
        <v>165780</v>
      </c>
      <c r="GT20" s="116">
        <v>500310</v>
      </c>
      <c r="GU20" s="113">
        <v>0</v>
      </c>
      <c r="GV20" s="117">
        <v>361800</v>
      </c>
      <c r="GW20" s="117">
        <v>259500</v>
      </c>
      <c r="GX20" s="117">
        <v>224686</v>
      </c>
      <c r="GY20" s="117">
        <v>107000</v>
      </c>
      <c r="GZ20" s="117">
        <v>61200</v>
      </c>
      <c r="HA20" s="115">
        <v>1014186</v>
      </c>
      <c r="HB20" s="119">
        <v>1514496</v>
      </c>
      <c r="HC20" s="113">
        <v>1023366</v>
      </c>
      <c r="HD20" s="117">
        <v>1587621</v>
      </c>
      <c r="HE20" s="115">
        <v>2610987</v>
      </c>
      <c r="HF20" s="114">
        <v>0</v>
      </c>
      <c r="HG20" s="117">
        <v>8868051</v>
      </c>
      <c r="HH20" s="117">
        <v>6042522</v>
      </c>
      <c r="HI20" s="117">
        <v>7724238</v>
      </c>
      <c r="HJ20" s="117">
        <v>10024726</v>
      </c>
      <c r="HK20" s="117">
        <v>4477743</v>
      </c>
      <c r="HL20" s="116">
        <v>37137280</v>
      </c>
      <c r="HM20" s="112">
        <v>39748267</v>
      </c>
      <c r="HN20" s="118">
        <v>290595</v>
      </c>
      <c r="HO20" s="117">
        <v>681839</v>
      </c>
      <c r="HP20" s="116">
        <v>972434</v>
      </c>
      <c r="HQ20" s="113">
        <v>0</v>
      </c>
      <c r="HR20" s="117">
        <v>5271690</v>
      </c>
      <c r="HS20" s="117">
        <v>6783642</v>
      </c>
      <c r="HT20" s="117">
        <v>3661705</v>
      </c>
      <c r="HU20" s="117">
        <v>2448885</v>
      </c>
      <c r="HV20" s="117">
        <v>1487489</v>
      </c>
      <c r="HW20" s="115">
        <v>19653411</v>
      </c>
      <c r="HX20" s="119">
        <v>20625845</v>
      </c>
      <c r="HY20" s="166">
        <v>182580</v>
      </c>
      <c r="HZ20" s="152">
        <v>1373607</v>
      </c>
      <c r="IA20" s="166">
        <v>1556187</v>
      </c>
      <c r="IB20" s="151">
        <v>0</v>
      </c>
      <c r="IC20" s="152">
        <v>19661163</v>
      </c>
      <c r="ID20" s="153">
        <v>24107691</v>
      </c>
      <c r="IE20" s="154">
        <v>24103233</v>
      </c>
      <c r="IF20" s="152">
        <v>17894873</v>
      </c>
      <c r="IG20" s="154">
        <v>9280979</v>
      </c>
      <c r="IH20" s="155">
        <v>95047939</v>
      </c>
      <c r="II20" s="166">
        <v>96604126</v>
      </c>
      <c r="IJ20" s="259">
        <v>0</v>
      </c>
      <c r="IK20" s="266">
        <v>0</v>
      </c>
      <c r="IL20" s="267">
        <v>0</v>
      </c>
      <c r="IM20" s="157"/>
      <c r="IN20" s="123">
        <v>243113</v>
      </c>
      <c r="IO20" s="123">
        <v>323952</v>
      </c>
      <c r="IP20" s="123">
        <v>847065</v>
      </c>
      <c r="IQ20" s="123">
        <v>876755</v>
      </c>
      <c r="IR20" s="123">
        <v>601034</v>
      </c>
      <c r="IS20" s="158">
        <v>2891919</v>
      </c>
      <c r="IT20" s="360">
        <v>2891919</v>
      </c>
      <c r="IU20" s="159">
        <v>0</v>
      </c>
      <c r="IV20" s="123">
        <v>0</v>
      </c>
      <c r="IW20" s="124">
        <v>0</v>
      </c>
      <c r="IX20" s="157"/>
      <c r="IY20" s="123">
        <v>0</v>
      </c>
      <c r="IZ20" s="123">
        <v>0</v>
      </c>
      <c r="JA20" s="123">
        <v>0</v>
      </c>
      <c r="JB20" s="123">
        <v>0</v>
      </c>
      <c r="JC20" s="123">
        <v>0</v>
      </c>
      <c r="JD20" s="124">
        <v>0</v>
      </c>
      <c r="JE20" s="125">
        <v>0</v>
      </c>
      <c r="JF20" s="159">
        <v>0</v>
      </c>
      <c r="JG20" s="123">
        <v>0</v>
      </c>
      <c r="JH20" s="158">
        <v>0</v>
      </c>
      <c r="JI20" s="122">
        <v>0</v>
      </c>
      <c r="JJ20" s="123">
        <v>5899854</v>
      </c>
      <c r="JK20" s="123">
        <v>10845754</v>
      </c>
      <c r="JL20" s="123">
        <v>4653775</v>
      </c>
      <c r="JM20" s="123">
        <v>4037693</v>
      </c>
      <c r="JN20" s="123">
        <v>759668</v>
      </c>
      <c r="JO20" s="124">
        <v>26196744</v>
      </c>
      <c r="JP20" s="360">
        <v>26196744</v>
      </c>
      <c r="JQ20" s="159">
        <v>0</v>
      </c>
      <c r="JR20" s="123">
        <v>0</v>
      </c>
      <c r="JS20" s="158">
        <v>0</v>
      </c>
      <c r="JT20" s="122">
        <v>0</v>
      </c>
      <c r="JU20" s="123">
        <v>377899</v>
      </c>
      <c r="JV20" s="123">
        <v>334007</v>
      </c>
      <c r="JW20" s="123">
        <v>802793</v>
      </c>
      <c r="JX20" s="123">
        <v>605121</v>
      </c>
      <c r="JY20" s="123">
        <v>94354</v>
      </c>
      <c r="JZ20" s="124">
        <v>2214174</v>
      </c>
      <c r="KA20" s="360">
        <v>2214174</v>
      </c>
      <c r="KB20" s="262">
        <v>182580</v>
      </c>
      <c r="KC20" s="256">
        <v>1129824</v>
      </c>
      <c r="KD20" s="124">
        <v>1312404</v>
      </c>
      <c r="KE20" s="122">
        <v>0</v>
      </c>
      <c r="KF20" s="123">
        <v>2239452</v>
      </c>
      <c r="KG20" s="123">
        <v>4420127</v>
      </c>
      <c r="KH20" s="123">
        <v>3400740</v>
      </c>
      <c r="KI20" s="123">
        <v>2447656</v>
      </c>
      <c r="KJ20" s="123">
        <v>1696689</v>
      </c>
      <c r="KK20" s="124">
        <v>14204664</v>
      </c>
      <c r="KL20" s="160">
        <v>15517068</v>
      </c>
      <c r="KM20" s="259">
        <v>0</v>
      </c>
      <c r="KN20" s="266">
        <v>243783</v>
      </c>
      <c r="KO20" s="267">
        <v>243783</v>
      </c>
      <c r="KP20" s="157"/>
      <c r="KQ20" s="123">
        <v>10900845</v>
      </c>
      <c r="KR20" s="123">
        <v>8183851</v>
      </c>
      <c r="KS20" s="123">
        <v>11647392</v>
      </c>
      <c r="KT20" s="123">
        <v>6796322</v>
      </c>
      <c r="KU20" s="123">
        <v>4224204</v>
      </c>
      <c r="KV20" s="124">
        <v>41752614</v>
      </c>
      <c r="KW20" s="360">
        <v>41996397</v>
      </c>
      <c r="KX20" s="159">
        <v>0</v>
      </c>
      <c r="KY20" s="123">
        <v>0</v>
      </c>
      <c r="KZ20" s="124">
        <v>0</v>
      </c>
      <c r="LA20" s="157"/>
      <c r="LB20" s="123">
        <v>0</v>
      </c>
      <c r="LC20" s="123">
        <v>0</v>
      </c>
      <c r="LD20" s="123">
        <v>0</v>
      </c>
      <c r="LE20" s="123">
        <v>0</v>
      </c>
      <c r="LF20" s="123">
        <v>0</v>
      </c>
      <c r="LG20" s="124">
        <v>0</v>
      </c>
      <c r="LH20" s="125">
        <v>0</v>
      </c>
      <c r="LI20" s="159">
        <v>0</v>
      </c>
      <c r="LJ20" s="123">
        <v>0</v>
      </c>
      <c r="LK20" s="124">
        <v>0</v>
      </c>
      <c r="LL20" s="157"/>
      <c r="LM20" s="123">
        <v>0</v>
      </c>
      <c r="LN20" s="123">
        <v>0</v>
      </c>
      <c r="LO20" s="123">
        <v>2751468</v>
      </c>
      <c r="LP20" s="123">
        <v>3131326</v>
      </c>
      <c r="LQ20" s="123">
        <v>1905030</v>
      </c>
      <c r="LR20" s="124">
        <v>7787824</v>
      </c>
      <c r="LS20" s="360">
        <v>7787824</v>
      </c>
      <c r="LT20" s="159">
        <v>0</v>
      </c>
      <c r="LU20" s="123">
        <v>0</v>
      </c>
      <c r="LV20" s="124">
        <v>0</v>
      </c>
      <c r="LW20" s="157"/>
      <c r="LX20" s="123">
        <v>0</v>
      </c>
      <c r="LY20" s="123">
        <v>0</v>
      </c>
      <c r="LZ20" s="123">
        <v>0</v>
      </c>
      <c r="MA20" s="123">
        <v>0</v>
      </c>
      <c r="MB20" s="123">
        <v>0</v>
      </c>
      <c r="MC20" s="124">
        <v>0</v>
      </c>
      <c r="MD20" s="125">
        <v>0</v>
      </c>
      <c r="ME20" s="159">
        <v>0</v>
      </c>
      <c r="MF20" s="123">
        <v>0</v>
      </c>
      <c r="MG20" s="124">
        <v>0</v>
      </c>
      <c r="MH20" s="157"/>
      <c r="MI20" s="123">
        <v>7024734</v>
      </c>
      <c r="MJ20" s="123">
        <v>10325308</v>
      </c>
      <c r="MK20" s="123">
        <v>35186172</v>
      </c>
      <c r="ML20" s="123">
        <v>50631629</v>
      </c>
      <c r="MM20" s="123">
        <v>32183760</v>
      </c>
      <c r="MN20" s="124">
        <v>135351603</v>
      </c>
      <c r="MO20" s="160">
        <v>135351603</v>
      </c>
      <c r="MP20" s="159">
        <v>0</v>
      </c>
      <c r="MQ20" s="123">
        <v>0</v>
      </c>
      <c r="MR20" s="124">
        <v>0</v>
      </c>
      <c r="MS20" s="157"/>
      <c r="MT20" s="123">
        <v>0</v>
      </c>
      <c r="MU20" s="123">
        <v>425028</v>
      </c>
      <c r="MV20" s="123">
        <v>22039845</v>
      </c>
      <c r="MW20" s="123">
        <v>36035207</v>
      </c>
      <c r="MX20" s="123">
        <v>23057921</v>
      </c>
      <c r="MY20" s="124">
        <v>81558001</v>
      </c>
      <c r="MZ20" s="160">
        <v>81558001</v>
      </c>
      <c r="NA20" s="159">
        <v>0</v>
      </c>
      <c r="NB20" s="123">
        <v>0</v>
      </c>
      <c r="NC20" s="124">
        <v>0</v>
      </c>
      <c r="ND20" s="157"/>
      <c r="NE20" s="123">
        <v>7024734</v>
      </c>
      <c r="NF20" s="123">
        <v>9900280</v>
      </c>
      <c r="NG20" s="123">
        <v>13146327</v>
      </c>
      <c r="NH20" s="123">
        <v>14596422</v>
      </c>
      <c r="NI20" s="123">
        <v>8764705</v>
      </c>
      <c r="NJ20" s="124">
        <v>53432468</v>
      </c>
      <c r="NK20" s="360">
        <v>53432468</v>
      </c>
      <c r="NL20" s="159">
        <v>0</v>
      </c>
      <c r="NM20" s="123">
        <v>0</v>
      </c>
      <c r="NN20" s="124">
        <v>0</v>
      </c>
      <c r="NO20" s="157"/>
      <c r="NP20" s="123">
        <v>0</v>
      </c>
      <c r="NQ20" s="123">
        <v>0</v>
      </c>
      <c r="NR20" s="123">
        <v>0</v>
      </c>
      <c r="NS20" s="123">
        <v>0</v>
      </c>
      <c r="NT20" s="123">
        <v>361134</v>
      </c>
      <c r="NU20" s="124">
        <v>361134</v>
      </c>
      <c r="NV20" s="125">
        <v>361134</v>
      </c>
      <c r="NW20" s="159">
        <v>0</v>
      </c>
      <c r="NX20" s="123">
        <v>0</v>
      </c>
      <c r="NY20" s="124">
        <v>0</v>
      </c>
      <c r="NZ20" s="157"/>
      <c r="OA20" s="123">
        <v>0</v>
      </c>
      <c r="OB20" s="123">
        <v>0</v>
      </c>
      <c r="OC20" s="123">
        <v>0</v>
      </c>
      <c r="OD20" s="123">
        <v>0</v>
      </c>
      <c r="OE20" s="123">
        <v>0</v>
      </c>
      <c r="OF20" s="124">
        <v>0</v>
      </c>
      <c r="OG20" s="125">
        <v>0</v>
      </c>
      <c r="OH20" s="159">
        <v>2434422</v>
      </c>
      <c r="OI20" s="123">
        <v>5446305</v>
      </c>
      <c r="OJ20" s="158">
        <v>7880727</v>
      </c>
      <c r="OK20" s="122">
        <v>0</v>
      </c>
      <c r="OL20" s="123">
        <v>56747135</v>
      </c>
      <c r="OM20" s="123">
        <v>77047541</v>
      </c>
      <c r="ON20" s="123">
        <v>97281757</v>
      </c>
      <c r="OO20" s="123">
        <v>98849697</v>
      </c>
      <c r="OP20" s="123">
        <v>67348741</v>
      </c>
      <c r="OQ20" s="124">
        <v>397274871</v>
      </c>
      <c r="OR20" s="160">
        <v>405155598</v>
      </c>
    </row>
    <row r="21" spans="1:408" ht="18.75" customHeight="1" x14ac:dyDescent="0.2">
      <c r="A21" s="63" t="s">
        <v>16</v>
      </c>
      <c r="B21" s="113">
        <v>7061427</v>
      </c>
      <c r="C21" s="117">
        <v>11705437</v>
      </c>
      <c r="D21" s="116">
        <v>18766864</v>
      </c>
      <c r="E21" s="112">
        <v>0</v>
      </c>
      <c r="F21" s="117">
        <v>81457864</v>
      </c>
      <c r="G21" s="117">
        <v>135341232</v>
      </c>
      <c r="H21" s="117">
        <v>107382643</v>
      </c>
      <c r="I21" s="117">
        <v>93411602</v>
      </c>
      <c r="J21" s="117">
        <v>69071875</v>
      </c>
      <c r="K21" s="112">
        <v>486665216</v>
      </c>
      <c r="L21" s="119">
        <v>505432080</v>
      </c>
      <c r="M21" s="113">
        <v>1133302</v>
      </c>
      <c r="N21" s="117">
        <v>2188458</v>
      </c>
      <c r="O21" s="116">
        <v>3321760</v>
      </c>
      <c r="P21" s="113">
        <v>0</v>
      </c>
      <c r="Q21" s="117">
        <v>15053558</v>
      </c>
      <c r="R21" s="117">
        <v>30227098</v>
      </c>
      <c r="S21" s="117">
        <v>23633304</v>
      </c>
      <c r="T21" s="117">
        <v>27104863</v>
      </c>
      <c r="U21" s="117">
        <v>23923850</v>
      </c>
      <c r="V21" s="116">
        <v>119942673</v>
      </c>
      <c r="W21" s="119">
        <v>123264433</v>
      </c>
      <c r="X21" s="113">
        <v>0</v>
      </c>
      <c r="Y21" s="117">
        <v>0</v>
      </c>
      <c r="Z21" s="116">
        <v>0</v>
      </c>
      <c r="AA21" s="113">
        <v>0</v>
      </c>
      <c r="AB21" s="117">
        <v>6641116</v>
      </c>
      <c r="AC21" s="117">
        <v>13807553</v>
      </c>
      <c r="AD21" s="117">
        <v>11684414</v>
      </c>
      <c r="AE21" s="117">
        <v>13840552</v>
      </c>
      <c r="AF21" s="117">
        <v>12617240</v>
      </c>
      <c r="AG21" s="116">
        <v>58590875</v>
      </c>
      <c r="AH21" s="119">
        <v>58590875</v>
      </c>
      <c r="AI21" s="113">
        <v>0</v>
      </c>
      <c r="AJ21" s="117">
        <v>0</v>
      </c>
      <c r="AK21" s="116">
        <v>0</v>
      </c>
      <c r="AL21" s="113">
        <v>0</v>
      </c>
      <c r="AM21" s="117">
        <v>50715</v>
      </c>
      <c r="AN21" s="117">
        <v>424342</v>
      </c>
      <c r="AO21" s="117">
        <v>668451</v>
      </c>
      <c r="AP21" s="117">
        <v>1829763</v>
      </c>
      <c r="AQ21" s="117">
        <v>2537645</v>
      </c>
      <c r="AR21" s="116">
        <v>5510916</v>
      </c>
      <c r="AS21" s="119">
        <v>5510916</v>
      </c>
      <c r="AT21" s="113">
        <v>554012</v>
      </c>
      <c r="AU21" s="117">
        <v>1805665</v>
      </c>
      <c r="AV21" s="116">
        <v>2359677</v>
      </c>
      <c r="AW21" s="113">
        <v>0</v>
      </c>
      <c r="AX21" s="117">
        <v>5447515</v>
      </c>
      <c r="AY21" s="117">
        <v>11763739</v>
      </c>
      <c r="AZ21" s="117">
        <v>7705709</v>
      </c>
      <c r="BA21" s="117">
        <v>7461843</v>
      </c>
      <c r="BB21" s="117">
        <v>5827634</v>
      </c>
      <c r="BC21" s="116">
        <v>38206440</v>
      </c>
      <c r="BD21" s="119">
        <v>40566117</v>
      </c>
      <c r="BE21" s="113">
        <v>35662</v>
      </c>
      <c r="BF21" s="117">
        <v>193729</v>
      </c>
      <c r="BG21" s="115">
        <v>229391</v>
      </c>
      <c r="BH21" s="114">
        <v>0</v>
      </c>
      <c r="BI21" s="117">
        <v>163067</v>
      </c>
      <c r="BJ21" s="117">
        <v>628296</v>
      </c>
      <c r="BK21" s="117">
        <v>400650</v>
      </c>
      <c r="BL21" s="117">
        <v>448913</v>
      </c>
      <c r="BM21" s="117">
        <v>389619</v>
      </c>
      <c r="BN21" s="116">
        <v>2030545</v>
      </c>
      <c r="BO21" s="119">
        <v>2259936</v>
      </c>
      <c r="BP21" s="113">
        <v>543628</v>
      </c>
      <c r="BQ21" s="117">
        <v>189064</v>
      </c>
      <c r="BR21" s="116">
        <v>732692</v>
      </c>
      <c r="BS21" s="113">
        <v>0</v>
      </c>
      <c r="BT21" s="117">
        <v>2751145</v>
      </c>
      <c r="BU21" s="117">
        <v>3603168</v>
      </c>
      <c r="BV21" s="117">
        <v>3174080</v>
      </c>
      <c r="BW21" s="117">
        <v>3523792</v>
      </c>
      <c r="BX21" s="117">
        <v>2551712</v>
      </c>
      <c r="BY21" s="116">
        <v>15603897</v>
      </c>
      <c r="BZ21" s="119">
        <v>16336589</v>
      </c>
      <c r="CA21" s="113">
        <v>1210896</v>
      </c>
      <c r="CB21" s="117">
        <v>3879017</v>
      </c>
      <c r="CC21" s="116">
        <v>5089913</v>
      </c>
      <c r="CD21" s="113">
        <v>0</v>
      </c>
      <c r="CE21" s="117">
        <v>31382500</v>
      </c>
      <c r="CF21" s="117">
        <v>52853543</v>
      </c>
      <c r="CG21" s="117">
        <v>37596841</v>
      </c>
      <c r="CH21" s="117">
        <v>23133300</v>
      </c>
      <c r="CI21" s="117">
        <v>13327504</v>
      </c>
      <c r="CJ21" s="116">
        <v>158293688</v>
      </c>
      <c r="CK21" s="119">
        <v>163383601</v>
      </c>
      <c r="CL21" s="113">
        <v>0</v>
      </c>
      <c r="CM21" s="117">
        <v>0</v>
      </c>
      <c r="CN21" s="116">
        <v>0</v>
      </c>
      <c r="CO21" s="114">
        <v>0</v>
      </c>
      <c r="CP21" s="117">
        <v>21357064</v>
      </c>
      <c r="CQ21" s="117">
        <v>33468373</v>
      </c>
      <c r="CR21" s="117">
        <v>27237123</v>
      </c>
      <c r="CS21" s="117">
        <v>16338142</v>
      </c>
      <c r="CT21" s="117">
        <v>10936560</v>
      </c>
      <c r="CU21" s="116">
        <v>109337262</v>
      </c>
      <c r="CV21" s="119">
        <v>109337262</v>
      </c>
      <c r="CW21" s="113">
        <v>1210896</v>
      </c>
      <c r="CX21" s="117">
        <v>3879017</v>
      </c>
      <c r="CY21" s="116">
        <v>5089913</v>
      </c>
      <c r="CZ21" s="113">
        <v>0</v>
      </c>
      <c r="DA21" s="117">
        <v>10025436</v>
      </c>
      <c r="DB21" s="117">
        <v>19385170</v>
      </c>
      <c r="DC21" s="117">
        <v>10359718</v>
      </c>
      <c r="DD21" s="117">
        <v>6795158</v>
      </c>
      <c r="DE21" s="117">
        <v>2390944</v>
      </c>
      <c r="DF21" s="116">
        <v>48956426</v>
      </c>
      <c r="DG21" s="119">
        <v>54046339</v>
      </c>
      <c r="DH21" s="113">
        <v>62213</v>
      </c>
      <c r="DI21" s="117">
        <v>56411</v>
      </c>
      <c r="DJ21" s="115">
        <v>118624</v>
      </c>
      <c r="DK21" s="114">
        <v>0</v>
      </c>
      <c r="DL21" s="117">
        <v>2570369</v>
      </c>
      <c r="DM21" s="117">
        <v>5072096</v>
      </c>
      <c r="DN21" s="117">
        <v>9497413</v>
      </c>
      <c r="DO21" s="117">
        <v>4369683</v>
      </c>
      <c r="DP21" s="117">
        <v>4080581</v>
      </c>
      <c r="DQ21" s="116">
        <v>25590142</v>
      </c>
      <c r="DR21" s="119">
        <v>25708766</v>
      </c>
      <c r="DS21" s="113">
        <v>62213</v>
      </c>
      <c r="DT21" s="117">
        <v>56411</v>
      </c>
      <c r="DU21" s="116">
        <v>118624</v>
      </c>
      <c r="DV21" s="113">
        <v>0</v>
      </c>
      <c r="DW21" s="117">
        <v>2253764</v>
      </c>
      <c r="DX21" s="117">
        <v>4770502</v>
      </c>
      <c r="DY21" s="117">
        <v>8875376</v>
      </c>
      <c r="DZ21" s="117">
        <v>3790848</v>
      </c>
      <c r="EA21" s="117">
        <v>3834996</v>
      </c>
      <c r="EB21" s="116">
        <v>23525486</v>
      </c>
      <c r="EC21" s="119">
        <v>23644110</v>
      </c>
      <c r="ED21" s="113">
        <v>0</v>
      </c>
      <c r="EE21" s="115">
        <v>0</v>
      </c>
      <c r="EF21" s="116">
        <v>0</v>
      </c>
      <c r="EG21" s="113">
        <v>0</v>
      </c>
      <c r="EH21" s="117">
        <v>316605</v>
      </c>
      <c r="EI21" s="117">
        <v>301594</v>
      </c>
      <c r="EJ21" s="117">
        <v>622037</v>
      </c>
      <c r="EK21" s="117">
        <v>578835</v>
      </c>
      <c r="EL21" s="117">
        <v>245585</v>
      </c>
      <c r="EM21" s="115">
        <v>2064656</v>
      </c>
      <c r="EN21" s="119">
        <v>2064656</v>
      </c>
      <c r="EO21" s="113">
        <v>0</v>
      </c>
      <c r="EP21" s="117">
        <v>0</v>
      </c>
      <c r="EQ21" s="115">
        <v>0</v>
      </c>
      <c r="ER21" s="114">
        <v>0</v>
      </c>
      <c r="ES21" s="117">
        <v>0</v>
      </c>
      <c r="ET21" s="117">
        <v>0</v>
      </c>
      <c r="EU21" s="117">
        <v>0</v>
      </c>
      <c r="EV21" s="117">
        <v>0</v>
      </c>
      <c r="EW21" s="117">
        <v>0</v>
      </c>
      <c r="EX21" s="116">
        <v>0</v>
      </c>
      <c r="EY21" s="119">
        <v>0</v>
      </c>
      <c r="EZ21" s="113">
        <v>0</v>
      </c>
      <c r="FA21" s="117">
        <v>0</v>
      </c>
      <c r="FB21" s="115">
        <v>0</v>
      </c>
      <c r="FC21" s="395">
        <v>0</v>
      </c>
      <c r="FD21" s="117">
        <v>0</v>
      </c>
      <c r="FE21" s="117">
        <v>0</v>
      </c>
      <c r="FF21" s="117">
        <v>0</v>
      </c>
      <c r="FG21" s="117">
        <v>0</v>
      </c>
      <c r="FH21" s="117">
        <v>0</v>
      </c>
      <c r="FI21" s="116">
        <v>0</v>
      </c>
      <c r="FJ21" s="119">
        <v>0</v>
      </c>
      <c r="FK21" s="113">
        <v>1642510</v>
      </c>
      <c r="FL21" s="117">
        <v>2697349</v>
      </c>
      <c r="FM21" s="116">
        <v>4339859</v>
      </c>
      <c r="FN21" s="113">
        <v>0</v>
      </c>
      <c r="FO21" s="117">
        <v>4013411</v>
      </c>
      <c r="FP21" s="117">
        <v>12037643</v>
      </c>
      <c r="FQ21" s="117">
        <v>8364310</v>
      </c>
      <c r="FR21" s="117">
        <v>7463657</v>
      </c>
      <c r="FS21" s="117">
        <v>5389183</v>
      </c>
      <c r="FT21" s="116">
        <v>37268204</v>
      </c>
      <c r="FU21" s="119">
        <v>41608063</v>
      </c>
      <c r="FV21" s="118">
        <v>831785</v>
      </c>
      <c r="FW21" s="117">
        <v>1882377</v>
      </c>
      <c r="FX21" s="115">
        <v>2714162</v>
      </c>
      <c r="FY21" s="114">
        <v>0</v>
      </c>
      <c r="FZ21" s="117">
        <v>2936032</v>
      </c>
      <c r="GA21" s="117">
        <v>11080567</v>
      </c>
      <c r="GB21" s="117">
        <v>7608373</v>
      </c>
      <c r="GC21" s="117">
        <v>6833795</v>
      </c>
      <c r="GD21" s="117">
        <v>4826179</v>
      </c>
      <c r="GE21" s="116">
        <v>33284946</v>
      </c>
      <c r="GF21" s="357">
        <v>35999108</v>
      </c>
      <c r="GG21" s="118">
        <v>118725</v>
      </c>
      <c r="GH21" s="117">
        <v>126060</v>
      </c>
      <c r="GI21" s="115">
        <v>244785</v>
      </c>
      <c r="GJ21" s="114">
        <v>0</v>
      </c>
      <c r="GK21" s="117">
        <v>289302</v>
      </c>
      <c r="GL21" s="117">
        <v>375486</v>
      </c>
      <c r="GM21" s="117">
        <v>272637</v>
      </c>
      <c r="GN21" s="117">
        <v>176387</v>
      </c>
      <c r="GO21" s="117">
        <v>152964</v>
      </c>
      <c r="GP21" s="116">
        <v>1266776</v>
      </c>
      <c r="GQ21" s="119">
        <v>1511561</v>
      </c>
      <c r="GR21" s="113">
        <v>692000</v>
      </c>
      <c r="GS21" s="117">
        <v>688912</v>
      </c>
      <c r="GT21" s="116">
        <v>1380912</v>
      </c>
      <c r="GU21" s="113">
        <v>0</v>
      </c>
      <c r="GV21" s="117">
        <v>788077</v>
      </c>
      <c r="GW21" s="117">
        <v>581590</v>
      </c>
      <c r="GX21" s="117">
        <v>483300</v>
      </c>
      <c r="GY21" s="117">
        <v>453475</v>
      </c>
      <c r="GZ21" s="117">
        <v>410040</v>
      </c>
      <c r="HA21" s="115">
        <v>2716482</v>
      </c>
      <c r="HB21" s="119">
        <v>4097394</v>
      </c>
      <c r="HC21" s="113">
        <v>1986973</v>
      </c>
      <c r="HD21" s="117">
        <v>1167170</v>
      </c>
      <c r="HE21" s="115">
        <v>3154143</v>
      </c>
      <c r="HF21" s="114">
        <v>0</v>
      </c>
      <c r="HG21" s="117">
        <v>15919965</v>
      </c>
      <c r="HH21" s="117">
        <v>18895868</v>
      </c>
      <c r="HI21" s="117">
        <v>18082536</v>
      </c>
      <c r="HJ21" s="117">
        <v>25025192</v>
      </c>
      <c r="HK21" s="117">
        <v>18484035</v>
      </c>
      <c r="HL21" s="116">
        <v>96407596</v>
      </c>
      <c r="HM21" s="112">
        <v>99561739</v>
      </c>
      <c r="HN21" s="118">
        <v>1025533</v>
      </c>
      <c r="HO21" s="117">
        <v>1717032</v>
      </c>
      <c r="HP21" s="116">
        <v>2742565</v>
      </c>
      <c r="HQ21" s="113">
        <v>0</v>
      </c>
      <c r="HR21" s="117">
        <v>12518061</v>
      </c>
      <c r="HS21" s="117">
        <v>16254984</v>
      </c>
      <c r="HT21" s="117">
        <v>10208239</v>
      </c>
      <c r="HU21" s="117">
        <v>6314907</v>
      </c>
      <c r="HV21" s="117">
        <v>3866722</v>
      </c>
      <c r="HW21" s="115">
        <v>49162913</v>
      </c>
      <c r="HX21" s="119">
        <v>51905478</v>
      </c>
      <c r="HY21" s="148">
        <v>45963</v>
      </c>
      <c r="HZ21" s="149">
        <v>85011</v>
      </c>
      <c r="IA21" s="150">
        <v>130974</v>
      </c>
      <c r="IB21" s="162">
        <v>0</v>
      </c>
      <c r="IC21" s="149">
        <v>15895639</v>
      </c>
      <c r="ID21" s="163">
        <v>34000175</v>
      </c>
      <c r="IE21" s="150">
        <v>33573547</v>
      </c>
      <c r="IF21" s="149">
        <v>24100656</v>
      </c>
      <c r="IG21" s="150">
        <v>19904158</v>
      </c>
      <c r="IH21" s="164">
        <v>127474175</v>
      </c>
      <c r="II21" s="156">
        <v>127605149</v>
      </c>
      <c r="IJ21" s="259">
        <v>0</v>
      </c>
      <c r="IK21" s="266">
        <v>0</v>
      </c>
      <c r="IL21" s="267">
        <v>0</v>
      </c>
      <c r="IM21" s="157"/>
      <c r="IN21" s="123">
        <v>808175</v>
      </c>
      <c r="IO21" s="123">
        <v>1371686</v>
      </c>
      <c r="IP21" s="123">
        <v>1545007</v>
      </c>
      <c r="IQ21" s="123">
        <v>1839637</v>
      </c>
      <c r="IR21" s="123">
        <v>1158484</v>
      </c>
      <c r="IS21" s="158">
        <v>6722989</v>
      </c>
      <c r="IT21" s="360">
        <v>6722989</v>
      </c>
      <c r="IU21" s="159">
        <v>0</v>
      </c>
      <c r="IV21" s="123">
        <v>0</v>
      </c>
      <c r="IW21" s="124">
        <v>0</v>
      </c>
      <c r="IX21" s="157"/>
      <c r="IY21" s="123">
        <v>36170</v>
      </c>
      <c r="IZ21" s="123">
        <v>31077</v>
      </c>
      <c r="JA21" s="123">
        <v>50222</v>
      </c>
      <c r="JB21" s="123">
        <v>52664</v>
      </c>
      <c r="JC21" s="123">
        <v>0</v>
      </c>
      <c r="JD21" s="124">
        <v>170133</v>
      </c>
      <c r="JE21" s="125">
        <v>170133</v>
      </c>
      <c r="JF21" s="159">
        <v>0</v>
      </c>
      <c r="JG21" s="123">
        <v>0</v>
      </c>
      <c r="JH21" s="158">
        <v>0</v>
      </c>
      <c r="JI21" s="122">
        <v>0</v>
      </c>
      <c r="JJ21" s="123">
        <v>8182580</v>
      </c>
      <c r="JK21" s="123">
        <v>12022511</v>
      </c>
      <c r="JL21" s="123">
        <v>9023512</v>
      </c>
      <c r="JM21" s="123">
        <v>6141460</v>
      </c>
      <c r="JN21" s="123">
        <v>2880752</v>
      </c>
      <c r="JO21" s="124">
        <v>38250815</v>
      </c>
      <c r="JP21" s="360">
        <v>38250815</v>
      </c>
      <c r="JQ21" s="159">
        <v>0</v>
      </c>
      <c r="JR21" s="123">
        <v>0</v>
      </c>
      <c r="JS21" s="158">
        <v>0</v>
      </c>
      <c r="JT21" s="122">
        <v>0</v>
      </c>
      <c r="JU21" s="123">
        <v>521850</v>
      </c>
      <c r="JV21" s="123">
        <v>1334013</v>
      </c>
      <c r="JW21" s="123">
        <v>941773</v>
      </c>
      <c r="JX21" s="123">
        <v>518732</v>
      </c>
      <c r="JY21" s="123">
        <v>695412</v>
      </c>
      <c r="JZ21" s="124">
        <v>4011780</v>
      </c>
      <c r="KA21" s="360">
        <v>4011780</v>
      </c>
      <c r="KB21" s="262">
        <v>45963</v>
      </c>
      <c r="KC21" s="256">
        <v>85011</v>
      </c>
      <c r="KD21" s="124">
        <v>130974</v>
      </c>
      <c r="KE21" s="122">
        <v>0</v>
      </c>
      <c r="KF21" s="123">
        <v>1054888</v>
      </c>
      <c r="KG21" s="123">
        <v>3942480</v>
      </c>
      <c r="KH21" s="123">
        <v>3082811</v>
      </c>
      <c r="KI21" s="123">
        <v>2666053</v>
      </c>
      <c r="KJ21" s="123">
        <v>3954123</v>
      </c>
      <c r="KK21" s="124">
        <v>14700355</v>
      </c>
      <c r="KL21" s="160">
        <v>14831329</v>
      </c>
      <c r="KM21" s="259">
        <v>0</v>
      </c>
      <c r="KN21" s="266">
        <v>0</v>
      </c>
      <c r="KO21" s="267">
        <v>0</v>
      </c>
      <c r="KP21" s="157"/>
      <c r="KQ21" s="123">
        <v>4914894</v>
      </c>
      <c r="KR21" s="123">
        <v>13901595</v>
      </c>
      <c r="KS21" s="123">
        <v>14947115</v>
      </c>
      <c r="KT21" s="123">
        <v>10022937</v>
      </c>
      <c r="KU21" s="123">
        <v>6395647</v>
      </c>
      <c r="KV21" s="124">
        <v>50182188</v>
      </c>
      <c r="KW21" s="360">
        <v>50182188</v>
      </c>
      <c r="KX21" s="159">
        <v>0</v>
      </c>
      <c r="KY21" s="123">
        <v>0</v>
      </c>
      <c r="KZ21" s="124">
        <v>0</v>
      </c>
      <c r="LA21" s="157"/>
      <c r="LB21" s="123">
        <v>0</v>
      </c>
      <c r="LC21" s="123">
        <v>0</v>
      </c>
      <c r="LD21" s="123">
        <v>0</v>
      </c>
      <c r="LE21" s="123">
        <v>0</v>
      </c>
      <c r="LF21" s="123">
        <v>0</v>
      </c>
      <c r="LG21" s="124">
        <v>0</v>
      </c>
      <c r="LH21" s="125">
        <v>0</v>
      </c>
      <c r="LI21" s="159">
        <v>0</v>
      </c>
      <c r="LJ21" s="123">
        <v>0</v>
      </c>
      <c r="LK21" s="124">
        <v>0</v>
      </c>
      <c r="LL21" s="157"/>
      <c r="LM21" s="123">
        <v>233505</v>
      </c>
      <c r="LN21" s="123">
        <v>244532</v>
      </c>
      <c r="LO21" s="123">
        <v>2192660</v>
      </c>
      <c r="LP21" s="123">
        <v>2336032</v>
      </c>
      <c r="LQ21" s="123">
        <v>3482352</v>
      </c>
      <c r="LR21" s="124">
        <v>8489081</v>
      </c>
      <c r="LS21" s="360">
        <v>8489081</v>
      </c>
      <c r="LT21" s="159">
        <v>0</v>
      </c>
      <c r="LU21" s="123">
        <v>0</v>
      </c>
      <c r="LV21" s="124">
        <v>0</v>
      </c>
      <c r="LW21" s="157"/>
      <c r="LX21" s="123">
        <v>143577</v>
      </c>
      <c r="LY21" s="123">
        <v>1152281</v>
      </c>
      <c r="LZ21" s="123">
        <v>1790447</v>
      </c>
      <c r="MA21" s="123">
        <v>523141</v>
      </c>
      <c r="MB21" s="123">
        <v>1337388</v>
      </c>
      <c r="MC21" s="124">
        <v>4946834</v>
      </c>
      <c r="MD21" s="125">
        <v>4946834</v>
      </c>
      <c r="ME21" s="159">
        <v>0</v>
      </c>
      <c r="MF21" s="123">
        <v>0</v>
      </c>
      <c r="MG21" s="124">
        <v>0</v>
      </c>
      <c r="MH21" s="157"/>
      <c r="MI21" s="123">
        <v>20075756</v>
      </c>
      <c r="MJ21" s="123">
        <v>32838600</v>
      </c>
      <c r="MK21" s="123">
        <v>92311999</v>
      </c>
      <c r="ML21" s="123">
        <v>125297564</v>
      </c>
      <c r="MM21" s="123">
        <v>80146903</v>
      </c>
      <c r="MN21" s="124">
        <v>350670822</v>
      </c>
      <c r="MO21" s="160">
        <v>350670822</v>
      </c>
      <c r="MP21" s="159">
        <v>0</v>
      </c>
      <c r="MQ21" s="123">
        <v>0</v>
      </c>
      <c r="MR21" s="124">
        <v>0</v>
      </c>
      <c r="MS21" s="157"/>
      <c r="MT21" s="123">
        <v>2805082</v>
      </c>
      <c r="MU21" s="123">
        <v>6625214</v>
      </c>
      <c r="MV21" s="123">
        <v>50127345</v>
      </c>
      <c r="MW21" s="123">
        <v>77403307</v>
      </c>
      <c r="MX21" s="123">
        <v>56591274</v>
      </c>
      <c r="MY21" s="124">
        <v>193552222</v>
      </c>
      <c r="MZ21" s="160">
        <v>193552222</v>
      </c>
      <c r="NA21" s="159">
        <v>0</v>
      </c>
      <c r="NB21" s="123">
        <v>0</v>
      </c>
      <c r="NC21" s="124">
        <v>0</v>
      </c>
      <c r="ND21" s="157"/>
      <c r="NE21" s="123">
        <v>17270674</v>
      </c>
      <c r="NF21" s="123">
        <v>26213386</v>
      </c>
      <c r="NG21" s="123">
        <v>39842092</v>
      </c>
      <c r="NH21" s="123">
        <v>43042715</v>
      </c>
      <c r="NI21" s="123">
        <v>18610461</v>
      </c>
      <c r="NJ21" s="124">
        <v>144979328</v>
      </c>
      <c r="NK21" s="360">
        <v>144979328</v>
      </c>
      <c r="NL21" s="159">
        <v>0</v>
      </c>
      <c r="NM21" s="123">
        <v>0</v>
      </c>
      <c r="NN21" s="124">
        <v>0</v>
      </c>
      <c r="NO21" s="157"/>
      <c r="NP21" s="123">
        <v>0</v>
      </c>
      <c r="NQ21" s="123">
        <v>0</v>
      </c>
      <c r="NR21" s="123">
        <v>0</v>
      </c>
      <c r="NS21" s="123">
        <v>674444</v>
      </c>
      <c r="NT21" s="123">
        <v>1055145</v>
      </c>
      <c r="NU21" s="124">
        <v>1729589</v>
      </c>
      <c r="NV21" s="125">
        <v>1729589</v>
      </c>
      <c r="NW21" s="159">
        <v>0</v>
      </c>
      <c r="NX21" s="123">
        <v>0</v>
      </c>
      <c r="NY21" s="124">
        <v>0</v>
      </c>
      <c r="NZ21" s="157"/>
      <c r="OA21" s="123">
        <v>0</v>
      </c>
      <c r="OB21" s="123">
        <v>0</v>
      </c>
      <c r="OC21" s="123">
        <v>2342562</v>
      </c>
      <c r="OD21" s="123">
        <v>4177098</v>
      </c>
      <c r="OE21" s="123">
        <v>3890023</v>
      </c>
      <c r="OF21" s="124">
        <v>10409683</v>
      </c>
      <c r="OG21" s="125">
        <v>10409683</v>
      </c>
      <c r="OH21" s="159">
        <v>7107390</v>
      </c>
      <c r="OI21" s="123">
        <v>11790448</v>
      </c>
      <c r="OJ21" s="158">
        <v>18897838</v>
      </c>
      <c r="OK21" s="122">
        <v>0</v>
      </c>
      <c r="OL21" s="123">
        <v>117429259</v>
      </c>
      <c r="OM21" s="123">
        <v>202180007</v>
      </c>
      <c r="ON21" s="123">
        <v>233268189</v>
      </c>
      <c r="OO21" s="123">
        <v>242809822</v>
      </c>
      <c r="OP21" s="123">
        <v>169122936</v>
      </c>
      <c r="OQ21" s="124">
        <v>964810213</v>
      </c>
      <c r="OR21" s="160">
        <v>983708051</v>
      </c>
    </row>
    <row r="22" spans="1:408" ht="18.75" customHeight="1" x14ac:dyDescent="0.2">
      <c r="A22" s="63" t="s">
        <v>17</v>
      </c>
      <c r="B22" s="113">
        <v>5912920</v>
      </c>
      <c r="C22" s="117">
        <v>15536634</v>
      </c>
      <c r="D22" s="116">
        <v>21449554</v>
      </c>
      <c r="E22" s="112">
        <v>0</v>
      </c>
      <c r="F22" s="117">
        <v>80343286</v>
      </c>
      <c r="G22" s="117">
        <v>153931766</v>
      </c>
      <c r="H22" s="117">
        <v>132300345</v>
      </c>
      <c r="I22" s="117">
        <v>119467353</v>
      </c>
      <c r="J22" s="117">
        <v>92994510</v>
      </c>
      <c r="K22" s="112">
        <v>579037260</v>
      </c>
      <c r="L22" s="119">
        <v>600486814</v>
      </c>
      <c r="M22" s="113">
        <v>1145944</v>
      </c>
      <c r="N22" s="117">
        <v>3125878</v>
      </c>
      <c r="O22" s="116">
        <v>4271822</v>
      </c>
      <c r="P22" s="113">
        <v>0</v>
      </c>
      <c r="Q22" s="117">
        <v>17275677</v>
      </c>
      <c r="R22" s="117">
        <v>40917986</v>
      </c>
      <c r="S22" s="117">
        <v>36499702</v>
      </c>
      <c r="T22" s="117">
        <v>39896811</v>
      </c>
      <c r="U22" s="117">
        <v>46919625</v>
      </c>
      <c r="V22" s="116">
        <v>181509801</v>
      </c>
      <c r="W22" s="119">
        <v>185781623</v>
      </c>
      <c r="X22" s="113">
        <v>0</v>
      </c>
      <c r="Y22" s="117">
        <v>0</v>
      </c>
      <c r="Z22" s="116">
        <v>0</v>
      </c>
      <c r="AA22" s="113">
        <v>0</v>
      </c>
      <c r="AB22" s="117">
        <v>7867278</v>
      </c>
      <c r="AC22" s="117">
        <v>21567831</v>
      </c>
      <c r="AD22" s="117">
        <v>22236250</v>
      </c>
      <c r="AE22" s="117">
        <v>24559636</v>
      </c>
      <c r="AF22" s="117">
        <v>28803702</v>
      </c>
      <c r="AG22" s="116">
        <v>105034697</v>
      </c>
      <c r="AH22" s="119">
        <v>105034697</v>
      </c>
      <c r="AI22" s="113">
        <v>0</v>
      </c>
      <c r="AJ22" s="117">
        <v>71344</v>
      </c>
      <c r="AK22" s="116">
        <v>71344</v>
      </c>
      <c r="AL22" s="113">
        <v>0</v>
      </c>
      <c r="AM22" s="117">
        <v>26009</v>
      </c>
      <c r="AN22" s="117">
        <v>768152</v>
      </c>
      <c r="AO22" s="117">
        <v>1262471</v>
      </c>
      <c r="AP22" s="117">
        <v>2217480</v>
      </c>
      <c r="AQ22" s="117">
        <v>5045861</v>
      </c>
      <c r="AR22" s="116">
        <v>9319973</v>
      </c>
      <c r="AS22" s="119">
        <v>9391317</v>
      </c>
      <c r="AT22" s="113">
        <v>711970</v>
      </c>
      <c r="AU22" s="117">
        <v>2347721</v>
      </c>
      <c r="AV22" s="116">
        <v>3059691</v>
      </c>
      <c r="AW22" s="113">
        <v>0</v>
      </c>
      <c r="AX22" s="117">
        <v>5509966</v>
      </c>
      <c r="AY22" s="117">
        <v>11935149</v>
      </c>
      <c r="AZ22" s="117">
        <v>7496090</v>
      </c>
      <c r="BA22" s="117">
        <v>7902485</v>
      </c>
      <c r="BB22" s="117">
        <v>8830049</v>
      </c>
      <c r="BC22" s="116">
        <v>41673739</v>
      </c>
      <c r="BD22" s="119">
        <v>44733430</v>
      </c>
      <c r="BE22" s="113">
        <v>43782</v>
      </c>
      <c r="BF22" s="117">
        <v>94655</v>
      </c>
      <c r="BG22" s="115">
        <v>138437</v>
      </c>
      <c r="BH22" s="114">
        <v>0</v>
      </c>
      <c r="BI22" s="117">
        <v>131751</v>
      </c>
      <c r="BJ22" s="117">
        <v>1057169</v>
      </c>
      <c r="BK22" s="117">
        <v>674544</v>
      </c>
      <c r="BL22" s="117">
        <v>335652</v>
      </c>
      <c r="BM22" s="117">
        <v>386244</v>
      </c>
      <c r="BN22" s="116">
        <v>2585360</v>
      </c>
      <c r="BO22" s="119">
        <v>2723797</v>
      </c>
      <c r="BP22" s="113">
        <v>390192</v>
      </c>
      <c r="BQ22" s="117">
        <v>612158</v>
      </c>
      <c r="BR22" s="116">
        <v>1002350</v>
      </c>
      <c r="BS22" s="113">
        <v>0</v>
      </c>
      <c r="BT22" s="117">
        <v>3740673</v>
      </c>
      <c r="BU22" s="117">
        <v>5589685</v>
      </c>
      <c r="BV22" s="117">
        <v>4830347</v>
      </c>
      <c r="BW22" s="117">
        <v>4881558</v>
      </c>
      <c r="BX22" s="117">
        <v>3853769</v>
      </c>
      <c r="BY22" s="116">
        <v>22896032</v>
      </c>
      <c r="BZ22" s="119">
        <v>23898382</v>
      </c>
      <c r="CA22" s="113">
        <v>423480</v>
      </c>
      <c r="CB22" s="117">
        <v>2394891</v>
      </c>
      <c r="CC22" s="116">
        <v>2818371</v>
      </c>
      <c r="CD22" s="113">
        <v>0</v>
      </c>
      <c r="CE22" s="117">
        <v>27659874</v>
      </c>
      <c r="CF22" s="117">
        <v>54688368</v>
      </c>
      <c r="CG22" s="117">
        <v>40063872</v>
      </c>
      <c r="CH22" s="117">
        <v>26475717</v>
      </c>
      <c r="CI22" s="117">
        <v>13271164</v>
      </c>
      <c r="CJ22" s="116">
        <v>162158995</v>
      </c>
      <c r="CK22" s="119">
        <v>164977366</v>
      </c>
      <c r="CL22" s="113">
        <v>0</v>
      </c>
      <c r="CM22" s="117">
        <v>0</v>
      </c>
      <c r="CN22" s="116">
        <v>0</v>
      </c>
      <c r="CO22" s="114">
        <v>0</v>
      </c>
      <c r="CP22" s="117">
        <v>23345182</v>
      </c>
      <c r="CQ22" s="117">
        <v>43315595</v>
      </c>
      <c r="CR22" s="117">
        <v>33481822</v>
      </c>
      <c r="CS22" s="117">
        <v>21753002</v>
      </c>
      <c r="CT22" s="117">
        <v>11395610</v>
      </c>
      <c r="CU22" s="116">
        <v>133291211</v>
      </c>
      <c r="CV22" s="119">
        <v>133291211</v>
      </c>
      <c r="CW22" s="113">
        <v>423480</v>
      </c>
      <c r="CX22" s="117">
        <v>2394891</v>
      </c>
      <c r="CY22" s="116">
        <v>2818371</v>
      </c>
      <c r="CZ22" s="113">
        <v>0</v>
      </c>
      <c r="DA22" s="117">
        <v>4314692</v>
      </c>
      <c r="DB22" s="117">
        <v>11372773</v>
      </c>
      <c r="DC22" s="117">
        <v>6582050</v>
      </c>
      <c r="DD22" s="117">
        <v>4722715</v>
      </c>
      <c r="DE22" s="117">
        <v>1875554</v>
      </c>
      <c r="DF22" s="116">
        <v>28867784</v>
      </c>
      <c r="DG22" s="119">
        <v>31686155</v>
      </c>
      <c r="DH22" s="113">
        <v>50549</v>
      </c>
      <c r="DI22" s="117">
        <v>99886</v>
      </c>
      <c r="DJ22" s="115">
        <v>150435</v>
      </c>
      <c r="DK22" s="114">
        <v>0</v>
      </c>
      <c r="DL22" s="117">
        <v>2700008</v>
      </c>
      <c r="DM22" s="117">
        <v>7057163</v>
      </c>
      <c r="DN22" s="117">
        <v>14992374</v>
      </c>
      <c r="DO22" s="117">
        <v>14403805</v>
      </c>
      <c r="DP22" s="117">
        <v>7000338</v>
      </c>
      <c r="DQ22" s="116">
        <v>46153688</v>
      </c>
      <c r="DR22" s="119">
        <v>46304123</v>
      </c>
      <c r="DS22" s="113">
        <v>50549</v>
      </c>
      <c r="DT22" s="117">
        <v>99886</v>
      </c>
      <c r="DU22" s="116">
        <v>150435</v>
      </c>
      <c r="DV22" s="113">
        <v>0</v>
      </c>
      <c r="DW22" s="117">
        <v>2352670</v>
      </c>
      <c r="DX22" s="117">
        <v>6331639</v>
      </c>
      <c r="DY22" s="117">
        <v>14382556</v>
      </c>
      <c r="DZ22" s="117">
        <v>13504058</v>
      </c>
      <c r="EA22" s="117">
        <v>6242368</v>
      </c>
      <c r="EB22" s="116">
        <v>42813291</v>
      </c>
      <c r="EC22" s="119">
        <v>42963726</v>
      </c>
      <c r="ED22" s="113">
        <v>0</v>
      </c>
      <c r="EE22" s="115">
        <v>0</v>
      </c>
      <c r="EF22" s="116">
        <v>0</v>
      </c>
      <c r="EG22" s="113">
        <v>0</v>
      </c>
      <c r="EH22" s="117">
        <v>347338</v>
      </c>
      <c r="EI22" s="117">
        <v>725524</v>
      </c>
      <c r="EJ22" s="117">
        <v>609818</v>
      </c>
      <c r="EK22" s="117">
        <v>899747</v>
      </c>
      <c r="EL22" s="117">
        <v>757970</v>
      </c>
      <c r="EM22" s="115">
        <v>3340397</v>
      </c>
      <c r="EN22" s="119">
        <v>3340397</v>
      </c>
      <c r="EO22" s="113">
        <v>0</v>
      </c>
      <c r="EP22" s="117">
        <v>0</v>
      </c>
      <c r="EQ22" s="115">
        <v>0</v>
      </c>
      <c r="ER22" s="114">
        <v>0</v>
      </c>
      <c r="ES22" s="117">
        <v>0</v>
      </c>
      <c r="ET22" s="117">
        <v>0</v>
      </c>
      <c r="EU22" s="117">
        <v>0</v>
      </c>
      <c r="EV22" s="117">
        <v>0</v>
      </c>
      <c r="EW22" s="117">
        <v>0</v>
      </c>
      <c r="EX22" s="116">
        <v>0</v>
      </c>
      <c r="EY22" s="119">
        <v>0</v>
      </c>
      <c r="EZ22" s="113">
        <v>0</v>
      </c>
      <c r="FA22" s="117">
        <v>0</v>
      </c>
      <c r="FB22" s="115">
        <v>0</v>
      </c>
      <c r="FC22" s="395">
        <v>0</v>
      </c>
      <c r="FD22" s="117">
        <v>0</v>
      </c>
      <c r="FE22" s="117">
        <v>0</v>
      </c>
      <c r="FF22" s="117">
        <v>0</v>
      </c>
      <c r="FG22" s="117">
        <v>0</v>
      </c>
      <c r="FH22" s="117">
        <v>0</v>
      </c>
      <c r="FI22" s="116">
        <v>0</v>
      </c>
      <c r="FJ22" s="119">
        <v>0</v>
      </c>
      <c r="FK22" s="113">
        <v>1670894</v>
      </c>
      <c r="FL22" s="117">
        <v>3906451</v>
      </c>
      <c r="FM22" s="116">
        <v>5577345</v>
      </c>
      <c r="FN22" s="113">
        <v>0</v>
      </c>
      <c r="FO22" s="117">
        <v>4150274</v>
      </c>
      <c r="FP22" s="117">
        <v>15452426</v>
      </c>
      <c r="FQ22" s="117">
        <v>10270173</v>
      </c>
      <c r="FR22" s="117">
        <v>9678058</v>
      </c>
      <c r="FS22" s="117">
        <v>7445790</v>
      </c>
      <c r="FT22" s="116">
        <v>46996721</v>
      </c>
      <c r="FU22" s="119">
        <v>52574066</v>
      </c>
      <c r="FV22" s="118">
        <v>913530</v>
      </c>
      <c r="FW22" s="117">
        <v>3028119</v>
      </c>
      <c r="FX22" s="115">
        <v>3941649</v>
      </c>
      <c r="FY22" s="114">
        <v>0</v>
      </c>
      <c r="FZ22" s="117">
        <v>3281877</v>
      </c>
      <c r="GA22" s="117">
        <v>13959835</v>
      </c>
      <c r="GB22" s="117">
        <v>9166648</v>
      </c>
      <c r="GC22" s="117">
        <v>9368905</v>
      </c>
      <c r="GD22" s="117">
        <v>7285437</v>
      </c>
      <c r="GE22" s="116">
        <v>43062702</v>
      </c>
      <c r="GF22" s="357">
        <v>47004351</v>
      </c>
      <c r="GG22" s="118">
        <v>76981</v>
      </c>
      <c r="GH22" s="117">
        <v>64262</v>
      </c>
      <c r="GI22" s="115">
        <v>141243</v>
      </c>
      <c r="GJ22" s="114">
        <v>0</v>
      </c>
      <c r="GK22" s="117">
        <v>187016</v>
      </c>
      <c r="GL22" s="117">
        <v>266989</v>
      </c>
      <c r="GM22" s="117">
        <v>222137</v>
      </c>
      <c r="GN22" s="117">
        <v>165230</v>
      </c>
      <c r="GO22" s="117">
        <v>104553</v>
      </c>
      <c r="GP22" s="116">
        <v>945925</v>
      </c>
      <c r="GQ22" s="119">
        <v>1087168</v>
      </c>
      <c r="GR22" s="113">
        <v>680383</v>
      </c>
      <c r="GS22" s="117">
        <v>814070</v>
      </c>
      <c r="GT22" s="116">
        <v>1494453</v>
      </c>
      <c r="GU22" s="113">
        <v>0</v>
      </c>
      <c r="GV22" s="117">
        <v>681381</v>
      </c>
      <c r="GW22" s="117">
        <v>1225602</v>
      </c>
      <c r="GX22" s="117">
        <v>881388</v>
      </c>
      <c r="GY22" s="117">
        <v>143923</v>
      </c>
      <c r="GZ22" s="117">
        <v>55800</v>
      </c>
      <c r="HA22" s="115">
        <v>2988094</v>
      </c>
      <c r="HB22" s="119">
        <v>4482547</v>
      </c>
      <c r="HC22" s="113">
        <v>1571141</v>
      </c>
      <c r="HD22" s="117">
        <v>3599033</v>
      </c>
      <c r="HE22" s="115">
        <v>5170174</v>
      </c>
      <c r="HF22" s="114">
        <v>0</v>
      </c>
      <c r="HG22" s="117">
        <v>15173927</v>
      </c>
      <c r="HH22" s="117">
        <v>16206450</v>
      </c>
      <c r="HI22" s="117">
        <v>16743206</v>
      </c>
      <c r="HJ22" s="117">
        <v>19733691</v>
      </c>
      <c r="HK22" s="117">
        <v>12515407</v>
      </c>
      <c r="HL22" s="116">
        <v>80372681</v>
      </c>
      <c r="HM22" s="112">
        <v>85542855</v>
      </c>
      <c r="HN22" s="118">
        <v>1050912</v>
      </c>
      <c r="HO22" s="117">
        <v>2410495</v>
      </c>
      <c r="HP22" s="116">
        <v>3461407</v>
      </c>
      <c r="HQ22" s="113">
        <v>0</v>
      </c>
      <c r="HR22" s="117">
        <v>13383526</v>
      </c>
      <c r="HS22" s="117">
        <v>19609373</v>
      </c>
      <c r="HT22" s="117">
        <v>13731018</v>
      </c>
      <c r="HU22" s="117">
        <v>9279271</v>
      </c>
      <c r="HV22" s="117">
        <v>5842186</v>
      </c>
      <c r="HW22" s="115">
        <v>61845374</v>
      </c>
      <c r="HX22" s="119">
        <v>65306781</v>
      </c>
      <c r="HY22" s="166">
        <v>46544</v>
      </c>
      <c r="HZ22" s="152">
        <v>158884</v>
      </c>
      <c r="IA22" s="166">
        <v>205428</v>
      </c>
      <c r="IB22" s="151">
        <v>0</v>
      </c>
      <c r="IC22" s="152">
        <v>31326489</v>
      </c>
      <c r="ID22" s="153">
        <v>45220927</v>
      </c>
      <c r="IE22" s="154">
        <v>48243755</v>
      </c>
      <c r="IF22" s="152">
        <v>40088748</v>
      </c>
      <c r="IG22" s="154">
        <v>36609327</v>
      </c>
      <c r="IH22" s="155">
        <v>201489246</v>
      </c>
      <c r="II22" s="166">
        <v>201694674</v>
      </c>
      <c r="IJ22" s="259">
        <v>0</v>
      </c>
      <c r="IK22" s="266">
        <v>0</v>
      </c>
      <c r="IL22" s="267">
        <v>0</v>
      </c>
      <c r="IM22" s="157"/>
      <c r="IN22" s="123">
        <v>215414</v>
      </c>
      <c r="IO22" s="123">
        <v>197894</v>
      </c>
      <c r="IP22" s="123">
        <v>307176</v>
      </c>
      <c r="IQ22" s="123">
        <v>714177</v>
      </c>
      <c r="IR22" s="123">
        <v>0</v>
      </c>
      <c r="IS22" s="158">
        <v>1434661</v>
      </c>
      <c r="IT22" s="360">
        <v>1434661</v>
      </c>
      <c r="IU22" s="159">
        <v>0</v>
      </c>
      <c r="IV22" s="123">
        <v>0</v>
      </c>
      <c r="IW22" s="124">
        <v>0</v>
      </c>
      <c r="IX22" s="157"/>
      <c r="IY22" s="123">
        <v>0</v>
      </c>
      <c r="IZ22" s="123">
        <v>0</v>
      </c>
      <c r="JA22" s="123">
        <v>0</v>
      </c>
      <c r="JB22" s="123">
        <v>0</v>
      </c>
      <c r="JC22" s="123">
        <v>0</v>
      </c>
      <c r="JD22" s="124">
        <v>0</v>
      </c>
      <c r="JE22" s="125">
        <v>0</v>
      </c>
      <c r="JF22" s="159">
        <v>0</v>
      </c>
      <c r="JG22" s="123">
        <v>0</v>
      </c>
      <c r="JH22" s="158">
        <v>0</v>
      </c>
      <c r="JI22" s="122">
        <v>0</v>
      </c>
      <c r="JJ22" s="123">
        <v>12788718</v>
      </c>
      <c r="JK22" s="123">
        <v>17365398</v>
      </c>
      <c r="JL22" s="123">
        <v>13476782</v>
      </c>
      <c r="JM22" s="123">
        <v>11345006</v>
      </c>
      <c r="JN22" s="123">
        <v>9965110</v>
      </c>
      <c r="JO22" s="124">
        <v>64941014</v>
      </c>
      <c r="JP22" s="360">
        <v>64941014</v>
      </c>
      <c r="JQ22" s="159">
        <v>0</v>
      </c>
      <c r="JR22" s="123">
        <v>73508</v>
      </c>
      <c r="JS22" s="158">
        <v>73508</v>
      </c>
      <c r="JT22" s="122">
        <v>0</v>
      </c>
      <c r="JU22" s="123">
        <v>1962585</v>
      </c>
      <c r="JV22" s="123">
        <v>2984170</v>
      </c>
      <c r="JW22" s="123">
        <v>3184938</v>
      </c>
      <c r="JX22" s="123">
        <v>1144670</v>
      </c>
      <c r="JY22" s="123">
        <v>349037</v>
      </c>
      <c r="JZ22" s="124">
        <v>9625400</v>
      </c>
      <c r="KA22" s="360">
        <v>9698908</v>
      </c>
      <c r="KB22" s="262">
        <v>46544</v>
      </c>
      <c r="KC22" s="256">
        <v>85376</v>
      </c>
      <c r="KD22" s="124">
        <v>131920</v>
      </c>
      <c r="KE22" s="122">
        <v>0</v>
      </c>
      <c r="KF22" s="123">
        <v>1617602</v>
      </c>
      <c r="KG22" s="123">
        <v>6387551</v>
      </c>
      <c r="KH22" s="123">
        <v>7104940</v>
      </c>
      <c r="KI22" s="123">
        <v>9520967</v>
      </c>
      <c r="KJ22" s="123">
        <v>4331683</v>
      </c>
      <c r="KK22" s="124">
        <v>28962743</v>
      </c>
      <c r="KL22" s="160">
        <v>29094663</v>
      </c>
      <c r="KM22" s="259">
        <v>0</v>
      </c>
      <c r="KN22" s="266">
        <v>0</v>
      </c>
      <c r="KO22" s="267">
        <v>0</v>
      </c>
      <c r="KP22" s="157"/>
      <c r="KQ22" s="123">
        <v>13823784</v>
      </c>
      <c r="KR22" s="123">
        <v>17881722</v>
      </c>
      <c r="KS22" s="123">
        <v>15946778</v>
      </c>
      <c r="KT22" s="123">
        <v>9502361</v>
      </c>
      <c r="KU22" s="123">
        <v>5804742</v>
      </c>
      <c r="KV22" s="124">
        <v>62959387</v>
      </c>
      <c r="KW22" s="360">
        <v>62959387</v>
      </c>
      <c r="KX22" s="159">
        <v>0</v>
      </c>
      <c r="KY22" s="123">
        <v>0</v>
      </c>
      <c r="KZ22" s="124">
        <v>0</v>
      </c>
      <c r="LA22" s="157"/>
      <c r="LB22" s="123">
        <v>0</v>
      </c>
      <c r="LC22" s="123">
        <v>0</v>
      </c>
      <c r="LD22" s="123">
        <v>0</v>
      </c>
      <c r="LE22" s="123">
        <v>0</v>
      </c>
      <c r="LF22" s="123">
        <v>0</v>
      </c>
      <c r="LG22" s="124">
        <v>0</v>
      </c>
      <c r="LH22" s="125">
        <v>0</v>
      </c>
      <c r="LI22" s="159">
        <v>0</v>
      </c>
      <c r="LJ22" s="123">
        <v>0</v>
      </c>
      <c r="LK22" s="124">
        <v>0</v>
      </c>
      <c r="LL22" s="157"/>
      <c r="LM22" s="123">
        <v>213776</v>
      </c>
      <c r="LN22" s="123">
        <v>404192</v>
      </c>
      <c r="LO22" s="123">
        <v>7589853</v>
      </c>
      <c r="LP22" s="123">
        <v>7194578</v>
      </c>
      <c r="LQ22" s="123">
        <v>13250140</v>
      </c>
      <c r="LR22" s="124">
        <v>28652539</v>
      </c>
      <c r="LS22" s="360">
        <v>28652539</v>
      </c>
      <c r="LT22" s="159">
        <v>0</v>
      </c>
      <c r="LU22" s="123">
        <v>0</v>
      </c>
      <c r="LV22" s="124">
        <v>0</v>
      </c>
      <c r="LW22" s="157"/>
      <c r="LX22" s="123">
        <v>704610</v>
      </c>
      <c r="LY22" s="123">
        <v>0</v>
      </c>
      <c r="LZ22" s="123">
        <v>633288</v>
      </c>
      <c r="MA22" s="123">
        <v>666989</v>
      </c>
      <c r="MB22" s="123">
        <v>2908615</v>
      </c>
      <c r="MC22" s="124">
        <v>4913502</v>
      </c>
      <c r="MD22" s="125">
        <v>4913502</v>
      </c>
      <c r="ME22" s="159">
        <v>0</v>
      </c>
      <c r="MF22" s="123">
        <v>0</v>
      </c>
      <c r="MG22" s="124">
        <v>0</v>
      </c>
      <c r="MH22" s="157"/>
      <c r="MI22" s="123">
        <v>11543451</v>
      </c>
      <c r="MJ22" s="123">
        <v>31797778</v>
      </c>
      <c r="MK22" s="123">
        <v>91029880</v>
      </c>
      <c r="ML22" s="123">
        <v>120562519</v>
      </c>
      <c r="MM22" s="123">
        <v>87629909</v>
      </c>
      <c r="MN22" s="124">
        <v>342563537</v>
      </c>
      <c r="MO22" s="160">
        <v>342563537</v>
      </c>
      <c r="MP22" s="159">
        <v>0</v>
      </c>
      <c r="MQ22" s="123">
        <v>0</v>
      </c>
      <c r="MR22" s="124">
        <v>0</v>
      </c>
      <c r="MS22" s="157"/>
      <c r="MT22" s="123">
        <v>1954994</v>
      </c>
      <c r="MU22" s="123">
        <v>6397392</v>
      </c>
      <c r="MV22" s="123">
        <v>52394384</v>
      </c>
      <c r="MW22" s="123">
        <v>79377094</v>
      </c>
      <c r="MX22" s="123">
        <v>61290249</v>
      </c>
      <c r="MY22" s="124">
        <v>201414113</v>
      </c>
      <c r="MZ22" s="160">
        <v>201414113</v>
      </c>
      <c r="NA22" s="159">
        <v>0</v>
      </c>
      <c r="NB22" s="123">
        <v>0</v>
      </c>
      <c r="NC22" s="124">
        <v>0</v>
      </c>
      <c r="ND22" s="157"/>
      <c r="NE22" s="123">
        <v>9588457</v>
      </c>
      <c r="NF22" s="123">
        <v>25400386</v>
      </c>
      <c r="NG22" s="123">
        <v>38635496</v>
      </c>
      <c r="NH22" s="123">
        <v>39669922</v>
      </c>
      <c r="NI22" s="123">
        <v>21434558</v>
      </c>
      <c r="NJ22" s="124">
        <v>134728819</v>
      </c>
      <c r="NK22" s="360">
        <v>134728819</v>
      </c>
      <c r="NL22" s="159">
        <v>0</v>
      </c>
      <c r="NM22" s="123">
        <v>0</v>
      </c>
      <c r="NN22" s="124">
        <v>0</v>
      </c>
      <c r="NO22" s="157"/>
      <c r="NP22" s="123">
        <v>0</v>
      </c>
      <c r="NQ22" s="123">
        <v>0</v>
      </c>
      <c r="NR22" s="123">
        <v>0</v>
      </c>
      <c r="NS22" s="123">
        <v>1122604</v>
      </c>
      <c r="NT22" s="123">
        <v>3586885</v>
      </c>
      <c r="NU22" s="124">
        <v>4709489</v>
      </c>
      <c r="NV22" s="125">
        <v>4709489</v>
      </c>
      <c r="NW22" s="159">
        <v>0</v>
      </c>
      <c r="NX22" s="123">
        <v>0</v>
      </c>
      <c r="NY22" s="124">
        <v>0</v>
      </c>
      <c r="NZ22" s="157"/>
      <c r="OA22" s="123">
        <v>0</v>
      </c>
      <c r="OB22" s="123">
        <v>0</v>
      </c>
      <c r="OC22" s="123">
        <v>0</v>
      </c>
      <c r="OD22" s="123">
        <v>392899</v>
      </c>
      <c r="OE22" s="123">
        <v>1318217</v>
      </c>
      <c r="OF22" s="124">
        <v>1711116</v>
      </c>
      <c r="OG22" s="125">
        <v>1711116</v>
      </c>
      <c r="OH22" s="159">
        <v>5959464</v>
      </c>
      <c r="OI22" s="123">
        <v>15695518</v>
      </c>
      <c r="OJ22" s="158">
        <v>21654982</v>
      </c>
      <c r="OK22" s="122">
        <v>0</v>
      </c>
      <c r="OL22" s="123">
        <v>123213226</v>
      </c>
      <c r="OM22" s="123">
        <v>230950471</v>
      </c>
      <c r="ON22" s="123">
        <v>271573980</v>
      </c>
      <c r="OO22" s="123">
        <v>280118620</v>
      </c>
      <c r="OP22" s="123">
        <v>217233746</v>
      </c>
      <c r="OQ22" s="124">
        <v>1123090043</v>
      </c>
      <c r="OR22" s="160">
        <v>1144745025</v>
      </c>
    </row>
    <row r="23" spans="1:408" ht="18.75" customHeight="1" x14ac:dyDescent="0.2">
      <c r="A23" s="63" t="s">
        <v>18</v>
      </c>
      <c r="B23" s="113">
        <v>7233115</v>
      </c>
      <c r="C23" s="117">
        <v>16317622</v>
      </c>
      <c r="D23" s="116">
        <v>23550737</v>
      </c>
      <c r="E23" s="112">
        <v>0</v>
      </c>
      <c r="F23" s="117">
        <v>133960677</v>
      </c>
      <c r="G23" s="117">
        <v>167469476</v>
      </c>
      <c r="H23" s="117">
        <v>141886319</v>
      </c>
      <c r="I23" s="117">
        <v>131367797</v>
      </c>
      <c r="J23" s="117">
        <v>96902157</v>
      </c>
      <c r="K23" s="112">
        <v>671586426</v>
      </c>
      <c r="L23" s="119">
        <v>695137163</v>
      </c>
      <c r="M23" s="113">
        <v>1845123</v>
      </c>
      <c r="N23" s="117">
        <v>4458493</v>
      </c>
      <c r="O23" s="116">
        <v>6303616</v>
      </c>
      <c r="P23" s="113">
        <v>0</v>
      </c>
      <c r="Q23" s="117">
        <v>37048636</v>
      </c>
      <c r="R23" s="117">
        <v>47267070</v>
      </c>
      <c r="S23" s="117">
        <v>38798561</v>
      </c>
      <c r="T23" s="117">
        <v>49515169</v>
      </c>
      <c r="U23" s="117">
        <v>46628946</v>
      </c>
      <c r="V23" s="116">
        <v>219258382</v>
      </c>
      <c r="W23" s="119">
        <v>225561998</v>
      </c>
      <c r="X23" s="113">
        <v>0</v>
      </c>
      <c r="Y23" s="117">
        <v>0</v>
      </c>
      <c r="Z23" s="116">
        <v>0</v>
      </c>
      <c r="AA23" s="113">
        <v>0</v>
      </c>
      <c r="AB23" s="117">
        <v>17543973</v>
      </c>
      <c r="AC23" s="117">
        <v>24228703</v>
      </c>
      <c r="AD23" s="117">
        <v>21592058</v>
      </c>
      <c r="AE23" s="117">
        <v>32161840</v>
      </c>
      <c r="AF23" s="117">
        <v>27727761</v>
      </c>
      <c r="AG23" s="116">
        <v>123254335</v>
      </c>
      <c r="AH23" s="119">
        <v>123254335</v>
      </c>
      <c r="AI23" s="113">
        <v>0</v>
      </c>
      <c r="AJ23" s="117">
        <v>43401</v>
      </c>
      <c r="AK23" s="116">
        <v>43401</v>
      </c>
      <c r="AL23" s="113">
        <v>0</v>
      </c>
      <c r="AM23" s="117">
        <v>102703</v>
      </c>
      <c r="AN23" s="117">
        <v>678159</v>
      </c>
      <c r="AO23" s="117">
        <v>867477</v>
      </c>
      <c r="AP23" s="117">
        <v>2531639</v>
      </c>
      <c r="AQ23" s="117">
        <v>5779985</v>
      </c>
      <c r="AR23" s="116">
        <v>9959963</v>
      </c>
      <c r="AS23" s="119">
        <v>10003364</v>
      </c>
      <c r="AT23" s="113">
        <v>1105930</v>
      </c>
      <c r="AU23" s="117">
        <v>3440898</v>
      </c>
      <c r="AV23" s="116">
        <v>4546828</v>
      </c>
      <c r="AW23" s="113">
        <v>0</v>
      </c>
      <c r="AX23" s="117">
        <v>12393288</v>
      </c>
      <c r="AY23" s="117">
        <v>13152140</v>
      </c>
      <c r="AZ23" s="117">
        <v>8597611</v>
      </c>
      <c r="BA23" s="117">
        <v>8192941</v>
      </c>
      <c r="BB23" s="117">
        <v>7659340</v>
      </c>
      <c r="BC23" s="116">
        <v>49995320</v>
      </c>
      <c r="BD23" s="119">
        <v>54542148</v>
      </c>
      <c r="BE23" s="113">
        <v>176146</v>
      </c>
      <c r="BF23" s="117">
        <v>304574</v>
      </c>
      <c r="BG23" s="115">
        <v>480720</v>
      </c>
      <c r="BH23" s="114">
        <v>0</v>
      </c>
      <c r="BI23" s="117">
        <v>1565473</v>
      </c>
      <c r="BJ23" s="117">
        <v>2238695</v>
      </c>
      <c r="BK23" s="117">
        <v>1216724</v>
      </c>
      <c r="BL23" s="117">
        <v>1089925</v>
      </c>
      <c r="BM23" s="117">
        <v>428009</v>
      </c>
      <c r="BN23" s="116">
        <v>6538826</v>
      </c>
      <c r="BO23" s="119">
        <v>7019546</v>
      </c>
      <c r="BP23" s="113">
        <v>563047</v>
      </c>
      <c r="BQ23" s="117">
        <v>669620</v>
      </c>
      <c r="BR23" s="116">
        <v>1232667</v>
      </c>
      <c r="BS23" s="113">
        <v>0</v>
      </c>
      <c r="BT23" s="117">
        <v>5443199</v>
      </c>
      <c r="BU23" s="117">
        <v>6969373</v>
      </c>
      <c r="BV23" s="117">
        <v>6524691</v>
      </c>
      <c r="BW23" s="117">
        <v>5538824</v>
      </c>
      <c r="BX23" s="117">
        <v>5033851</v>
      </c>
      <c r="BY23" s="116">
        <v>29509938</v>
      </c>
      <c r="BZ23" s="119">
        <v>30742605</v>
      </c>
      <c r="CA23" s="113">
        <v>1034974</v>
      </c>
      <c r="CB23" s="117">
        <v>3646700</v>
      </c>
      <c r="CC23" s="116">
        <v>4681674</v>
      </c>
      <c r="CD23" s="113">
        <v>0</v>
      </c>
      <c r="CE23" s="117">
        <v>45219803</v>
      </c>
      <c r="CF23" s="117">
        <v>56541225</v>
      </c>
      <c r="CG23" s="117">
        <v>43238261</v>
      </c>
      <c r="CH23" s="117">
        <v>28209241</v>
      </c>
      <c r="CI23" s="117">
        <v>10603190</v>
      </c>
      <c r="CJ23" s="116">
        <v>183811720</v>
      </c>
      <c r="CK23" s="119">
        <v>188493394</v>
      </c>
      <c r="CL23" s="113">
        <v>0</v>
      </c>
      <c r="CM23" s="117">
        <v>0</v>
      </c>
      <c r="CN23" s="116">
        <v>0</v>
      </c>
      <c r="CO23" s="114">
        <v>0</v>
      </c>
      <c r="CP23" s="117">
        <v>35865186</v>
      </c>
      <c r="CQ23" s="117">
        <v>45725086</v>
      </c>
      <c r="CR23" s="117">
        <v>34602467</v>
      </c>
      <c r="CS23" s="117">
        <v>22224208</v>
      </c>
      <c r="CT23" s="117">
        <v>9050431</v>
      </c>
      <c r="CU23" s="116">
        <v>147467378</v>
      </c>
      <c r="CV23" s="119">
        <v>147467378</v>
      </c>
      <c r="CW23" s="113">
        <v>1034974</v>
      </c>
      <c r="CX23" s="117">
        <v>3646700</v>
      </c>
      <c r="CY23" s="116">
        <v>4681674</v>
      </c>
      <c r="CZ23" s="113">
        <v>0</v>
      </c>
      <c r="DA23" s="117">
        <v>9354617</v>
      </c>
      <c r="DB23" s="117">
        <v>10816139</v>
      </c>
      <c r="DC23" s="117">
        <v>8635794</v>
      </c>
      <c r="DD23" s="117">
        <v>5985033</v>
      </c>
      <c r="DE23" s="117">
        <v>1552759</v>
      </c>
      <c r="DF23" s="116">
        <v>36344342</v>
      </c>
      <c r="DG23" s="119">
        <v>41026016</v>
      </c>
      <c r="DH23" s="113">
        <v>74110</v>
      </c>
      <c r="DI23" s="117">
        <v>135647</v>
      </c>
      <c r="DJ23" s="115">
        <v>209757</v>
      </c>
      <c r="DK23" s="114">
        <v>0</v>
      </c>
      <c r="DL23" s="117">
        <v>2704304</v>
      </c>
      <c r="DM23" s="117">
        <v>8108824</v>
      </c>
      <c r="DN23" s="117">
        <v>15462474</v>
      </c>
      <c r="DO23" s="117">
        <v>15292767</v>
      </c>
      <c r="DP23" s="117">
        <v>10073921</v>
      </c>
      <c r="DQ23" s="116">
        <v>51642290</v>
      </c>
      <c r="DR23" s="119">
        <v>51852047</v>
      </c>
      <c r="DS23" s="113">
        <v>74110</v>
      </c>
      <c r="DT23" s="117">
        <v>135647</v>
      </c>
      <c r="DU23" s="116">
        <v>209757</v>
      </c>
      <c r="DV23" s="113">
        <v>0</v>
      </c>
      <c r="DW23" s="117">
        <v>2644642</v>
      </c>
      <c r="DX23" s="117">
        <v>7789645</v>
      </c>
      <c r="DY23" s="117">
        <v>15329201</v>
      </c>
      <c r="DZ23" s="117">
        <v>14824971</v>
      </c>
      <c r="EA23" s="117">
        <v>9888288</v>
      </c>
      <c r="EB23" s="116">
        <v>50476747</v>
      </c>
      <c r="EC23" s="119">
        <v>50686504</v>
      </c>
      <c r="ED23" s="113">
        <v>0</v>
      </c>
      <c r="EE23" s="115">
        <v>0</v>
      </c>
      <c r="EF23" s="116">
        <v>0</v>
      </c>
      <c r="EG23" s="113">
        <v>0</v>
      </c>
      <c r="EH23" s="117">
        <v>59662</v>
      </c>
      <c r="EI23" s="117">
        <v>319179</v>
      </c>
      <c r="EJ23" s="117">
        <v>133273</v>
      </c>
      <c r="EK23" s="117">
        <v>467796</v>
      </c>
      <c r="EL23" s="117">
        <v>185633</v>
      </c>
      <c r="EM23" s="115">
        <v>1165543</v>
      </c>
      <c r="EN23" s="119">
        <v>1165543</v>
      </c>
      <c r="EO23" s="113">
        <v>0</v>
      </c>
      <c r="EP23" s="117">
        <v>0</v>
      </c>
      <c r="EQ23" s="115">
        <v>0</v>
      </c>
      <c r="ER23" s="114">
        <v>0</v>
      </c>
      <c r="ES23" s="117">
        <v>0</v>
      </c>
      <c r="ET23" s="117">
        <v>0</v>
      </c>
      <c r="EU23" s="117">
        <v>0</v>
      </c>
      <c r="EV23" s="117">
        <v>0</v>
      </c>
      <c r="EW23" s="117">
        <v>0</v>
      </c>
      <c r="EX23" s="116">
        <v>0</v>
      </c>
      <c r="EY23" s="119">
        <v>0</v>
      </c>
      <c r="EZ23" s="113">
        <v>0</v>
      </c>
      <c r="FA23" s="117">
        <v>0</v>
      </c>
      <c r="FB23" s="115">
        <v>0</v>
      </c>
      <c r="FC23" s="395">
        <v>0</v>
      </c>
      <c r="FD23" s="117">
        <v>0</v>
      </c>
      <c r="FE23" s="117">
        <v>0</v>
      </c>
      <c r="FF23" s="117">
        <v>0</v>
      </c>
      <c r="FG23" s="117">
        <v>0</v>
      </c>
      <c r="FH23" s="117">
        <v>0</v>
      </c>
      <c r="FI23" s="116">
        <v>0</v>
      </c>
      <c r="FJ23" s="119">
        <v>0</v>
      </c>
      <c r="FK23" s="113">
        <v>1384452</v>
      </c>
      <c r="FL23" s="117">
        <v>3572195</v>
      </c>
      <c r="FM23" s="116">
        <v>4956647</v>
      </c>
      <c r="FN23" s="113">
        <v>0</v>
      </c>
      <c r="FO23" s="117">
        <v>6510061</v>
      </c>
      <c r="FP23" s="117">
        <v>14002796</v>
      </c>
      <c r="FQ23" s="117">
        <v>9571122</v>
      </c>
      <c r="FR23" s="117">
        <v>9923615</v>
      </c>
      <c r="FS23" s="117">
        <v>7379108</v>
      </c>
      <c r="FT23" s="116">
        <v>47386702</v>
      </c>
      <c r="FU23" s="119">
        <v>52343349</v>
      </c>
      <c r="FV23" s="118">
        <v>1017945</v>
      </c>
      <c r="FW23" s="117">
        <v>2622705</v>
      </c>
      <c r="FX23" s="115">
        <v>3640650</v>
      </c>
      <c r="FY23" s="114">
        <v>0</v>
      </c>
      <c r="FZ23" s="117">
        <v>5868370</v>
      </c>
      <c r="GA23" s="117">
        <v>13047081</v>
      </c>
      <c r="GB23" s="117">
        <v>9067909</v>
      </c>
      <c r="GC23" s="117">
        <v>9196844</v>
      </c>
      <c r="GD23" s="117">
        <v>6800381</v>
      </c>
      <c r="GE23" s="116">
        <v>43980585</v>
      </c>
      <c r="GF23" s="357">
        <v>47621235</v>
      </c>
      <c r="GG23" s="118">
        <v>119812</v>
      </c>
      <c r="GH23" s="117">
        <v>90000</v>
      </c>
      <c r="GI23" s="115">
        <v>209812</v>
      </c>
      <c r="GJ23" s="114">
        <v>0</v>
      </c>
      <c r="GK23" s="117">
        <v>88191</v>
      </c>
      <c r="GL23" s="117">
        <v>229585</v>
      </c>
      <c r="GM23" s="117">
        <v>137713</v>
      </c>
      <c r="GN23" s="117">
        <v>186501</v>
      </c>
      <c r="GO23" s="117">
        <v>197927</v>
      </c>
      <c r="GP23" s="116">
        <v>839917</v>
      </c>
      <c r="GQ23" s="119">
        <v>1049729</v>
      </c>
      <c r="GR23" s="113">
        <v>246695</v>
      </c>
      <c r="GS23" s="117">
        <v>859490</v>
      </c>
      <c r="GT23" s="116">
        <v>1106185</v>
      </c>
      <c r="GU23" s="113">
        <v>0</v>
      </c>
      <c r="GV23" s="117">
        <v>553500</v>
      </c>
      <c r="GW23" s="117">
        <v>726130</v>
      </c>
      <c r="GX23" s="117">
        <v>365500</v>
      </c>
      <c r="GY23" s="117">
        <v>540270</v>
      </c>
      <c r="GZ23" s="117">
        <v>380800</v>
      </c>
      <c r="HA23" s="115">
        <v>2566200</v>
      </c>
      <c r="HB23" s="119">
        <v>3672385</v>
      </c>
      <c r="HC23" s="113">
        <v>1542109</v>
      </c>
      <c r="HD23" s="117">
        <v>1503697</v>
      </c>
      <c r="HE23" s="115">
        <v>3045806</v>
      </c>
      <c r="HF23" s="114">
        <v>0</v>
      </c>
      <c r="HG23" s="117">
        <v>19439340</v>
      </c>
      <c r="HH23" s="117">
        <v>20902029</v>
      </c>
      <c r="HI23" s="117">
        <v>21169838</v>
      </c>
      <c r="HJ23" s="117">
        <v>18640551</v>
      </c>
      <c r="HK23" s="117">
        <v>16713888</v>
      </c>
      <c r="HL23" s="116">
        <v>96865646</v>
      </c>
      <c r="HM23" s="112">
        <v>99911452</v>
      </c>
      <c r="HN23" s="118">
        <v>1352347</v>
      </c>
      <c r="HO23" s="117">
        <v>3000890</v>
      </c>
      <c r="HP23" s="116">
        <v>4353237</v>
      </c>
      <c r="HQ23" s="113">
        <v>0</v>
      </c>
      <c r="HR23" s="117">
        <v>23038533</v>
      </c>
      <c r="HS23" s="117">
        <v>20647532</v>
      </c>
      <c r="HT23" s="117">
        <v>13646063</v>
      </c>
      <c r="HU23" s="117">
        <v>9786454</v>
      </c>
      <c r="HV23" s="117">
        <v>5503104</v>
      </c>
      <c r="HW23" s="115">
        <v>72621686</v>
      </c>
      <c r="HX23" s="119">
        <v>76974923</v>
      </c>
      <c r="HY23" s="148">
        <v>641083</v>
      </c>
      <c r="HZ23" s="149">
        <v>683291</v>
      </c>
      <c r="IA23" s="150">
        <v>1324374</v>
      </c>
      <c r="IB23" s="162">
        <v>0</v>
      </c>
      <c r="IC23" s="149">
        <v>34667333</v>
      </c>
      <c r="ID23" s="163">
        <v>55531262</v>
      </c>
      <c r="IE23" s="150">
        <v>52136856</v>
      </c>
      <c r="IF23" s="149">
        <v>34109843</v>
      </c>
      <c r="IG23" s="150">
        <v>19585755</v>
      </c>
      <c r="IH23" s="164">
        <v>196031049</v>
      </c>
      <c r="II23" s="156">
        <v>197355423</v>
      </c>
      <c r="IJ23" s="259">
        <v>0</v>
      </c>
      <c r="IK23" s="266">
        <v>0</v>
      </c>
      <c r="IL23" s="267">
        <v>0</v>
      </c>
      <c r="IM23" s="157"/>
      <c r="IN23" s="123">
        <v>162263</v>
      </c>
      <c r="IO23" s="123">
        <v>115443</v>
      </c>
      <c r="IP23" s="123">
        <v>590972</v>
      </c>
      <c r="IQ23" s="123">
        <v>221326</v>
      </c>
      <c r="IR23" s="123">
        <v>772914</v>
      </c>
      <c r="IS23" s="158">
        <v>1862918</v>
      </c>
      <c r="IT23" s="360">
        <v>1862918</v>
      </c>
      <c r="IU23" s="159">
        <v>0</v>
      </c>
      <c r="IV23" s="123">
        <v>0</v>
      </c>
      <c r="IW23" s="124">
        <v>0</v>
      </c>
      <c r="IX23" s="157"/>
      <c r="IY23" s="123">
        <v>0</v>
      </c>
      <c r="IZ23" s="123">
        <v>0</v>
      </c>
      <c r="JA23" s="123">
        <v>0</v>
      </c>
      <c r="JB23" s="123">
        <v>0</v>
      </c>
      <c r="JC23" s="123">
        <v>0</v>
      </c>
      <c r="JD23" s="124">
        <v>0</v>
      </c>
      <c r="JE23" s="125">
        <v>0</v>
      </c>
      <c r="JF23" s="159">
        <v>0</v>
      </c>
      <c r="JG23" s="123">
        <v>0</v>
      </c>
      <c r="JH23" s="158">
        <v>0</v>
      </c>
      <c r="JI23" s="122">
        <v>0</v>
      </c>
      <c r="JJ23" s="123">
        <v>13662754</v>
      </c>
      <c r="JK23" s="123">
        <v>14420004</v>
      </c>
      <c r="JL23" s="123">
        <v>10772360</v>
      </c>
      <c r="JM23" s="123">
        <v>5019612</v>
      </c>
      <c r="JN23" s="123">
        <v>2343474</v>
      </c>
      <c r="JO23" s="124">
        <v>46218204</v>
      </c>
      <c r="JP23" s="360">
        <v>46218204</v>
      </c>
      <c r="JQ23" s="159">
        <v>0</v>
      </c>
      <c r="JR23" s="123">
        <v>0</v>
      </c>
      <c r="JS23" s="158">
        <v>0</v>
      </c>
      <c r="JT23" s="122">
        <v>0</v>
      </c>
      <c r="JU23" s="123">
        <v>370941</v>
      </c>
      <c r="JV23" s="123">
        <v>639409</v>
      </c>
      <c r="JW23" s="123">
        <v>1741880</v>
      </c>
      <c r="JX23" s="123">
        <v>2184371</v>
      </c>
      <c r="JY23" s="123">
        <v>2590575</v>
      </c>
      <c r="JZ23" s="124">
        <v>7527176</v>
      </c>
      <c r="KA23" s="360">
        <v>7527176</v>
      </c>
      <c r="KB23" s="262">
        <v>641083</v>
      </c>
      <c r="KC23" s="256">
        <v>435988</v>
      </c>
      <c r="KD23" s="124">
        <v>1077071</v>
      </c>
      <c r="KE23" s="122">
        <v>0</v>
      </c>
      <c r="KF23" s="123">
        <v>6920002</v>
      </c>
      <c r="KG23" s="123">
        <v>10446626</v>
      </c>
      <c r="KH23" s="123">
        <v>8294588</v>
      </c>
      <c r="KI23" s="123">
        <v>4627451</v>
      </c>
      <c r="KJ23" s="123">
        <v>1905538</v>
      </c>
      <c r="KK23" s="124">
        <v>32194205</v>
      </c>
      <c r="KL23" s="160">
        <v>33271276</v>
      </c>
      <c r="KM23" s="259">
        <v>0</v>
      </c>
      <c r="KN23" s="266">
        <v>247303</v>
      </c>
      <c r="KO23" s="267">
        <v>247303</v>
      </c>
      <c r="KP23" s="157"/>
      <c r="KQ23" s="123">
        <v>12448687</v>
      </c>
      <c r="KR23" s="123">
        <v>27868928</v>
      </c>
      <c r="KS23" s="123">
        <v>23647519</v>
      </c>
      <c r="KT23" s="123">
        <v>13155862</v>
      </c>
      <c r="KU23" s="123">
        <v>6419235</v>
      </c>
      <c r="KV23" s="124">
        <v>83540231</v>
      </c>
      <c r="KW23" s="360">
        <v>83787534</v>
      </c>
      <c r="KX23" s="159">
        <v>0</v>
      </c>
      <c r="KY23" s="123">
        <v>0</v>
      </c>
      <c r="KZ23" s="124">
        <v>0</v>
      </c>
      <c r="LA23" s="157"/>
      <c r="LB23" s="123">
        <v>0</v>
      </c>
      <c r="LC23" s="123">
        <v>0</v>
      </c>
      <c r="LD23" s="123">
        <v>0</v>
      </c>
      <c r="LE23" s="123">
        <v>0</v>
      </c>
      <c r="LF23" s="123">
        <v>0</v>
      </c>
      <c r="LG23" s="124">
        <v>0</v>
      </c>
      <c r="LH23" s="125">
        <v>0</v>
      </c>
      <c r="LI23" s="159">
        <v>0</v>
      </c>
      <c r="LJ23" s="123">
        <v>0</v>
      </c>
      <c r="LK23" s="124">
        <v>0</v>
      </c>
      <c r="LL23" s="157"/>
      <c r="LM23" s="123">
        <v>0</v>
      </c>
      <c r="LN23" s="123">
        <v>427306</v>
      </c>
      <c r="LO23" s="123">
        <v>2606805</v>
      </c>
      <c r="LP23" s="123">
        <v>4342097</v>
      </c>
      <c r="LQ23" s="123">
        <v>1338480</v>
      </c>
      <c r="LR23" s="124">
        <v>8714688</v>
      </c>
      <c r="LS23" s="360">
        <v>8714688</v>
      </c>
      <c r="LT23" s="159">
        <v>0</v>
      </c>
      <c r="LU23" s="123">
        <v>0</v>
      </c>
      <c r="LV23" s="124">
        <v>0</v>
      </c>
      <c r="LW23" s="157"/>
      <c r="LX23" s="123">
        <v>1102686</v>
      </c>
      <c r="LY23" s="123">
        <v>1613546</v>
      </c>
      <c r="LZ23" s="123">
        <v>4482732</v>
      </c>
      <c r="MA23" s="123">
        <v>4559124</v>
      </c>
      <c r="MB23" s="123">
        <v>4215539</v>
      </c>
      <c r="MC23" s="124">
        <v>15973627</v>
      </c>
      <c r="MD23" s="125">
        <v>15973627</v>
      </c>
      <c r="ME23" s="159">
        <v>0</v>
      </c>
      <c r="MF23" s="123">
        <v>0</v>
      </c>
      <c r="MG23" s="124">
        <v>0</v>
      </c>
      <c r="MH23" s="157"/>
      <c r="MI23" s="123">
        <v>11815828</v>
      </c>
      <c r="MJ23" s="123">
        <v>20911764</v>
      </c>
      <c r="MK23" s="123">
        <v>80139670</v>
      </c>
      <c r="ML23" s="123">
        <v>150944277</v>
      </c>
      <c r="MM23" s="123">
        <v>116010658</v>
      </c>
      <c r="MN23" s="124">
        <v>379822197</v>
      </c>
      <c r="MO23" s="160">
        <v>379822197</v>
      </c>
      <c r="MP23" s="159">
        <v>0</v>
      </c>
      <c r="MQ23" s="123">
        <v>0</v>
      </c>
      <c r="MR23" s="124">
        <v>0</v>
      </c>
      <c r="MS23" s="157"/>
      <c r="MT23" s="123">
        <v>1212747</v>
      </c>
      <c r="MU23" s="123">
        <v>3164065</v>
      </c>
      <c r="MV23" s="123">
        <v>50162179</v>
      </c>
      <c r="MW23" s="123">
        <v>102628605</v>
      </c>
      <c r="MX23" s="123">
        <v>80620409</v>
      </c>
      <c r="MY23" s="124">
        <v>237788005</v>
      </c>
      <c r="MZ23" s="160">
        <v>237788005</v>
      </c>
      <c r="NA23" s="159">
        <v>0</v>
      </c>
      <c r="NB23" s="123">
        <v>0</v>
      </c>
      <c r="NC23" s="124">
        <v>0</v>
      </c>
      <c r="ND23" s="157"/>
      <c r="NE23" s="123">
        <v>10603081</v>
      </c>
      <c r="NF23" s="123">
        <v>17747699</v>
      </c>
      <c r="NG23" s="123">
        <v>29767622</v>
      </c>
      <c r="NH23" s="123">
        <v>43965954</v>
      </c>
      <c r="NI23" s="123">
        <v>25879570</v>
      </c>
      <c r="NJ23" s="124">
        <v>127963926</v>
      </c>
      <c r="NK23" s="360">
        <v>127963926</v>
      </c>
      <c r="NL23" s="159">
        <v>0</v>
      </c>
      <c r="NM23" s="123">
        <v>0</v>
      </c>
      <c r="NN23" s="124">
        <v>0</v>
      </c>
      <c r="NO23" s="157"/>
      <c r="NP23" s="123">
        <v>0</v>
      </c>
      <c r="NQ23" s="123">
        <v>0</v>
      </c>
      <c r="NR23" s="123">
        <v>0</v>
      </c>
      <c r="NS23" s="123">
        <v>285907</v>
      </c>
      <c r="NT23" s="123">
        <v>1731202</v>
      </c>
      <c r="NU23" s="124">
        <v>2017109</v>
      </c>
      <c r="NV23" s="125">
        <v>2017109</v>
      </c>
      <c r="NW23" s="159">
        <v>0</v>
      </c>
      <c r="NX23" s="123">
        <v>0</v>
      </c>
      <c r="NY23" s="124">
        <v>0</v>
      </c>
      <c r="NZ23" s="157"/>
      <c r="OA23" s="123">
        <v>0</v>
      </c>
      <c r="OB23" s="123">
        <v>0</v>
      </c>
      <c r="OC23" s="123">
        <v>209869</v>
      </c>
      <c r="OD23" s="123">
        <v>4063811</v>
      </c>
      <c r="OE23" s="123">
        <v>7779477</v>
      </c>
      <c r="OF23" s="124">
        <v>12053157</v>
      </c>
      <c r="OG23" s="125">
        <v>12053157</v>
      </c>
      <c r="OH23" s="159">
        <v>7874198</v>
      </c>
      <c r="OI23" s="123">
        <v>17000913</v>
      </c>
      <c r="OJ23" s="158">
        <v>24875111</v>
      </c>
      <c r="OK23" s="122">
        <v>0</v>
      </c>
      <c r="OL23" s="123">
        <v>180443838</v>
      </c>
      <c r="OM23" s="123">
        <v>243912502</v>
      </c>
      <c r="ON23" s="123">
        <v>274162845</v>
      </c>
      <c r="OO23" s="123">
        <v>316421917</v>
      </c>
      <c r="OP23" s="123">
        <v>232498570</v>
      </c>
      <c r="OQ23" s="124">
        <v>1247439672</v>
      </c>
      <c r="OR23" s="160">
        <v>1272314783</v>
      </c>
    </row>
    <row r="24" spans="1:408" ht="18.75" customHeight="1" x14ac:dyDescent="0.2">
      <c r="A24" s="63" t="s">
        <v>19</v>
      </c>
      <c r="B24" s="113">
        <v>3849803</v>
      </c>
      <c r="C24" s="117">
        <v>9028848</v>
      </c>
      <c r="D24" s="116">
        <v>12878651</v>
      </c>
      <c r="E24" s="112">
        <v>0</v>
      </c>
      <c r="F24" s="117">
        <v>60948328</v>
      </c>
      <c r="G24" s="117">
        <v>71986836</v>
      </c>
      <c r="H24" s="117">
        <v>59417625</v>
      </c>
      <c r="I24" s="117">
        <v>47757385</v>
      </c>
      <c r="J24" s="117">
        <v>35695790</v>
      </c>
      <c r="K24" s="112">
        <v>275805964</v>
      </c>
      <c r="L24" s="119">
        <v>288684615</v>
      </c>
      <c r="M24" s="113">
        <v>1310541</v>
      </c>
      <c r="N24" s="117">
        <v>2509366</v>
      </c>
      <c r="O24" s="116">
        <v>3819907</v>
      </c>
      <c r="P24" s="113">
        <v>0</v>
      </c>
      <c r="Q24" s="117">
        <v>15203831</v>
      </c>
      <c r="R24" s="117">
        <v>17816045</v>
      </c>
      <c r="S24" s="117">
        <v>18227044</v>
      </c>
      <c r="T24" s="117">
        <v>17597814</v>
      </c>
      <c r="U24" s="117">
        <v>13874350</v>
      </c>
      <c r="V24" s="116">
        <v>82719084</v>
      </c>
      <c r="W24" s="119">
        <v>86538991</v>
      </c>
      <c r="X24" s="113">
        <v>0</v>
      </c>
      <c r="Y24" s="117">
        <v>0</v>
      </c>
      <c r="Z24" s="116">
        <v>0</v>
      </c>
      <c r="AA24" s="113">
        <v>0</v>
      </c>
      <c r="AB24" s="117">
        <v>6804297</v>
      </c>
      <c r="AC24" s="117">
        <v>8572518</v>
      </c>
      <c r="AD24" s="117">
        <v>10710386</v>
      </c>
      <c r="AE24" s="117">
        <v>9974776</v>
      </c>
      <c r="AF24" s="117">
        <v>6883126</v>
      </c>
      <c r="AG24" s="116">
        <v>42945103</v>
      </c>
      <c r="AH24" s="119">
        <v>42945103</v>
      </c>
      <c r="AI24" s="113">
        <v>0</v>
      </c>
      <c r="AJ24" s="117">
        <v>46705</v>
      </c>
      <c r="AK24" s="116">
        <v>46705</v>
      </c>
      <c r="AL24" s="113">
        <v>0</v>
      </c>
      <c r="AM24" s="117">
        <v>102018</v>
      </c>
      <c r="AN24" s="117">
        <v>313444</v>
      </c>
      <c r="AO24" s="117">
        <v>954954</v>
      </c>
      <c r="AP24" s="117">
        <v>1454698</v>
      </c>
      <c r="AQ24" s="117">
        <v>1883765</v>
      </c>
      <c r="AR24" s="116">
        <v>4708879</v>
      </c>
      <c r="AS24" s="119">
        <v>4755584</v>
      </c>
      <c r="AT24" s="113">
        <v>722730</v>
      </c>
      <c r="AU24" s="117">
        <v>1759141</v>
      </c>
      <c r="AV24" s="116">
        <v>2481871</v>
      </c>
      <c r="AW24" s="113">
        <v>0</v>
      </c>
      <c r="AX24" s="117">
        <v>5184514</v>
      </c>
      <c r="AY24" s="117">
        <v>5894425</v>
      </c>
      <c r="AZ24" s="117">
        <v>3973959</v>
      </c>
      <c r="BA24" s="117">
        <v>3642367</v>
      </c>
      <c r="BB24" s="117">
        <v>3458686</v>
      </c>
      <c r="BC24" s="116">
        <v>22153951</v>
      </c>
      <c r="BD24" s="119">
        <v>24635822</v>
      </c>
      <c r="BE24" s="113">
        <v>124074</v>
      </c>
      <c r="BF24" s="117">
        <v>375874</v>
      </c>
      <c r="BG24" s="115">
        <v>499948</v>
      </c>
      <c r="BH24" s="114">
        <v>0</v>
      </c>
      <c r="BI24" s="117">
        <v>666058</v>
      </c>
      <c r="BJ24" s="117">
        <v>543552</v>
      </c>
      <c r="BK24" s="117">
        <v>400366</v>
      </c>
      <c r="BL24" s="117">
        <v>367012</v>
      </c>
      <c r="BM24" s="117">
        <v>114910</v>
      </c>
      <c r="BN24" s="116">
        <v>2091898</v>
      </c>
      <c r="BO24" s="119">
        <v>2591846</v>
      </c>
      <c r="BP24" s="113">
        <v>463737</v>
      </c>
      <c r="BQ24" s="117">
        <v>327646</v>
      </c>
      <c r="BR24" s="116">
        <v>791383</v>
      </c>
      <c r="BS24" s="113">
        <v>0</v>
      </c>
      <c r="BT24" s="117">
        <v>2446944</v>
      </c>
      <c r="BU24" s="117">
        <v>2492106</v>
      </c>
      <c r="BV24" s="117">
        <v>2187379</v>
      </c>
      <c r="BW24" s="117">
        <v>2158961</v>
      </c>
      <c r="BX24" s="117">
        <v>1533863</v>
      </c>
      <c r="BY24" s="116">
        <v>10819253</v>
      </c>
      <c r="BZ24" s="119">
        <v>11610636</v>
      </c>
      <c r="CA24" s="113">
        <v>383928</v>
      </c>
      <c r="CB24" s="117">
        <v>1618340</v>
      </c>
      <c r="CC24" s="116">
        <v>2002268</v>
      </c>
      <c r="CD24" s="113">
        <v>0</v>
      </c>
      <c r="CE24" s="117">
        <v>19857271</v>
      </c>
      <c r="CF24" s="117">
        <v>26259887</v>
      </c>
      <c r="CG24" s="117">
        <v>16744136</v>
      </c>
      <c r="CH24" s="117">
        <v>8257297</v>
      </c>
      <c r="CI24" s="117">
        <v>6124475</v>
      </c>
      <c r="CJ24" s="116">
        <v>77243066</v>
      </c>
      <c r="CK24" s="119">
        <v>79245334</v>
      </c>
      <c r="CL24" s="113">
        <v>0</v>
      </c>
      <c r="CM24" s="117">
        <v>0</v>
      </c>
      <c r="CN24" s="116">
        <v>0</v>
      </c>
      <c r="CO24" s="114">
        <v>0</v>
      </c>
      <c r="CP24" s="117">
        <v>15460076</v>
      </c>
      <c r="CQ24" s="117">
        <v>19529170</v>
      </c>
      <c r="CR24" s="117">
        <v>12160478</v>
      </c>
      <c r="CS24" s="117">
        <v>5447342</v>
      </c>
      <c r="CT24" s="117">
        <v>4841064</v>
      </c>
      <c r="CU24" s="116">
        <v>57438130</v>
      </c>
      <c r="CV24" s="119">
        <v>57438130</v>
      </c>
      <c r="CW24" s="113">
        <v>383928</v>
      </c>
      <c r="CX24" s="117">
        <v>1618340</v>
      </c>
      <c r="CY24" s="116">
        <v>2002268</v>
      </c>
      <c r="CZ24" s="113">
        <v>0</v>
      </c>
      <c r="DA24" s="117">
        <v>4397195</v>
      </c>
      <c r="DB24" s="117">
        <v>6730717</v>
      </c>
      <c r="DC24" s="117">
        <v>4583658</v>
      </c>
      <c r="DD24" s="117">
        <v>2809955</v>
      </c>
      <c r="DE24" s="117">
        <v>1283411</v>
      </c>
      <c r="DF24" s="116">
        <v>19804936</v>
      </c>
      <c r="DG24" s="119">
        <v>21807204</v>
      </c>
      <c r="DH24" s="113">
        <v>0</v>
      </c>
      <c r="DI24" s="117">
        <v>93644</v>
      </c>
      <c r="DJ24" s="115">
        <v>93644</v>
      </c>
      <c r="DK24" s="114">
        <v>0</v>
      </c>
      <c r="DL24" s="117">
        <v>1750132</v>
      </c>
      <c r="DM24" s="117">
        <v>4248184</v>
      </c>
      <c r="DN24" s="117">
        <v>5400141</v>
      </c>
      <c r="DO24" s="117">
        <v>3313922</v>
      </c>
      <c r="DP24" s="117">
        <v>2852012</v>
      </c>
      <c r="DQ24" s="116">
        <v>17564391</v>
      </c>
      <c r="DR24" s="119">
        <v>17658035</v>
      </c>
      <c r="DS24" s="113">
        <v>0</v>
      </c>
      <c r="DT24" s="117">
        <v>93644</v>
      </c>
      <c r="DU24" s="116">
        <v>93644</v>
      </c>
      <c r="DV24" s="113">
        <v>0</v>
      </c>
      <c r="DW24" s="117">
        <v>1393407</v>
      </c>
      <c r="DX24" s="117">
        <v>3491868</v>
      </c>
      <c r="DY24" s="117">
        <v>4717076</v>
      </c>
      <c r="DZ24" s="117">
        <v>2212420</v>
      </c>
      <c r="EA24" s="117">
        <v>2210560</v>
      </c>
      <c r="EB24" s="116">
        <v>14025331</v>
      </c>
      <c r="EC24" s="119">
        <v>14118975</v>
      </c>
      <c r="ED24" s="113">
        <v>0</v>
      </c>
      <c r="EE24" s="115">
        <v>0</v>
      </c>
      <c r="EF24" s="116">
        <v>0</v>
      </c>
      <c r="EG24" s="113">
        <v>0</v>
      </c>
      <c r="EH24" s="117">
        <v>356725</v>
      </c>
      <c r="EI24" s="117">
        <v>756316</v>
      </c>
      <c r="EJ24" s="117">
        <v>683065</v>
      </c>
      <c r="EK24" s="117">
        <v>1101502</v>
      </c>
      <c r="EL24" s="117">
        <v>641452</v>
      </c>
      <c r="EM24" s="115">
        <v>3539060</v>
      </c>
      <c r="EN24" s="119">
        <v>3539060</v>
      </c>
      <c r="EO24" s="113">
        <v>0</v>
      </c>
      <c r="EP24" s="117">
        <v>0</v>
      </c>
      <c r="EQ24" s="115">
        <v>0</v>
      </c>
      <c r="ER24" s="114">
        <v>0</v>
      </c>
      <c r="ES24" s="117">
        <v>0</v>
      </c>
      <c r="ET24" s="117">
        <v>0</v>
      </c>
      <c r="EU24" s="117">
        <v>0</v>
      </c>
      <c r="EV24" s="117">
        <v>0</v>
      </c>
      <c r="EW24" s="117">
        <v>0</v>
      </c>
      <c r="EX24" s="116">
        <v>0</v>
      </c>
      <c r="EY24" s="119">
        <v>0</v>
      </c>
      <c r="EZ24" s="113">
        <v>0</v>
      </c>
      <c r="FA24" s="117">
        <v>0</v>
      </c>
      <c r="FB24" s="115">
        <v>0</v>
      </c>
      <c r="FC24" s="395">
        <v>0</v>
      </c>
      <c r="FD24" s="117">
        <v>0</v>
      </c>
      <c r="FE24" s="117">
        <v>0</v>
      </c>
      <c r="FF24" s="117">
        <v>0</v>
      </c>
      <c r="FG24" s="117">
        <v>0</v>
      </c>
      <c r="FH24" s="117">
        <v>0</v>
      </c>
      <c r="FI24" s="116">
        <v>0</v>
      </c>
      <c r="FJ24" s="119">
        <v>0</v>
      </c>
      <c r="FK24" s="113">
        <v>712900</v>
      </c>
      <c r="FL24" s="117">
        <v>1629411</v>
      </c>
      <c r="FM24" s="116">
        <v>2342311</v>
      </c>
      <c r="FN24" s="113">
        <v>0</v>
      </c>
      <c r="FO24" s="117">
        <v>4164653</v>
      </c>
      <c r="FP24" s="117">
        <v>6431226</v>
      </c>
      <c r="FQ24" s="117">
        <v>4941433</v>
      </c>
      <c r="FR24" s="117">
        <v>3853054</v>
      </c>
      <c r="FS24" s="117">
        <v>3193481</v>
      </c>
      <c r="FT24" s="116">
        <v>22583847</v>
      </c>
      <c r="FU24" s="119">
        <v>24926158</v>
      </c>
      <c r="FV24" s="118">
        <v>461044</v>
      </c>
      <c r="FW24" s="117">
        <v>1368965</v>
      </c>
      <c r="FX24" s="115">
        <v>1830009</v>
      </c>
      <c r="FY24" s="114">
        <v>0</v>
      </c>
      <c r="FZ24" s="117">
        <v>3077809</v>
      </c>
      <c r="GA24" s="117">
        <v>5737709</v>
      </c>
      <c r="GB24" s="117">
        <v>4574558</v>
      </c>
      <c r="GC24" s="117">
        <v>3649275</v>
      </c>
      <c r="GD24" s="117">
        <v>3013481</v>
      </c>
      <c r="GE24" s="116">
        <v>20052832</v>
      </c>
      <c r="GF24" s="357">
        <v>21882841</v>
      </c>
      <c r="GG24" s="118">
        <v>73656</v>
      </c>
      <c r="GH24" s="117">
        <v>13728</v>
      </c>
      <c r="GI24" s="115">
        <v>87384</v>
      </c>
      <c r="GJ24" s="114">
        <v>0</v>
      </c>
      <c r="GK24" s="117">
        <v>232263</v>
      </c>
      <c r="GL24" s="117">
        <v>166621</v>
      </c>
      <c r="GM24" s="117">
        <v>153675</v>
      </c>
      <c r="GN24" s="117">
        <v>24030</v>
      </c>
      <c r="GO24" s="117">
        <v>0</v>
      </c>
      <c r="GP24" s="116">
        <v>576589</v>
      </c>
      <c r="GQ24" s="119">
        <v>663973</v>
      </c>
      <c r="GR24" s="113">
        <v>178200</v>
      </c>
      <c r="GS24" s="117">
        <v>246718</v>
      </c>
      <c r="GT24" s="116">
        <v>424918</v>
      </c>
      <c r="GU24" s="113">
        <v>0</v>
      </c>
      <c r="GV24" s="117">
        <v>854581</v>
      </c>
      <c r="GW24" s="117">
        <v>526896</v>
      </c>
      <c r="GX24" s="117">
        <v>213200</v>
      </c>
      <c r="GY24" s="117">
        <v>179749</v>
      </c>
      <c r="GZ24" s="117">
        <v>180000</v>
      </c>
      <c r="HA24" s="115">
        <v>1954426</v>
      </c>
      <c r="HB24" s="119">
        <v>2379344</v>
      </c>
      <c r="HC24" s="113">
        <v>855800</v>
      </c>
      <c r="HD24" s="117">
        <v>1910657</v>
      </c>
      <c r="HE24" s="115">
        <v>2766457</v>
      </c>
      <c r="HF24" s="114">
        <v>0</v>
      </c>
      <c r="HG24" s="117">
        <v>10356704</v>
      </c>
      <c r="HH24" s="117">
        <v>8715905</v>
      </c>
      <c r="HI24" s="117">
        <v>8335842</v>
      </c>
      <c r="HJ24" s="117">
        <v>11637097</v>
      </c>
      <c r="HK24" s="117">
        <v>7575582</v>
      </c>
      <c r="HL24" s="116">
        <v>46621130</v>
      </c>
      <c r="HM24" s="112">
        <v>49387587</v>
      </c>
      <c r="HN24" s="118">
        <v>586634</v>
      </c>
      <c r="HO24" s="117">
        <v>1267430</v>
      </c>
      <c r="HP24" s="116">
        <v>1854064</v>
      </c>
      <c r="HQ24" s="113">
        <v>0</v>
      </c>
      <c r="HR24" s="117">
        <v>9615737</v>
      </c>
      <c r="HS24" s="117">
        <v>8515589</v>
      </c>
      <c r="HT24" s="117">
        <v>5769029</v>
      </c>
      <c r="HU24" s="117">
        <v>3098201</v>
      </c>
      <c r="HV24" s="117">
        <v>2075890</v>
      </c>
      <c r="HW24" s="115">
        <v>29074446</v>
      </c>
      <c r="HX24" s="119">
        <v>30928510</v>
      </c>
      <c r="HY24" s="166">
        <v>0</v>
      </c>
      <c r="HZ24" s="152">
        <v>614661</v>
      </c>
      <c r="IA24" s="166">
        <v>614661</v>
      </c>
      <c r="IB24" s="151">
        <v>0</v>
      </c>
      <c r="IC24" s="152">
        <v>14865218</v>
      </c>
      <c r="ID24" s="153">
        <v>23161848</v>
      </c>
      <c r="IE24" s="154">
        <v>22465298</v>
      </c>
      <c r="IF24" s="152">
        <v>13001227</v>
      </c>
      <c r="IG24" s="154">
        <v>13221112</v>
      </c>
      <c r="IH24" s="155">
        <v>86714703</v>
      </c>
      <c r="II24" s="166">
        <v>87329364</v>
      </c>
      <c r="IJ24" s="259">
        <v>0</v>
      </c>
      <c r="IK24" s="266">
        <v>0</v>
      </c>
      <c r="IL24" s="267">
        <v>0</v>
      </c>
      <c r="IM24" s="157"/>
      <c r="IN24" s="123">
        <v>742055</v>
      </c>
      <c r="IO24" s="123">
        <v>1094029</v>
      </c>
      <c r="IP24" s="123">
        <v>554198</v>
      </c>
      <c r="IQ24" s="123">
        <v>1064932</v>
      </c>
      <c r="IR24" s="123">
        <v>505474</v>
      </c>
      <c r="IS24" s="158">
        <v>3960688</v>
      </c>
      <c r="IT24" s="360">
        <v>3960688</v>
      </c>
      <c r="IU24" s="159">
        <v>0</v>
      </c>
      <c r="IV24" s="123">
        <v>0</v>
      </c>
      <c r="IW24" s="124">
        <v>0</v>
      </c>
      <c r="IX24" s="157"/>
      <c r="IY24" s="123">
        <v>33654</v>
      </c>
      <c r="IZ24" s="123">
        <v>82429</v>
      </c>
      <c r="JA24" s="123">
        <v>112706</v>
      </c>
      <c r="JB24" s="123">
        <v>8725</v>
      </c>
      <c r="JC24" s="123">
        <v>11218</v>
      </c>
      <c r="JD24" s="124">
        <v>248732</v>
      </c>
      <c r="JE24" s="125">
        <v>248732</v>
      </c>
      <c r="JF24" s="159">
        <v>0</v>
      </c>
      <c r="JG24" s="123">
        <v>0</v>
      </c>
      <c r="JH24" s="158">
        <v>0</v>
      </c>
      <c r="JI24" s="122">
        <v>0</v>
      </c>
      <c r="JJ24" s="123">
        <v>6337633</v>
      </c>
      <c r="JK24" s="123">
        <v>7970143</v>
      </c>
      <c r="JL24" s="123">
        <v>5694010</v>
      </c>
      <c r="JM24" s="123">
        <v>2068457</v>
      </c>
      <c r="JN24" s="123">
        <v>1635412</v>
      </c>
      <c r="JO24" s="124">
        <v>23705655</v>
      </c>
      <c r="JP24" s="360">
        <v>23705655</v>
      </c>
      <c r="JQ24" s="159">
        <v>0</v>
      </c>
      <c r="JR24" s="123">
        <v>0</v>
      </c>
      <c r="JS24" s="158">
        <v>0</v>
      </c>
      <c r="JT24" s="122">
        <v>0</v>
      </c>
      <c r="JU24" s="123">
        <v>839974</v>
      </c>
      <c r="JV24" s="123">
        <v>2827349</v>
      </c>
      <c r="JW24" s="123">
        <v>2326385</v>
      </c>
      <c r="JX24" s="123">
        <v>0</v>
      </c>
      <c r="JY24" s="123">
        <v>603430</v>
      </c>
      <c r="JZ24" s="124">
        <v>6597138</v>
      </c>
      <c r="KA24" s="360">
        <v>6597138</v>
      </c>
      <c r="KB24" s="262">
        <v>0</v>
      </c>
      <c r="KC24" s="256">
        <v>367358</v>
      </c>
      <c r="KD24" s="124">
        <v>367358</v>
      </c>
      <c r="KE24" s="122">
        <v>0</v>
      </c>
      <c r="KF24" s="123">
        <v>3138067</v>
      </c>
      <c r="KG24" s="123">
        <v>5572683</v>
      </c>
      <c r="KH24" s="123">
        <v>6805467</v>
      </c>
      <c r="KI24" s="123">
        <v>4139226</v>
      </c>
      <c r="KJ24" s="123">
        <v>5076312</v>
      </c>
      <c r="KK24" s="124">
        <v>24731755</v>
      </c>
      <c r="KL24" s="160">
        <v>25099113</v>
      </c>
      <c r="KM24" s="259">
        <v>0</v>
      </c>
      <c r="KN24" s="266">
        <v>247303</v>
      </c>
      <c r="KO24" s="267">
        <v>247303</v>
      </c>
      <c r="KP24" s="157"/>
      <c r="KQ24" s="123">
        <v>3360996</v>
      </c>
      <c r="KR24" s="123">
        <v>5366390</v>
      </c>
      <c r="KS24" s="123">
        <v>6646693</v>
      </c>
      <c r="KT24" s="123">
        <v>4342934</v>
      </c>
      <c r="KU24" s="123">
        <v>2354921</v>
      </c>
      <c r="KV24" s="124">
        <v>22071934</v>
      </c>
      <c r="KW24" s="360">
        <v>22319237</v>
      </c>
      <c r="KX24" s="159">
        <v>0</v>
      </c>
      <c r="KY24" s="123">
        <v>0</v>
      </c>
      <c r="KZ24" s="124">
        <v>0</v>
      </c>
      <c r="LA24" s="157"/>
      <c r="LB24" s="123">
        <v>0</v>
      </c>
      <c r="LC24" s="123">
        <v>0</v>
      </c>
      <c r="LD24" s="123">
        <v>0</v>
      </c>
      <c r="LE24" s="123">
        <v>0</v>
      </c>
      <c r="LF24" s="123">
        <v>0</v>
      </c>
      <c r="LG24" s="124">
        <v>0</v>
      </c>
      <c r="LH24" s="125">
        <v>0</v>
      </c>
      <c r="LI24" s="159">
        <v>0</v>
      </c>
      <c r="LJ24" s="123">
        <v>0</v>
      </c>
      <c r="LK24" s="124">
        <v>0</v>
      </c>
      <c r="LL24" s="157"/>
      <c r="LM24" s="123">
        <v>0</v>
      </c>
      <c r="LN24" s="123">
        <v>0</v>
      </c>
      <c r="LO24" s="123">
        <v>0</v>
      </c>
      <c r="LP24" s="123">
        <v>0</v>
      </c>
      <c r="LQ24" s="123">
        <v>0</v>
      </c>
      <c r="LR24" s="124">
        <v>0</v>
      </c>
      <c r="LS24" s="360">
        <v>0</v>
      </c>
      <c r="LT24" s="159">
        <v>0</v>
      </c>
      <c r="LU24" s="123">
        <v>0</v>
      </c>
      <c r="LV24" s="124">
        <v>0</v>
      </c>
      <c r="LW24" s="157"/>
      <c r="LX24" s="123">
        <v>412839</v>
      </c>
      <c r="LY24" s="123">
        <v>248825</v>
      </c>
      <c r="LZ24" s="123">
        <v>325839</v>
      </c>
      <c r="MA24" s="123">
        <v>1376953</v>
      </c>
      <c r="MB24" s="123">
        <v>3034345</v>
      </c>
      <c r="MC24" s="124">
        <v>5398801</v>
      </c>
      <c r="MD24" s="125">
        <v>5398801</v>
      </c>
      <c r="ME24" s="159">
        <v>0</v>
      </c>
      <c r="MF24" s="123">
        <v>0</v>
      </c>
      <c r="MG24" s="124">
        <v>0</v>
      </c>
      <c r="MH24" s="157"/>
      <c r="MI24" s="123">
        <v>5172551</v>
      </c>
      <c r="MJ24" s="123">
        <v>15230297</v>
      </c>
      <c r="MK24" s="123">
        <v>49732131</v>
      </c>
      <c r="ML24" s="123">
        <v>63510439</v>
      </c>
      <c r="MM24" s="123">
        <v>41837793</v>
      </c>
      <c r="MN24" s="124">
        <v>175483211</v>
      </c>
      <c r="MO24" s="160">
        <v>175483211</v>
      </c>
      <c r="MP24" s="159">
        <v>0</v>
      </c>
      <c r="MQ24" s="123">
        <v>0</v>
      </c>
      <c r="MR24" s="124">
        <v>0</v>
      </c>
      <c r="MS24" s="157"/>
      <c r="MT24" s="123">
        <v>363699</v>
      </c>
      <c r="MU24" s="123">
        <v>1437101</v>
      </c>
      <c r="MV24" s="123">
        <v>26111553</v>
      </c>
      <c r="MW24" s="123">
        <v>41262753</v>
      </c>
      <c r="MX24" s="123">
        <v>28747198</v>
      </c>
      <c r="MY24" s="124">
        <v>97922304</v>
      </c>
      <c r="MZ24" s="160">
        <v>97922304</v>
      </c>
      <c r="NA24" s="159">
        <v>0</v>
      </c>
      <c r="NB24" s="123">
        <v>0</v>
      </c>
      <c r="NC24" s="124">
        <v>0</v>
      </c>
      <c r="ND24" s="157"/>
      <c r="NE24" s="123">
        <v>4808852</v>
      </c>
      <c r="NF24" s="123">
        <v>13793196</v>
      </c>
      <c r="NG24" s="123">
        <v>23620578</v>
      </c>
      <c r="NH24" s="123">
        <v>20378158</v>
      </c>
      <c r="NI24" s="123">
        <v>10436584</v>
      </c>
      <c r="NJ24" s="124">
        <v>73037368</v>
      </c>
      <c r="NK24" s="360">
        <v>73037368</v>
      </c>
      <c r="NL24" s="159">
        <v>0</v>
      </c>
      <c r="NM24" s="123">
        <v>0</v>
      </c>
      <c r="NN24" s="124">
        <v>0</v>
      </c>
      <c r="NO24" s="157"/>
      <c r="NP24" s="123">
        <v>0</v>
      </c>
      <c r="NQ24" s="123">
        <v>0</v>
      </c>
      <c r="NR24" s="123">
        <v>0</v>
      </c>
      <c r="NS24" s="123">
        <v>304051</v>
      </c>
      <c r="NT24" s="123">
        <v>0</v>
      </c>
      <c r="NU24" s="124">
        <v>304051</v>
      </c>
      <c r="NV24" s="125">
        <v>304051</v>
      </c>
      <c r="NW24" s="159">
        <v>0</v>
      </c>
      <c r="NX24" s="123">
        <v>0</v>
      </c>
      <c r="NY24" s="124">
        <v>0</v>
      </c>
      <c r="NZ24" s="157"/>
      <c r="OA24" s="123">
        <v>0</v>
      </c>
      <c r="OB24" s="123">
        <v>0</v>
      </c>
      <c r="OC24" s="123">
        <v>0</v>
      </c>
      <c r="OD24" s="123">
        <v>1565477</v>
      </c>
      <c r="OE24" s="123">
        <v>2654011</v>
      </c>
      <c r="OF24" s="124">
        <v>4219488</v>
      </c>
      <c r="OG24" s="125">
        <v>4219488</v>
      </c>
      <c r="OH24" s="159">
        <v>3849803</v>
      </c>
      <c r="OI24" s="123">
        <v>9643509</v>
      </c>
      <c r="OJ24" s="158">
        <v>13493312</v>
      </c>
      <c r="OK24" s="122">
        <v>0</v>
      </c>
      <c r="OL24" s="123">
        <v>80986097</v>
      </c>
      <c r="OM24" s="123">
        <v>110378981</v>
      </c>
      <c r="ON24" s="123">
        <v>131615054</v>
      </c>
      <c r="OO24" s="123">
        <v>124269051</v>
      </c>
      <c r="OP24" s="123">
        <v>90754695</v>
      </c>
      <c r="OQ24" s="124">
        <v>538003878</v>
      </c>
      <c r="OR24" s="160">
        <v>551497190</v>
      </c>
    </row>
    <row r="25" spans="1:408" ht="18.75" customHeight="1" x14ac:dyDescent="0.2">
      <c r="A25" s="63" t="s">
        <v>20</v>
      </c>
      <c r="B25" s="113">
        <v>4668515</v>
      </c>
      <c r="C25" s="117">
        <v>14457101</v>
      </c>
      <c r="D25" s="116">
        <v>19125616</v>
      </c>
      <c r="E25" s="113">
        <v>0</v>
      </c>
      <c r="F25" s="117">
        <v>84662685</v>
      </c>
      <c r="G25" s="117">
        <v>71935013</v>
      </c>
      <c r="H25" s="117">
        <v>69743061</v>
      </c>
      <c r="I25" s="117">
        <v>65148726</v>
      </c>
      <c r="J25" s="117">
        <v>39501163</v>
      </c>
      <c r="K25" s="198">
        <v>330990648</v>
      </c>
      <c r="L25" s="119">
        <v>350116264</v>
      </c>
      <c r="M25" s="113">
        <v>1295408</v>
      </c>
      <c r="N25" s="117">
        <v>4111453</v>
      </c>
      <c r="O25" s="116">
        <v>5406861</v>
      </c>
      <c r="P25" s="113">
        <v>0</v>
      </c>
      <c r="Q25" s="117">
        <v>24405014</v>
      </c>
      <c r="R25" s="117">
        <v>21822556</v>
      </c>
      <c r="S25" s="117">
        <v>18838322</v>
      </c>
      <c r="T25" s="117">
        <v>20871352</v>
      </c>
      <c r="U25" s="117">
        <v>17387233</v>
      </c>
      <c r="V25" s="116">
        <v>103324477</v>
      </c>
      <c r="W25" s="119">
        <v>108731338</v>
      </c>
      <c r="X25" s="113">
        <v>0</v>
      </c>
      <c r="Y25" s="117">
        <v>0</v>
      </c>
      <c r="Z25" s="116">
        <v>0</v>
      </c>
      <c r="AA25" s="113">
        <v>0</v>
      </c>
      <c r="AB25" s="117">
        <v>10272999</v>
      </c>
      <c r="AC25" s="117">
        <v>10114163</v>
      </c>
      <c r="AD25" s="117">
        <v>10103941</v>
      </c>
      <c r="AE25" s="117">
        <v>10016736</v>
      </c>
      <c r="AF25" s="117">
        <v>9166425</v>
      </c>
      <c r="AG25" s="116">
        <v>49674264</v>
      </c>
      <c r="AH25" s="119">
        <v>49674264</v>
      </c>
      <c r="AI25" s="113">
        <v>0</v>
      </c>
      <c r="AJ25" s="117">
        <v>54656</v>
      </c>
      <c r="AK25" s="116">
        <v>54656</v>
      </c>
      <c r="AL25" s="113">
        <v>0</v>
      </c>
      <c r="AM25" s="117">
        <v>30776</v>
      </c>
      <c r="AN25" s="117">
        <v>498755</v>
      </c>
      <c r="AO25" s="117">
        <v>446134</v>
      </c>
      <c r="AP25" s="117">
        <v>1838799</v>
      </c>
      <c r="AQ25" s="117">
        <v>2913890</v>
      </c>
      <c r="AR25" s="116">
        <v>5728354</v>
      </c>
      <c r="AS25" s="119">
        <v>5783010</v>
      </c>
      <c r="AT25" s="113">
        <v>776376</v>
      </c>
      <c r="AU25" s="117">
        <v>2327980</v>
      </c>
      <c r="AV25" s="116">
        <v>3104356</v>
      </c>
      <c r="AW25" s="113">
        <v>0</v>
      </c>
      <c r="AX25" s="117">
        <v>9515949</v>
      </c>
      <c r="AY25" s="117">
        <v>6133188</v>
      </c>
      <c r="AZ25" s="117">
        <v>4534133</v>
      </c>
      <c r="BA25" s="117">
        <v>4399791</v>
      </c>
      <c r="BB25" s="117">
        <v>3025188</v>
      </c>
      <c r="BC25" s="116">
        <v>27608249</v>
      </c>
      <c r="BD25" s="119">
        <v>30712605</v>
      </c>
      <c r="BE25" s="113">
        <v>290351</v>
      </c>
      <c r="BF25" s="117">
        <v>1015486</v>
      </c>
      <c r="BG25" s="115">
        <v>1305837</v>
      </c>
      <c r="BH25" s="114">
        <v>0</v>
      </c>
      <c r="BI25" s="117">
        <v>1587463</v>
      </c>
      <c r="BJ25" s="117">
        <v>1789112</v>
      </c>
      <c r="BK25" s="117">
        <v>942095</v>
      </c>
      <c r="BL25" s="117">
        <v>1152823</v>
      </c>
      <c r="BM25" s="117">
        <v>397479</v>
      </c>
      <c r="BN25" s="116">
        <v>5868972</v>
      </c>
      <c r="BO25" s="119">
        <v>7174809</v>
      </c>
      <c r="BP25" s="113">
        <v>228681</v>
      </c>
      <c r="BQ25" s="117">
        <v>713331</v>
      </c>
      <c r="BR25" s="116">
        <v>942012</v>
      </c>
      <c r="BS25" s="113">
        <v>0</v>
      </c>
      <c r="BT25" s="117">
        <v>2997827</v>
      </c>
      <c r="BU25" s="117">
        <v>3287338</v>
      </c>
      <c r="BV25" s="117">
        <v>2812019</v>
      </c>
      <c r="BW25" s="117">
        <v>3463203</v>
      </c>
      <c r="BX25" s="117">
        <v>1884251</v>
      </c>
      <c r="BY25" s="116">
        <v>14444638</v>
      </c>
      <c r="BZ25" s="119">
        <v>15386650</v>
      </c>
      <c r="CA25" s="113">
        <v>512721</v>
      </c>
      <c r="CB25" s="117">
        <v>2355828</v>
      </c>
      <c r="CC25" s="116">
        <v>2868549</v>
      </c>
      <c r="CD25" s="113">
        <v>0</v>
      </c>
      <c r="CE25" s="117">
        <v>27736754</v>
      </c>
      <c r="CF25" s="117">
        <v>19555381</v>
      </c>
      <c r="CG25" s="117">
        <v>18411837</v>
      </c>
      <c r="CH25" s="117">
        <v>10158295</v>
      </c>
      <c r="CI25" s="117">
        <v>4143127</v>
      </c>
      <c r="CJ25" s="116">
        <v>80005394</v>
      </c>
      <c r="CK25" s="119">
        <v>82873943</v>
      </c>
      <c r="CL25" s="113">
        <v>0</v>
      </c>
      <c r="CM25" s="117">
        <v>0</v>
      </c>
      <c r="CN25" s="116">
        <v>0</v>
      </c>
      <c r="CO25" s="114">
        <v>0</v>
      </c>
      <c r="CP25" s="117">
        <v>17961603</v>
      </c>
      <c r="CQ25" s="117">
        <v>13430633</v>
      </c>
      <c r="CR25" s="117">
        <v>13447418</v>
      </c>
      <c r="CS25" s="117">
        <v>6996450</v>
      </c>
      <c r="CT25" s="117">
        <v>3316566</v>
      </c>
      <c r="CU25" s="116">
        <v>55152670</v>
      </c>
      <c r="CV25" s="119">
        <v>55152670</v>
      </c>
      <c r="CW25" s="113">
        <v>512721</v>
      </c>
      <c r="CX25" s="117">
        <v>2355828</v>
      </c>
      <c r="CY25" s="116">
        <v>2868549</v>
      </c>
      <c r="CZ25" s="113">
        <v>0</v>
      </c>
      <c r="DA25" s="117">
        <v>9775151</v>
      </c>
      <c r="DB25" s="117">
        <v>6124748</v>
      </c>
      <c r="DC25" s="117">
        <v>4964419</v>
      </c>
      <c r="DD25" s="117">
        <v>3161845</v>
      </c>
      <c r="DE25" s="117">
        <v>826561</v>
      </c>
      <c r="DF25" s="116">
        <v>24852724</v>
      </c>
      <c r="DG25" s="119">
        <v>27721273</v>
      </c>
      <c r="DH25" s="113">
        <v>17412</v>
      </c>
      <c r="DI25" s="117">
        <v>192506</v>
      </c>
      <c r="DJ25" s="115">
        <v>209918</v>
      </c>
      <c r="DK25" s="114">
        <v>0</v>
      </c>
      <c r="DL25" s="117">
        <v>2342992</v>
      </c>
      <c r="DM25" s="117">
        <v>3251060</v>
      </c>
      <c r="DN25" s="117">
        <v>11670149</v>
      </c>
      <c r="DO25" s="117">
        <v>7685937</v>
      </c>
      <c r="DP25" s="117">
        <v>4221254</v>
      </c>
      <c r="DQ25" s="116">
        <v>29171392</v>
      </c>
      <c r="DR25" s="119">
        <v>29381310</v>
      </c>
      <c r="DS25" s="113">
        <v>17412</v>
      </c>
      <c r="DT25" s="117">
        <v>165083</v>
      </c>
      <c r="DU25" s="116">
        <v>182495</v>
      </c>
      <c r="DV25" s="113">
        <v>0</v>
      </c>
      <c r="DW25" s="117">
        <v>2273945</v>
      </c>
      <c r="DX25" s="117">
        <v>2846933</v>
      </c>
      <c r="DY25" s="117">
        <v>10940250</v>
      </c>
      <c r="DZ25" s="117">
        <v>7153433</v>
      </c>
      <c r="EA25" s="117">
        <v>3891968</v>
      </c>
      <c r="EB25" s="116">
        <v>27106529</v>
      </c>
      <c r="EC25" s="119">
        <v>27289024</v>
      </c>
      <c r="ED25" s="113">
        <v>0</v>
      </c>
      <c r="EE25" s="115">
        <v>27423</v>
      </c>
      <c r="EF25" s="116">
        <v>27423</v>
      </c>
      <c r="EG25" s="113">
        <v>0</v>
      </c>
      <c r="EH25" s="117">
        <v>69047</v>
      </c>
      <c r="EI25" s="117">
        <v>404127</v>
      </c>
      <c r="EJ25" s="117">
        <v>729899</v>
      </c>
      <c r="EK25" s="117">
        <v>532504</v>
      </c>
      <c r="EL25" s="117">
        <v>329286</v>
      </c>
      <c r="EM25" s="115">
        <v>2064863</v>
      </c>
      <c r="EN25" s="119">
        <v>2092286</v>
      </c>
      <c r="EO25" s="113">
        <v>0</v>
      </c>
      <c r="EP25" s="117">
        <v>0</v>
      </c>
      <c r="EQ25" s="115">
        <v>0</v>
      </c>
      <c r="ER25" s="114">
        <v>0</v>
      </c>
      <c r="ES25" s="117">
        <v>0</v>
      </c>
      <c r="ET25" s="117">
        <v>0</v>
      </c>
      <c r="EU25" s="117">
        <v>0</v>
      </c>
      <c r="EV25" s="117">
        <v>0</v>
      </c>
      <c r="EW25" s="117">
        <v>0</v>
      </c>
      <c r="EX25" s="116">
        <v>0</v>
      </c>
      <c r="EY25" s="119">
        <v>0</v>
      </c>
      <c r="EZ25" s="113">
        <v>0</v>
      </c>
      <c r="FA25" s="117">
        <v>0</v>
      </c>
      <c r="FB25" s="115">
        <v>0</v>
      </c>
      <c r="FC25" s="395">
        <v>0</v>
      </c>
      <c r="FD25" s="117">
        <v>0</v>
      </c>
      <c r="FE25" s="117">
        <v>0</v>
      </c>
      <c r="FF25" s="117">
        <v>0</v>
      </c>
      <c r="FG25" s="117">
        <v>0</v>
      </c>
      <c r="FH25" s="117">
        <v>0</v>
      </c>
      <c r="FI25" s="116">
        <v>0</v>
      </c>
      <c r="FJ25" s="119">
        <v>0</v>
      </c>
      <c r="FK25" s="113">
        <v>1496887</v>
      </c>
      <c r="FL25" s="117">
        <v>2576933</v>
      </c>
      <c r="FM25" s="116">
        <v>4073820</v>
      </c>
      <c r="FN25" s="113">
        <v>0</v>
      </c>
      <c r="FO25" s="117">
        <v>5126205</v>
      </c>
      <c r="FP25" s="117">
        <v>6343262</v>
      </c>
      <c r="FQ25" s="117">
        <v>5434511</v>
      </c>
      <c r="FR25" s="117">
        <v>4755322</v>
      </c>
      <c r="FS25" s="117">
        <v>3067873</v>
      </c>
      <c r="FT25" s="116">
        <v>24727173</v>
      </c>
      <c r="FU25" s="119">
        <v>28800993</v>
      </c>
      <c r="FV25" s="118">
        <v>715302</v>
      </c>
      <c r="FW25" s="117">
        <v>1813016</v>
      </c>
      <c r="FX25" s="115">
        <v>2528318</v>
      </c>
      <c r="FY25" s="114">
        <v>0</v>
      </c>
      <c r="FZ25" s="117">
        <v>4427423</v>
      </c>
      <c r="GA25" s="117">
        <v>5727788</v>
      </c>
      <c r="GB25" s="117">
        <v>4683467</v>
      </c>
      <c r="GC25" s="117">
        <v>4390949</v>
      </c>
      <c r="GD25" s="117">
        <v>2842783</v>
      </c>
      <c r="GE25" s="116">
        <v>22072410</v>
      </c>
      <c r="GF25" s="357">
        <v>24600728</v>
      </c>
      <c r="GG25" s="118">
        <v>95445</v>
      </c>
      <c r="GH25" s="117">
        <v>164240</v>
      </c>
      <c r="GI25" s="115">
        <v>259685</v>
      </c>
      <c r="GJ25" s="114">
        <v>0</v>
      </c>
      <c r="GK25" s="117">
        <v>230928</v>
      </c>
      <c r="GL25" s="117">
        <v>135604</v>
      </c>
      <c r="GM25" s="117">
        <v>264144</v>
      </c>
      <c r="GN25" s="117">
        <v>82485</v>
      </c>
      <c r="GO25" s="117">
        <v>20790</v>
      </c>
      <c r="GP25" s="116">
        <v>733951</v>
      </c>
      <c r="GQ25" s="119">
        <v>993636</v>
      </c>
      <c r="GR25" s="113">
        <v>686140</v>
      </c>
      <c r="GS25" s="117">
        <v>599677</v>
      </c>
      <c r="GT25" s="116">
        <v>1285817</v>
      </c>
      <c r="GU25" s="113">
        <v>0</v>
      </c>
      <c r="GV25" s="117">
        <v>467854</v>
      </c>
      <c r="GW25" s="117">
        <v>479870</v>
      </c>
      <c r="GX25" s="117">
        <v>486900</v>
      </c>
      <c r="GY25" s="117">
        <v>281888</v>
      </c>
      <c r="GZ25" s="117">
        <v>204300</v>
      </c>
      <c r="HA25" s="115">
        <v>1920812</v>
      </c>
      <c r="HB25" s="119">
        <v>3206629</v>
      </c>
      <c r="HC25" s="113">
        <v>408847</v>
      </c>
      <c r="HD25" s="117">
        <v>3217330</v>
      </c>
      <c r="HE25" s="115">
        <v>3626177</v>
      </c>
      <c r="HF25" s="114">
        <v>0</v>
      </c>
      <c r="HG25" s="117">
        <v>11776467</v>
      </c>
      <c r="HH25" s="117">
        <v>13210453</v>
      </c>
      <c r="HI25" s="117">
        <v>9108460</v>
      </c>
      <c r="HJ25" s="117">
        <v>17538908</v>
      </c>
      <c r="HK25" s="117">
        <v>8622161</v>
      </c>
      <c r="HL25" s="116">
        <v>60256449</v>
      </c>
      <c r="HM25" s="112">
        <v>63882626</v>
      </c>
      <c r="HN25" s="118">
        <v>937240</v>
      </c>
      <c r="HO25" s="117">
        <v>2003051</v>
      </c>
      <c r="HP25" s="116">
        <v>2940291</v>
      </c>
      <c r="HQ25" s="113">
        <v>0</v>
      </c>
      <c r="HR25" s="117">
        <v>13275253</v>
      </c>
      <c r="HS25" s="117">
        <v>7752301</v>
      </c>
      <c r="HT25" s="117">
        <v>6279782</v>
      </c>
      <c r="HU25" s="117">
        <v>4138912</v>
      </c>
      <c r="HV25" s="117">
        <v>2059515</v>
      </c>
      <c r="HW25" s="115">
        <v>33505763</v>
      </c>
      <c r="HX25" s="119">
        <v>36446054</v>
      </c>
      <c r="HY25" s="148">
        <v>82507</v>
      </c>
      <c r="HZ25" s="149">
        <v>167864</v>
      </c>
      <c r="IA25" s="150">
        <v>250371</v>
      </c>
      <c r="IB25" s="162">
        <v>0</v>
      </c>
      <c r="IC25" s="149">
        <v>16452412</v>
      </c>
      <c r="ID25" s="163">
        <v>13731193</v>
      </c>
      <c r="IE25" s="150">
        <v>16073944</v>
      </c>
      <c r="IF25" s="149">
        <v>13320982</v>
      </c>
      <c r="IG25" s="150">
        <v>3945865</v>
      </c>
      <c r="IH25" s="164">
        <v>63524396</v>
      </c>
      <c r="II25" s="156">
        <v>63774767</v>
      </c>
      <c r="IJ25" s="259">
        <v>0</v>
      </c>
      <c r="IK25" s="266">
        <v>0</v>
      </c>
      <c r="IL25" s="267">
        <v>0</v>
      </c>
      <c r="IM25" s="157"/>
      <c r="IN25" s="123">
        <v>86634</v>
      </c>
      <c r="IO25" s="123">
        <v>0</v>
      </c>
      <c r="IP25" s="123">
        <v>0</v>
      </c>
      <c r="IQ25" s="123">
        <v>0</v>
      </c>
      <c r="IR25" s="123">
        <v>0</v>
      </c>
      <c r="IS25" s="158">
        <v>86634</v>
      </c>
      <c r="IT25" s="360">
        <v>86634</v>
      </c>
      <c r="IU25" s="159">
        <v>0</v>
      </c>
      <c r="IV25" s="123">
        <v>0</v>
      </c>
      <c r="IW25" s="124">
        <v>0</v>
      </c>
      <c r="IX25" s="157"/>
      <c r="IY25" s="123">
        <v>0</v>
      </c>
      <c r="IZ25" s="123">
        <v>0</v>
      </c>
      <c r="JA25" s="123">
        <v>0</v>
      </c>
      <c r="JB25" s="123">
        <v>0</v>
      </c>
      <c r="JC25" s="123">
        <v>0</v>
      </c>
      <c r="JD25" s="124">
        <v>0</v>
      </c>
      <c r="JE25" s="125">
        <v>0</v>
      </c>
      <c r="JF25" s="159">
        <v>0</v>
      </c>
      <c r="JG25" s="123">
        <v>0</v>
      </c>
      <c r="JH25" s="158">
        <v>0</v>
      </c>
      <c r="JI25" s="122">
        <v>0</v>
      </c>
      <c r="JJ25" s="123">
        <v>7716915</v>
      </c>
      <c r="JK25" s="123">
        <v>5413805</v>
      </c>
      <c r="JL25" s="123">
        <v>4267417</v>
      </c>
      <c r="JM25" s="123">
        <v>3295238</v>
      </c>
      <c r="JN25" s="123">
        <v>849614</v>
      </c>
      <c r="JO25" s="124">
        <v>21542989</v>
      </c>
      <c r="JP25" s="360">
        <v>21542989</v>
      </c>
      <c r="JQ25" s="159">
        <v>0</v>
      </c>
      <c r="JR25" s="123">
        <v>0</v>
      </c>
      <c r="JS25" s="158">
        <v>0</v>
      </c>
      <c r="JT25" s="122">
        <v>0</v>
      </c>
      <c r="JU25" s="123">
        <v>232203</v>
      </c>
      <c r="JV25" s="123">
        <v>507384</v>
      </c>
      <c r="JW25" s="123">
        <v>186055</v>
      </c>
      <c r="JX25" s="123">
        <v>333961</v>
      </c>
      <c r="JY25" s="123">
        <v>391184</v>
      </c>
      <c r="JZ25" s="124">
        <v>1650787</v>
      </c>
      <c r="KA25" s="360">
        <v>1650787</v>
      </c>
      <c r="KB25" s="262">
        <v>82507</v>
      </c>
      <c r="KC25" s="256">
        <v>167864</v>
      </c>
      <c r="KD25" s="124">
        <v>250371</v>
      </c>
      <c r="KE25" s="122">
        <v>0</v>
      </c>
      <c r="KF25" s="123">
        <v>1017665</v>
      </c>
      <c r="KG25" s="123">
        <v>1855171</v>
      </c>
      <c r="KH25" s="123">
        <v>1531720</v>
      </c>
      <c r="KI25" s="123">
        <v>1813141</v>
      </c>
      <c r="KJ25" s="123">
        <v>162598</v>
      </c>
      <c r="KK25" s="124">
        <v>6380295</v>
      </c>
      <c r="KL25" s="160">
        <v>6630666</v>
      </c>
      <c r="KM25" s="259">
        <v>0</v>
      </c>
      <c r="KN25" s="266">
        <v>0</v>
      </c>
      <c r="KO25" s="267">
        <v>0</v>
      </c>
      <c r="KP25" s="157"/>
      <c r="KQ25" s="123">
        <v>7398995</v>
      </c>
      <c r="KR25" s="123">
        <v>5954833</v>
      </c>
      <c r="KS25" s="123">
        <v>10088752</v>
      </c>
      <c r="KT25" s="123">
        <v>7568128</v>
      </c>
      <c r="KU25" s="123">
        <v>2542469</v>
      </c>
      <c r="KV25" s="124">
        <v>33553177</v>
      </c>
      <c r="KW25" s="360">
        <v>33553177</v>
      </c>
      <c r="KX25" s="159">
        <v>0</v>
      </c>
      <c r="KY25" s="123">
        <v>0</v>
      </c>
      <c r="KZ25" s="124">
        <v>0</v>
      </c>
      <c r="LA25" s="157"/>
      <c r="LB25" s="123">
        <v>0</v>
      </c>
      <c r="LC25" s="123">
        <v>0</v>
      </c>
      <c r="LD25" s="123">
        <v>0</v>
      </c>
      <c r="LE25" s="123">
        <v>0</v>
      </c>
      <c r="LF25" s="123">
        <v>0</v>
      </c>
      <c r="LG25" s="124">
        <v>0</v>
      </c>
      <c r="LH25" s="125">
        <v>0</v>
      </c>
      <c r="LI25" s="159">
        <v>0</v>
      </c>
      <c r="LJ25" s="123">
        <v>0</v>
      </c>
      <c r="LK25" s="124">
        <v>0</v>
      </c>
      <c r="LL25" s="157"/>
      <c r="LM25" s="123">
        <v>0</v>
      </c>
      <c r="LN25" s="123">
        <v>0</v>
      </c>
      <c r="LO25" s="123">
        <v>0</v>
      </c>
      <c r="LP25" s="123">
        <v>310514</v>
      </c>
      <c r="LQ25" s="123">
        <v>0</v>
      </c>
      <c r="LR25" s="124">
        <v>310514</v>
      </c>
      <c r="LS25" s="360">
        <v>310514</v>
      </c>
      <c r="LT25" s="159">
        <v>0</v>
      </c>
      <c r="LU25" s="123">
        <v>0</v>
      </c>
      <c r="LV25" s="124">
        <v>0</v>
      </c>
      <c r="LW25" s="157"/>
      <c r="LX25" s="123">
        <v>0</v>
      </c>
      <c r="LY25" s="123">
        <v>0</v>
      </c>
      <c r="LZ25" s="123">
        <v>0</v>
      </c>
      <c r="MA25" s="123">
        <v>0</v>
      </c>
      <c r="MB25" s="123">
        <v>0</v>
      </c>
      <c r="MC25" s="124">
        <v>0</v>
      </c>
      <c r="MD25" s="125">
        <v>0</v>
      </c>
      <c r="ME25" s="159">
        <v>0</v>
      </c>
      <c r="MF25" s="123">
        <v>0</v>
      </c>
      <c r="MG25" s="124">
        <v>0</v>
      </c>
      <c r="MH25" s="157"/>
      <c r="MI25" s="123">
        <v>5727823</v>
      </c>
      <c r="MJ25" s="123">
        <v>16137627</v>
      </c>
      <c r="MK25" s="123">
        <v>54424767</v>
      </c>
      <c r="ML25" s="123">
        <v>69861504</v>
      </c>
      <c r="MM25" s="123">
        <v>43273564</v>
      </c>
      <c r="MN25" s="124">
        <v>189425285</v>
      </c>
      <c r="MO25" s="160">
        <v>189425285</v>
      </c>
      <c r="MP25" s="159">
        <v>0</v>
      </c>
      <c r="MQ25" s="123">
        <v>0</v>
      </c>
      <c r="MR25" s="124">
        <v>0</v>
      </c>
      <c r="MS25" s="157"/>
      <c r="MT25" s="123">
        <v>873425</v>
      </c>
      <c r="MU25" s="123">
        <v>6305652</v>
      </c>
      <c r="MV25" s="123">
        <v>41624901</v>
      </c>
      <c r="MW25" s="123">
        <v>54678304</v>
      </c>
      <c r="MX25" s="123">
        <v>33595227</v>
      </c>
      <c r="MY25" s="124">
        <v>137077509</v>
      </c>
      <c r="MZ25" s="160">
        <v>137077509</v>
      </c>
      <c r="NA25" s="159">
        <v>0</v>
      </c>
      <c r="NB25" s="123">
        <v>0</v>
      </c>
      <c r="NC25" s="124">
        <v>0</v>
      </c>
      <c r="ND25" s="157"/>
      <c r="NE25" s="123">
        <v>4854398</v>
      </c>
      <c r="NF25" s="123">
        <v>9831975</v>
      </c>
      <c r="NG25" s="123">
        <v>12712455</v>
      </c>
      <c r="NH25" s="123">
        <v>15183200</v>
      </c>
      <c r="NI25" s="123">
        <v>6718477</v>
      </c>
      <c r="NJ25" s="124">
        <v>49300505</v>
      </c>
      <c r="NK25" s="360">
        <v>49300505</v>
      </c>
      <c r="NL25" s="159">
        <v>0</v>
      </c>
      <c r="NM25" s="123">
        <v>0</v>
      </c>
      <c r="NN25" s="124">
        <v>0</v>
      </c>
      <c r="NO25" s="157"/>
      <c r="NP25" s="123">
        <v>0</v>
      </c>
      <c r="NQ25" s="123">
        <v>0</v>
      </c>
      <c r="NR25" s="123">
        <v>0</v>
      </c>
      <c r="NS25" s="123">
        <v>0</v>
      </c>
      <c r="NT25" s="123">
        <v>1309576</v>
      </c>
      <c r="NU25" s="124">
        <v>1309576</v>
      </c>
      <c r="NV25" s="125">
        <v>1309576</v>
      </c>
      <c r="NW25" s="159">
        <v>0</v>
      </c>
      <c r="NX25" s="123">
        <v>0</v>
      </c>
      <c r="NY25" s="124">
        <v>0</v>
      </c>
      <c r="NZ25" s="157"/>
      <c r="OA25" s="123">
        <v>0</v>
      </c>
      <c r="OB25" s="123">
        <v>0</v>
      </c>
      <c r="OC25" s="123">
        <v>87411</v>
      </c>
      <c r="OD25" s="123">
        <v>0</v>
      </c>
      <c r="OE25" s="123">
        <v>1650284</v>
      </c>
      <c r="OF25" s="124">
        <v>1737695</v>
      </c>
      <c r="OG25" s="125">
        <v>1737695</v>
      </c>
      <c r="OH25" s="159">
        <v>4751022</v>
      </c>
      <c r="OI25" s="123">
        <v>14624965</v>
      </c>
      <c r="OJ25" s="158">
        <v>19375987</v>
      </c>
      <c r="OK25" s="122">
        <v>0</v>
      </c>
      <c r="OL25" s="123">
        <v>106842920</v>
      </c>
      <c r="OM25" s="123">
        <v>101803833</v>
      </c>
      <c r="ON25" s="123">
        <v>140241772</v>
      </c>
      <c r="OO25" s="123">
        <v>148331212</v>
      </c>
      <c r="OP25" s="123">
        <v>86720592</v>
      </c>
      <c r="OQ25" s="124">
        <v>583940329</v>
      </c>
      <c r="OR25" s="160">
        <v>603316316</v>
      </c>
    </row>
    <row r="26" spans="1:408" ht="18.75" customHeight="1" x14ac:dyDescent="0.2">
      <c r="A26" s="63" t="s">
        <v>21</v>
      </c>
      <c r="B26" s="113">
        <v>5949769</v>
      </c>
      <c r="C26" s="117">
        <v>13139777</v>
      </c>
      <c r="D26" s="116">
        <v>19089546</v>
      </c>
      <c r="E26" s="112">
        <v>0</v>
      </c>
      <c r="F26" s="117">
        <v>64952979</v>
      </c>
      <c r="G26" s="117">
        <v>104704997</v>
      </c>
      <c r="H26" s="117">
        <v>80231154</v>
      </c>
      <c r="I26" s="117">
        <v>73993397</v>
      </c>
      <c r="J26" s="117">
        <v>57293706</v>
      </c>
      <c r="K26" s="198">
        <v>381176233</v>
      </c>
      <c r="L26" s="119">
        <v>400265779</v>
      </c>
      <c r="M26" s="113">
        <v>2072926</v>
      </c>
      <c r="N26" s="117">
        <v>3986658</v>
      </c>
      <c r="O26" s="116">
        <v>6059584</v>
      </c>
      <c r="P26" s="113">
        <v>0</v>
      </c>
      <c r="Q26" s="117">
        <v>20766133</v>
      </c>
      <c r="R26" s="117">
        <v>34675631</v>
      </c>
      <c r="S26" s="117">
        <v>28052788</v>
      </c>
      <c r="T26" s="117">
        <v>27648975</v>
      </c>
      <c r="U26" s="117">
        <v>25675787</v>
      </c>
      <c r="V26" s="116">
        <v>136819314</v>
      </c>
      <c r="W26" s="119">
        <v>142878898</v>
      </c>
      <c r="X26" s="113">
        <v>0</v>
      </c>
      <c r="Y26" s="117">
        <v>0</v>
      </c>
      <c r="Z26" s="116">
        <v>0</v>
      </c>
      <c r="AA26" s="113">
        <v>0</v>
      </c>
      <c r="AB26" s="117">
        <v>10089645</v>
      </c>
      <c r="AC26" s="117">
        <v>17637783</v>
      </c>
      <c r="AD26" s="117">
        <v>16611120</v>
      </c>
      <c r="AE26" s="117">
        <v>15980653</v>
      </c>
      <c r="AF26" s="117">
        <v>15558746</v>
      </c>
      <c r="AG26" s="116">
        <v>75877947</v>
      </c>
      <c r="AH26" s="119">
        <v>75877947</v>
      </c>
      <c r="AI26" s="113">
        <v>0</v>
      </c>
      <c r="AJ26" s="117">
        <v>0</v>
      </c>
      <c r="AK26" s="116">
        <v>0</v>
      </c>
      <c r="AL26" s="113">
        <v>0</v>
      </c>
      <c r="AM26" s="117">
        <v>53965</v>
      </c>
      <c r="AN26" s="117">
        <v>252023</v>
      </c>
      <c r="AO26" s="117">
        <v>995352</v>
      </c>
      <c r="AP26" s="117">
        <v>1960942</v>
      </c>
      <c r="AQ26" s="117">
        <v>3063972</v>
      </c>
      <c r="AR26" s="116">
        <v>6326254</v>
      </c>
      <c r="AS26" s="119">
        <v>6326254</v>
      </c>
      <c r="AT26" s="113">
        <v>1276128</v>
      </c>
      <c r="AU26" s="117">
        <v>2768700</v>
      </c>
      <c r="AV26" s="116">
        <v>4044828</v>
      </c>
      <c r="AW26" s="113">
        <v>0</v>
      </c>
      <c r="AX26" s="117">
        <v>7063560</v>
      </c>
      <c r="AY26" s="117">
        <v>11315062</v>
      </c>
      <c r="AZ26" s="117">
        <v>6239829</v>
      </c>
      <c r="BA26" s="117">
        <v>5885574</v>
      </c>
      <c r="BB26" s="117">
        <v>4007280</v>
      </c>
      <c r="BC26" s="116">
        <v>34511305</v>
      </c>
      <c r="BD26" s="119">
        <v>38556133</v>
      </c>
      <c r="BE26" s="113">
        <v>253388</v>
      </c>
      <c r="BF26" s="117">
        <v>680248</v>
      </c>
      <c r="BG26" s="115">
        <v>933636</v>
      </c>
      <c r="BH26" s="114">
        <v>0</v>
      </c>
      <c r="BI26" s="117">
        <v>670279</v>
      </c>
      <c r="BJ26" s="117">
        <v>1226743</v>
      </c>
      <c r="BK26" s="117">
        <v>709975</v>
      </c>
      <c r="BL26" s="117">
        <v>854716</v>
      </c>
      <c r="BM26" s="117">
        <v>138885</v>
      </c>
      <c r="BN26" s="116">
        <v>3600598</v>
      </c>
      <c r="BO26" s="119">
        <v>4534234</v>
      </c>
      <c r="BP26" s="113">
        <v>543410</v>
      </c>
      <c r="BQ26" s="117">
        <v>537710</v>
      </c>
      <c r="BR26" s="116">
        <v>1081120</v>
      </c>
      <c r="BS26" s="113">
        <v>0</v>
      </c>
      <c r="BT26" s="117">
        <v>2888684</v>
      </c>
      <c r="BU26" s="117">
        <v>4244020</v>
      </c>
      <c r="BV26" s="117">
        <v>3496512</v>
      </c>
      <c r="BW26" s="117">
        <v>2967090</v>
      </c>
      <c r="BX26" s="117">
        <v>2906904</v>
      </c>
      <c r="BY26" s="116">
        <v>16503210</v>
      </c>
      <c r="BZ26" s="119">
        <v>17584330</v>
      </c>
      <c r="CA26" s="113">
        <v>649354</v>
      </c>
      <c r="CB26" s="117">
        <v>2149645</v>
      </c>
      <c r="CC26" s="116">
        <v>2798999</v>
      </c>
      <c r="CD26" s="113">
        <v>0</v>
      </c>
      <c r="CE26" s="117">
        <v>17602947</v>
      </c>
      <c r="CF26" s="117">
        <v>31074017</v>
      </c>
      <c r="CG26" s="117">
        <v>18721048</v>
      </c>
      <c r="CH26" s="117">
        <v>13692574</v>
      </c>
      <c r="CI26" s="117">
        <v>5662409</v>
      </c>
      <c r="CJ26" s="116">
        <v>86752995</v>
      </c>
      <c r="CK26" s="119">
        <v>89551994</v>
      </c>
      <c r="CL26" s="113">
        <v>0</v>
      </c>
      <c r="CM26" s="117">
        <v>0</v>
      </c>
      <c r="CN26" s="116">
        <v>0</v>
      </c>
      <c r="CO26" s="114">
        <v>0</v>
      </c>
      <c r="CP26" s="117">
        <v>15288649</v>
      </c>
      <c r="CQ26" s="117">
        <v>26855480</v>
      </c>
      <c r="CR26" s="117">
        <v>15376933</v>
      </c>
      <c r="CS26" s="117">
        <v>12629033</v>
      </c>
      <c r="CT26" s="117">
        <v>4359664</v>
      </c>
      <c r="CU26" s="116">
        <v>74509759</v>
      </c>
      <c r="CV26" s="119">
        <v>74509759</v>
      </c>
      <c r="CW26" s="113">
        <v>649354</v>
      </c>
      <c r="CX26" s="117">
        <v>2149645</v>
      </c>
      <c r="CY26" s="116">
        <v>2798999</v>
      </c>
      <c r="CZ26" s="113">
        <v>0</v>
      </c>
      <c r="DA26" s="117">
        <v>2314298</v>
      </c>
      <c r="DB26" s="117">
        <v>4218537</v>
      </c>
      <c r="DC26" s="117">
        <v>3344115</v>
      </c>
      <c r="DD26" s="117">
        <v>1063541</v>
      </c>
      <c r="DE26" s="117">
        <v>1302745</v>
      </c>
      <c r="DF26" s="116">
        <v>12243236</v>
      </c>
      <c r="DG26" s="119">
        <v>15042235</v>
      </c>
      <c r="DH26" s="113">
        <v>20720</v>
      </c>
      <c r="DI26" s="117">
        <v>206967</v>
      </c>
      <c r="DJ26" s="115">
        <v>227687</v>
      </c>
      <c r="DK26" s="114">
        <v>0</v>
      </c>
      <c r="DL26" s="117">
        <v>1084854</v>
      </c>
      <c r="DM26" s="117">
        <v>3599442</v>
      </c>
      <c r="DN26" s="117">
        <v>8869714</v>
      </c>
      <c r="DO26" s="117">
        <v>10717771</v>
      </c>
      <c r="DP26" s="117">
        <v>5079176</v>
      </c>
      <c r="DQ26" s="116">
        <v>29350957</v>
      </c>
      <c r="DR26" s="119">
        <v>29578644</v>
      </c>
      <c r="DS26" s="113">
        <v>20720</v>
      </c>
      <c r="DT26" s="117">
        <v>206967</v>
      </c>
      <c r="DU26" s="116">
        <v>227687</v>
      </c>
      <c r="DV26" s="113">
        <v>0</v>
      </c>
      <c r="DW26" s="117">
        <v>1084854</v>
      </c>
      <c r="DX26" s="117">
        <v>3544544</v>
      </c>
      <c r="DY26" s="117">
        <v>8722263</v>
      </c>
      <c r="DZ26" s="117">
        <v>10681517</v>
      </c>
      <c r="EA26" s="117">
        <v>4588771</v>
      </c>
      <c r="EB26" s="116">
        <v>28621949</v>
      </c>
      <c r="EC26" s="119">
        <v>28849636</v>
      </c>
      <c r="ED26" s="113">
        <v>0</v>
      </c>
      <c r="EE26" s="115">
        <v>0</v>
      </c>
      <c r="EF26" s="116">
        <v>0</v>
      </c>
      <c r="EG26" s="113">
        <v>0</v>
      </c>
      <c r="EH26" s="117">
        <v>0</v>
      </c>
      <c r="EI26" s="117">
        <v>54898</v>
      </c>
      <c r="EJ26" s="117">
        <v>147451</v>
      </c>
      <c r="EK26" s="117">
        <v>36254</v>
      </c>
      <c r="EL26" s="117">
        <v>490405</v>
      </c>
      <c r="EM26" s="115">
        <v>729008</v>
      </c>
      <c r="EN26" s="119">
        <v>729008</v>
      </c>
      <c r="EO26" s="113">
        <v>0</v>
      </c>
      <c r="EP26" s="117">
        <v>0</v>
      </c>
      <c r="EQ26" s="115">
        <v>0</v>
      </c>
      <c r="ER26" s="114">
        <v>0</v>
      </c>
      <c r="ES26" s="117">
        <v>0</v>
      </c>
      <c r="ET26" s="117">
        <v>0</v>
      </c>
      <c r="EU26" s="117">
        <v>0</v>
      </c>
      <c r="EV26" s="117">
        <v>0</v>
      </c>
      <c r="EW26" s="117">
        <v>0</v>
      </c>
      <c r="EX26" s="116">
        <v>0</v>
      </c>
      <c r="EY26" s="119">
        <v>0</v>
      </c>
      <c r="EZ26" s="113">
        <v>0</v>
      </c>
      <c r="FA26" s="117">
        <v>0</v>
      </c>
      <c r="FB26" s="115">
        <v>0</v>
      </c>
      <c r="FC26" s="395">
        <v>0</v>
      </c>
      <c r="FD26" s="117">
        <v>0</v>
      </c>
      <c r="FE26" s="117">
        <v>0</v>
      </c>
      <c r="FF26" s="117">
        <v>0</v>
      </c>
      <c r="FG26" s="117">
        <v>0</v>
      </c>
      <c r="FH26" s="117">
        <v>0</v>
      </c>
      <c r="FI26" s="116">
        <v>0</v>
      </c>
      <c r="FJ26" s="119">
        <v>0</v>
      </c>
      <c r="FK26" s="113">
        <v>911283</v>
      </c>
      <c r="FL26" s="117">
        <v>2807109</v>
      </c>
      <c r="FM26" s="116">
        <v>3718392</v>
      </c>
      <c r="FN26" s="113">
        <v>0</v>
      </c>
      <c r="FO26" s="117">
        <v>3503544</v>
      </c>
      <c r="FP26" s="117">
        <v>9073681</v>
      </c>
      <c r="FQ26" s="117">
        <v>5690835</v>
      </c>
      <c r="FR26" s="117">
        <v>5663772</v>
      </c>
      <c r="FS26" s="117">
        <v>3668573</v>
      </c>
      <c r="FT26" s="116">
        <v>27600405</v>
      </c>
      <c r="FU26" s="119">
        <v>31318797</v>
      </c>
      <c r="FV26" s="118">
        <v>714140</v>
      </c>
      <c r="FW26" s="117">
        <v>2298479</v>
      </c>
      <c r="FX26" s="115">
        <v>3012619</v>
      </c>
      <c r="FY26" s="114">
        <v>0</v>
      </c>
      <c r="FZ26" s="117">
        <v>2741250</v>
      </c>
      <c r="GA26" s="117">
        <v>8115546</v>
      </c>
      <c r="GB26" s="117">
        <v>5251725</v>
      </c>
      <c r="GC26" s="117">
        <v>5080485</v>
      </c>
      <c r="GD26" s="117">
        <v>3643823</v>
      </c>
      <c r="GE26" s="116">
        <v>24832829</v>
      </c>
      <c r="GF26" s="357">
        <v>27845448</v>
      </c>
      <c r="GG26" s="118">
        <v>16483</v>
      </c>
      <c r="GH26" s="117">
        <v>108130</v>
      </c>
      <c r="GI26" s="115">
        <v>124613</v>
      </c>
      <c r="GJ26" s="114">
        <v>0</v>
      </c>
      <c r="GK26" s="117">
        <v>151564</v>
      </c>
      <c r="GL26" s="117">
        <v>283140</v>
      </c>
      <c r="GM26" s="117">
        <v>113670</v>
      </c>
      <c r="GN26" s="117">
        <v>102847</v>
      </c>
      <c r="GO26" s="117">
        <v>24750</v>
      </c>
      <c r="GP26" s="116">
        <v>675971</v>
      </c>
      <c r="GQ26" s="119">
        <v>800584</v>
      </c>
      <c r="GR26" s="113">
        <v>180660</v>
      </c>
      <c r="GS26" s="117">
        <v>400500</v>
      </c>
      <c r="GT26" s="116">
        <v>581160</v>
      </c>
      <c r="GU26" s="113">
        <v>0</v>
      </c>
      <c r="GV26" s="117">
        <v>610730</v>
      </c>
      <c r="GW26" s="117">
        <v>674995</v>
      </c>
      <c r="GX26" s="117">
        <v>325440</v>
      </c>
      <c r="GY26" s="117">
        <v>480440</v>
      </c>
      <c r="GZ26" s="117">
        <v>0</v>
      </c>
      <c r="HA26" s="115">
        <v>2091605</v>
      </c>
      <c r="HB26" s="119">
        <v>2672765</v>
      </c>
      <c r="HC26" s="113">
        <v>1145039</v>
      </c>
      <c r="HD26" s="117">
        <v>2084253</v>
      </c>
      <c r="HE26" s="115">
        <v>3229292</v>
      </c>
      <c r="HF26" s="114">
        <v>0</v>
      </c>
      <c r="HG26" s="117">
        <v>11699802</v>
      </c>
      <c r="HH26" s="117">
        <v>13097762</v>
      </c>
      <c r="HI26" s="117">
        <v>11461134</v>
      </c>
      <c r="HJ26" s="117">
        <v>11133217</v>
      </c>
      <c r="HK26" s="117">
        <v>14260994</v>
      </c>
      <c r="HL26" s="116">
        <v>61652909</v>
      </c>
      <c r="HM26" s="112">
        <v>64882201</v>
      </c>
      <c r="HN26" s="118">
        <v>1150447</v>
      </c>
      <c r="HO26" s="117">
        <v>1905145</v>
      </c>
      <c r="HP26" s="116">
        <v>3055592</v>
      </c>
      <c r="HQ26" s="113">
        <v>0</v>
      </c>
      <c r="HR26" s="117">
        <v>10295699</v>
      </c>
      <c r="HS26" s="117">
        <v>13184464</v>
      </c>
      <c r="HT26" s="117">
        <v>7435635</v>
      </c>
      <c r="HU26" s="117">
        <v>5137088</v>
      </c>
      <c r="HV26" s="117">
        <v>2946767</v>
      </c>
      <c r="HW26" s="115">
        <v>38999653</v>
      </c>
      <c r="HX26" s="119">
        <v>42055245</v>
      </c>
      <c r="HY26" s="166">
        <v>46943</v>
      </c>
      <c r="HZ26" s="152">
        <v>84068</v>
      </c>
      <c r="IA26" s="166">
        <v>131011</v>
      </c>
      <c r="IB26" s="151">
        <v>0</v>
      </c>
      <c r="IC26" s="152">
        <v>14931127</v>
      </c>
      <c r="ID26" s="153">
        <v>22508976</v>
      </c>
      <c r="IE26" s="154">
        <v>20542206</v>
      </c>
      <c r="IF26" s="152">
        <v>10273772</v>
      </c>
      <c r="IG26" s="154">
        <v>7754971</v>
      </c>
      <c r="IH26" s="155">
        <v>76011052</v>
      </c>
      <c r="II26" s="166">
        <v>76142063</v>
      </c>
      <c r="IJ26" s="259">
        <v>0</v>
      </c>
      <c r="IK26" s="266">
        <v>0</v>
      </c>
      <c r="IL26" s="267">
        <v>0</v>
      </c>
      <c r="IM26" s="157"/>
      <c r="IN26" s="123">
        <v>84781</v>
      </c>
      <c r="IO26" s="123">
        <v>403332</v>
      </c>
      <c r="IP26" s="123">
        <v>167733</v>
      </c>
      <c r="IQ26" s="123">
        <v>684498</v>
      </c>
      <c r="IR26" s="123">
        <v>205580</v>
      </c>
      <c r="IS26" s="158">
        <v>1545924</v>
      </c>
      <c r="IT26" s="360">
        <v>1545924</v>
      </c>
      <c r="IU26" s="159">
        <v>0</v>
      </c>
      <c r="IV26" s="123">
        <v>0</v>
      </c>
      <c r="IW26" s="124">
        <v>0</v>
      </c>
      <c r="IX26" s="157"/>
      <c r="IY26" s="123">
        <v>0</v>
      </c>
      <c r="IZ26" s="123">
        <v>0</v>
      </c>
      <c r="JA26" s="123">
        <v>0</v>
      </c>
      <c r="JB26" s="123">
        <v>0</v>
      </c>
      <c r="JC26" s="123">
        <v>0</v>
      </c>
      <c r="JD26" s="124">
        <v>0</v>
      </c>
      <c r="JE26" s="125">
        <v>0</v>
      </c>
      <c r="JF26" s="159">
        <v>0</v>
      </c>
      <c r="JG26" s="123">
        <v>0</v>
      </c>
      <c r="JH26" s="158">
        <v>0</v>
      </c>
      <c r="JI26" s="122">
        <v>0</v>
      </c>
      <c r="JJ26" s="123">
        <v>8379277</v>
      </c>
      <c r="JK26" s="123">
        <v>11727908</v>
      </c>
      <c r="JL26" s="123">
        <v>7514168</v>
      </c>
      <c r="JM26" s="123">
        <v>2997151</v>
      </c>
      <c r="JN26" s="123">
        <v>2224352</v>
      </c>
      <c r="JO26" s="124">
        <v>32842856</v>
      </c>
      <c r="JP26" s="360">
        <v>32842856</v>
      </c>
      <c r="JQ26" s="159">
        <v>0</v>
      </c>
      <c r="JR26" s="123">
        <v>0</v>
      </c>
      <c r="JS26" s="158">
        <v>0</v>
      </c>
      <c r="JT26" s="122">
        <v>0</v>
      </c>
      <c r="JU26" s="123">
        <v>0</v>
      </c>
      <c r="JV26" s="123">
        <v>0</v>
      </c>
      <c r="JW26" s="123">
        <v>0</v>
      </c>
      <c r="JX26" s="123">
        <v>0</v>
      </c>
      <c r="JY26" s="123">
        <v>0</v>
      </c>
      <c r="JZ26" s="124">
        <v>0</v>
      </c>
      <c r="KA26" s="360">
        <v>0</v>
      </c>
      <c r="KB26" s="262">
        <v>46943</v>
      </c>
      <c r="KC26" s="256">
        <v>84068</v>
      </c>
      <c r="KD26" s="124">
        <v>131011</v>
      </c>
      <c r="KE26" s="122">
        <v>0</v>
      </c>
      <c r="KF26" s="123">
        <v>1261891</v>
      </c>
      <c r="KG26" s="123">
        <v>1625126</v>
      </c>
      <c r="KH26" s="123">
        <v>3463755</v>
      </c>
      <c r="KI26" s="123">
        <v>2977294</v>
      </c>
      <c r="KJ26" s="123">
        <v>1419015</v>
      </c>
      <c r="KK26" s="124">
        <v>10747081</v>
      </c>
      <c r="KL26" s="160">
        <v>10878092</v>
      </c>
      <c r="KM26" s="259">
        <v>0</v>
      </c>
      <c r="KN26" s="266">
        <v>0</v>
      </c>
      <c r="KO26" s="267">
        <v>0</v>
      </c>
      <c r="KP26" s="157"/>
      <c r="KQ26" s="123">
        <v>4867064</v>
      </c>
      <c r="KR26" s="123">
        <v>8168642</v>
      </c>
      <c r="KS26" s="123">
        <v>8307496</v>
      </c>
      <c r="KT26" s="123">
        <v>3001406</v>
      </c>
      <c r="KU26" s="123">
        <v>2648976</v>
      </c>
      <c r="KV26" s="124">
        <v>26993584</v>
      </c>
      <c r="KW26" s="360">
        <v>26993584</v>
      </c>
      <c r="KX26" s="159">
        <v>0</v>
      </c>
      <c r="KY26" s="123">
        <v>0</v>
      </c>
      <c r="KZ26" s="124">
        <v>0</v>
      </c>
      <c r="LA26" s="157"/>
      <c r="LB26" s="123">
        <v>0</v>
      </c>
      <c r="LC26" s="123">
        <v>0</v>
      </c>
      <c r="LD26" s="123">
        <v>0</v>
      </c>
      <c r="LE26" s="123">
        <v>0</v>
      </c>
      <c r="LF26" s="123">
        <v>0</v>
      </c>
      <c r="LG26" s="124">
        <v>0</v>
      </c>
      <c r="LH26" s="125">
        <v>0</v>
      </c>
      <c r="LI26" s="159">
        <v>0</v>
      </c>
      <c r="LJ26" s="123">
        <v>0</v>
      </c>
      <c r="LK26" s="124">
        <v>0</v>
      </c>
      <c r="LL26" s="157"/>
      <c r="LM26" s="123">
        <v>0</v>
      </c>
      <c r="LN26" s="123">
        <v>0</v>
      </c>
      <c r="LO26" s="123">
        <v>0</v>
      </c>
      <c r="LP26" s="123">
        <v>0</v>
      </c>
      <c r="LQ26" s="123">
        <v>0</v>
      </c>
      <c r="LR26" s="124">
        <v>0</v>
      </c>
      <c r="LS26" s="360">
        <v>0</v>
      </c>
      <c r="LT26" s="159">
        <v>0</v>
      </c>
      <c r="LU26" s="123">
        <v>0</v>
      </c>
      <c r="LV26" s="124">
        <v>0</v>
      </c>
      <c r="LW26" s="157"/>
      <c r="LX26" s="123">
        <v>338114</v>
      </c>
      <c r="LY26" s="123">
        <v>583968</v>
      </c>
      <c r="LZ26" s="123">
        <v>1089054</v>
      </c>
      <c r="MA26" s="123">
        <v>613423</v>
      </c>
      <c r="MB26" s="123">
        <v>1257048</v>
      </c>
      <c r="MC26" s="124">
        <v>3881607</v>
      </c>
      <c r="MD26" s="125">
        <v>3881607</v>
      </c>
      <c r="ME26" s="159">
        <v>0</v>
      </c>
      <c r="MF26" s="123">
        <v>0</v>
      </c>
      <c r="MG26" s="124">
        <v>0</v>
      </c>
      <c r="MH26" s="157"/>
      <c r="MI26" s="123">
        <v>5639015</v>
      </c>
      <c r="MJ26" s="123">
        <v>12138579</v>
      </c>
      <c r="MK26" s="123">
        <v>54222627</v>
      </c>
      <c r="ML26" s="123">
        <v>73678893</v>
      </c>
      <c r="MM26" s="123">
        <v>53594774</v>
      </c>
      <c r="MN26" s="124">
        <v>199273888</v>
      </c>
      <c r="MO26" s="160">
        <v>199273888</v>
      </c>
      <c r="MP26" s="159">
        <v>0</v>
      </c>
      <c r="MQ26" s="123">
        <v>0</v>
      </c>
      <c r="MR26" s="124">
        <v>0</v>
      </c>
      <c r="MS26" s="157"/>
      <c r="MT26" s="123">
        <v>692562</v>
      </c>
      <c r="MU26" s="123">
        <v>2784450</v>
      </c>
      <c r="MV26" s="123">
        <v>43353767</v>
      </c>
      <c r="MW26" s="123">
        <v>53002152</v>
      </c>
      <c r="MX26" s="123">
        <v>42555231</v>
      </c>
      <c r="MY26" s="124">
        <v>142388162</v>
      </c>
      <c r="MZ26" s="160">
        <v>142388162</v>
      </c>
      <c r="NA26" s="159">
        <v>0</v>
      </c>
      <c r="NB26" s="123">
        <v>0</v>
      </c>
      <c r="NC26" s="124">
        <v>0</v>
      </c>
      <c r="ND26" s="157"/>
      <c r="NE26" s="123">
        <v>4946453</v>
      </c>
      <c r="NF26" s="123">
        <v>9354129</v>
      </c>
      <c r="NG26" s="123">
        <v>10125980</v>
      </c>
      <c r="NH26" s="123">
        <v>17817239</v>
      </c>
      <c r="NI26" s="123">
        <v>7515694</v>
      </c>
      <c r="NJ26" s="124">
        <v>49759495</v>
      </c>
      <c r="NK26" s="360">
        <v>49759495</v>
      </c>
      <c r="NL26" s="159">
        <v>0</v>
      </c>
      <c r="NM26" s="123">
        <v>0</v>
      </c>
      <c r="NN26" s="124">
        <v>0</v>
      </c>
      <c r="NO26" s="157"/>
      <c r="NP26" s="123">
        <v>0</v>
      </c>
      <c r="NQ26" s="123">
        <v>0</v>
      </c>
      <c r="NR26" s="123">
        <v>362074</v>
      </c>
      <c r="NS26" s="123">
        <v>855228</v>
      </c>
      <c r="NT26" s="123">
        <v>1821389</v>
      </c>
      <c r="NU26" s="124">
        <v>3038691</v>
      </c>
      <c r="NV26" s="125">
        <v>3038691</v>
      </c>
      <c r="NW26" s="159">
        <v>0</v>
      </c>
      <c r="NX26" s="123">
        <v>0</v>
      </c>
      <c r="NY26" s="124">
        <v>0</v>
      </c>
      <c r="NZ26" s="157"/>
      <c r="OA26" s="123">
        <v>0</v>
      </c>
      <c r="OB26" s="123">
        <v>0</v>
      </c>
      <c r="OC26" s="123">
        <v>380806</v>
      </c>
      <c r="OD26" s="123">
        <v>2004274</v>
      </c>
      <c r="OE26" s="123">
        <v>1702460</v>
      </c>
      <c r="OF26" s="124">
        <v>4087540</v>
      </c>
      <c r="OG26" s="125">
        <v>4087540</v>
      </c>
      <c r="OH26" s="159">
        <v>5996712</v>
      </c>
      <c r="OI26" s="123">
        <v>13223845</v>
      </c>
      <c r="OJ26" s="158">
        <v>19220557</v>
      </c>
      <c r="OK26" s="122">
        <v>0</v>
      </c>
      <c r="OL26" s="123">
        <v>85523121</v>
      </c>
      <c r="OM26" s="123">
        <v>139352552</v>
      </c>
      <c r="ON26" s="123">
        <v>154995987</v>
      </c>
      <c r="OO26" s="123">
        <v>157946062</v>
      </c>
      <c r="OP26" s="123">
        <v>118643451</v>
      </c>
      <c r="OQ26" s="124">
        <v>656461173</v>
      </c>
      <c r="OR26" s="160">
        <v>675681730</v>
      </c>
    </row>
    <row r="27" spans="1:408" ht="18.75" customHeight="1" x14ac:dyDescent="0.2">
      <c r="A27" s="63" t="s">
        <v>22</v>
      </c>
      <c r="B27" s="113">
        <v>1034077</v>
      </c>
      <c r="C27" s="117">
        <v>3291795</v>
      </c>
      <c r="D27" s="116">
        <v>4325872</v>
      </c>
      <c r="E27" s="112">
        <v>0</v>
      </c>
      <c r="F27" s="117">
        <v>26343125</v>
      </c>
      <c r="G27" s="117">
        <v>30311098</v>
      </c>
      <c r="H27" s="117">
        <v>21311773</v>
      </c>
      <c r="I27" s="117">
        <v>22064639</v>
      </c>
      <c r="J27" s="117">
        <v>17549963</v>
      </c>
      <c r="K27" s="198">
        <v>117580598</v>
      </c>
      <c r="L27" s="119">
        <v>121906470</v>
      </c>
      <c r="M27" s="113">
        <v>83273</v>
      </c>
      <c r="N27" s="117">
        <v>546827</v>
      </c>
      <c r="O27" s="116">
        <v>630100</v>
      </c>
      <c r="P27" s="113">
        <v>0</v>
      </c>
      <c r="Q27" s="117">
        <v>5015273</v>
      </c>
      <c r="R27" s="117">
        <v>7489824</v>
      </c>
      <c r="S27" s="117">
        <v>4444722</v>
      </c>
      <c r="T27" s="117">
        <v>7536382</v>
      </c>
      <c r="U27" s="117">
        <v>8619544</v>
      </c>
      <c r="V27" s="116">
        <v>33105745</v>
      </c>
      <c r="W27" s="119">
        <v>33735845</v>
      </c>
      <c r="X27" s="113">
        <v>0</v>
      </c>
      <c r="Y27" s="117">
        <v>0</v>
      </c>
      <c r="Z27" s="116">
        <v>0</v>
      </c>
      <c r="AA27" s="113">
        <v>0</v>
      </c>
      <c r="AB27" s="117">
        <v>2495313</v>
      </c>
      <c r="AC27" s="117">
        <v>3500236</v>
      </c>
      <c r="AD27" s="117">
        <v>2219761</v>
      </c>
      <c r="AE27" s="117">
        <v>4505862</v>
      </c>
      <c r="AF27" s="117">
        <v>5216912</v>
      </c>
      <c r="AG27" s="116">
        <v>17938084</v>
      </c>
      <c r="AH27" s="119">
        <v>17938084</v>
      </c>
      <c r="AI27" s="113">
        <v>0</v>
      </c>
      <c r="AJ27" s="117">
        <v>0</v>
      </c>
      <c r="AK27" s="116">
        <v>0</v>
      </c>
      <c r="AL27" s="113">
        <v>0</v>
      </c>
      <c r="AM27" s="117">
        <v>0</v>
      </c>
      <c r="AN27" s="117">
        <v>60840</v>
      </c>
      <c r="AO27" s="117">
        <v>315070</v>
      </c>
      <c r="AP27" s="117">
        <v>512493</v>
      </c>
      <c r="AQ27" s="117">
        <v>1157968</v>
      </c>
      <c r="AR27" s="116">
        <v>2046371</v>
      </c>
      <c r="AS27" s="119">
        <v>2046371</v>
      </c>
      <c r="AT27" s="113">
        <v>61673</v>
      </c>
      <c r="AU27" s="117">
        <v>351974</v>
      </c>
      <c r="AV27" s="116">
        <v>413647</v>
      </c>
      <c r="AW27" s="113">
        <v>0</v>
      </c>
      <c r="AX27" s="117">
        <v>1497728</v>
      </c>
      <c r="AY27" s="117">
        <v>2770838</v>
      </c>
      <c r="AZ27" s="117">
        <v>887169</v>
      </c>
      <c r="BA27" s="117">
        <v>1706998</v>
      </c>
      <c r="BB27" s="117">
        <v>1626294</v>
      </c>
      <c r="BC27" s="116">
        <v>8489027</v>
      </c>
      <c r="BD27" s="119">
        <v>8902674</v>
      </c>
      <c r="BE27" s="113">
        <v>0</v>
      </c>
      <c r="BF27" s="117">
        <v>56340</v>
      </c>
      <c r="BG27" s="115">
        <v>56340</v>
      </c>
      <c r="BH27" s="114">
        <v>0</v>
      </c>
      <c r="BI27" s="117">
        <v>292594</v>
      </c>
      <c r="BJ27" s="117">
        <v>343999</v>
      </c>
      <c r="BK27" s="117">
        <v>388225</v>
      </c>
      <c r="BL27" s="117">
        <v>138307</v>
      </c>
      <c r="BM27" s="117">
        <v>202643</v>
      </c>
      <c r="BN27" s="116">
        <v>1365768</v>
      </c>
      <c r="BO27" s="119">
        <v>1422108</v>
      </c>
      <c r="BP27" s="113">
        <v>21600</v>
      </c>
      <c r="BQ27" s="117">
        <v>138513</v>
      </c>
      <c r="BR27" s="116">
        <v>160113</v>
      </c>
      <c r="BS27" s="113">
        <v>0</v>
      </c>
      <c r="BT27" s="117">
        <v>729638</v>
      </c>
      <c r="BU27" s="117">
        <v>813911</v>
      </c>
      <c r="BV27" s="117">
        <v>634497</v>
      </c>
      <c r="BW27" s="117">
        <v>672722</v>
      </c>
      <c r="BX27" s="117">
        <v>415727</v>
      </c>
      <c r="BY27" s="116">
        <v>3266495</v>
      </c>
      <c r="BZ27" s="119">
        <v>3426608</v>
      </c>
      <c r="CA27" s="113">
        <v>44960</v>
      </c>
      <c r="CB27" s="117">
        <v>344712</v>
      </c>
      <c r="CC27" s="116">
        <v>389672</v>
      </c>
      <c r="CD27" s="113">
        <v>0</v>
      </c>
      <c r="CE27" s="117">
        <v>7582046</v>
      </c>
      <c r="CF27" s="117">
        <v>9622440</v>
      </c>
      <c r="CG27" s="117">
        <v>5325062</v>
      </c>
      <c r="CH27" s="117">
        <v>4627308</v>
      </c>
      <c r="CI27" s="117">
        <v>2620748</v>
      </c>
      <c r="CJ27" s="116">
        <v>29777604</v>
      </c>
      <c r="CK27" s="119">
        <v>30167276</v>
      </c>
      <c r="CL27" s="113">
        <v>0</v>
      </c>
      <c r="CM27" s="117">
        <v>0</v>
      </c>
      <c r="CN27" s="116">
        <v>0</v>
      </c>
      <c r="CO27" s="114">
        <v>0</v>
      </c>
      <c r="CP27" s="117">
        <v>6523097</v>
      </c>
      <c r="CQ27" s="117">
        <v>8081295</v>
      </c>
      <c r="CR27" s="117">
        <v>3769630</v>
      </c>
      <c r="CS27" s="117">
        <v>3477509</v>
      </c>
      <c r="CT27" s="117">
        <v>2187252</v>
      </c>
      <c r="CU27" s="116">
        <v>24038783</v>
      </c>
      <c r="CV27" s="119">
        <v>24038783</v>
      </c>
      <c r="CW27" s="113">
        <v>44960</v>
      </c>
      <c r="CX27" s="117">
        <v>344712</v>
      </c>
      <c r="CY27" s="116">
        <v>389672</v>
      </c>
      <c r="CZ27" s="113">
        <v>0</v>
      </c>
      <c r="DA27" s="117">
        <v>1058949</v>
      </c>
      <c r="DB27" s="117">
        <v>1541145</v>
      </c>
      <c r="DC27" s="117">
        <v>1555432</v>
      </c>
      <c r="DD27" s="117">
        <v>1149799</v>
      </c>
      <c r="DE27" s="117">
        <v>433496</v>
      </c>
      <c r="DF27" s="116">
        <v>5738821</v>
      </c>
      <c r="DG27" s="119">
        <v>6128493</v>
      </c>
      <c r="DH27" s="113">
        <v>0</v>
      </c>
      <c r="DI27" s="117">
        <v>42812</v>
      </c>
      <c r="DJ27" s="115">
        <v>42812</v>
      </c>
      <c r="DK27" s="114">
        <v>0</v>
      </c>
      <c r="DL27" s="117">
        <v>843162</v>
      </c>
      <c r="DM27" s="117">
        <v>1016695</v>
      </c>
      <c r="DN27" s="117">
        <v>3232584</v>
      </c>
      <c r="DO27" s="117">
        <v>2182092</v>
      </c>
      <c r="DP27" s="117">
        <v>1494483</v>
      </c>
      <c r="DQ27" s="116">
        <v>8769016</v>
      </c>
      <c r="DR27" s="119">
        <v>8811828</v>
      </c>
      <c r="DS27" s="113">
        <v>0</v>
      </c>
      <c r="DT27" s="117">
        <v>42812</v>
      </c>
      <c r="DU27" s="116">
        <v>42812</v>
      </c>
      <c r="DV27" s="113">
        <v>0</v>
      </c>
      <c r="DW27" s="117">
        <v>640896</v>
      </c>
      <c r="DX27" s="117">
        <v>941059</v>
      </c>
      <c r="DY27" s="117">
        <v>2939958</v>
      </c>
      <c r="DZ27" s="117">
        <v>2040436</v>
      </c>
      <c r="EA27" s="117">
        <v>1457184</v>
      </c>
      <c r="EB27" s="116">
        <v>8019533</v>
      </c>
      <c r="EC27" s="119">
        <v>8062345</v>
      </c>
      <c r="ED27" s="113">
        <v>0</v>
      </c>
      <c r="EE27" s="115">
        <v>0</v>
      </c>
      <c r="EF27" s="116">
        <v>0</v>
      </c>
      <c r="EG27" s="113">
        <v>0</v>
      </c>
      <c r="EH27" s="117">
        <v>202266</v>
      </c>
      <c r="EI27" s="117">
        <v>75636</v>
      </c>
      <c r="EJ27" s="117">
        <v>292626</v>
      </c>
      <c r="EK27" s="117">
        <v>141656</v>
      </c>
      <c r="EL27" s="117">
        <v>37299</v>
      </c>
      <c r="EM27" s="115">
        <v>749483</v>
      </c>
      <c r="EN27" s="119">
        <v>749483</v>
      </c>
      <c r="EO27" s="113">
        <v>0</v>
      </c>
      <c r="EP27" s="117">
        <v>0</v>
      </c>
      <c r="EQ27" s="115">
        <v>0</v>
      </c>
      <c r="ER27" s="114">
        <v>0</v>
      </c>
      <c r="ES27" s="117">
        <v>0</v>
      </c>
      <c r="ET27" s="117">
        <v>0</v>
      </c>
      <c r="EU27" s="117">
        <v>0</v>
      </c>
      <c r="EV27" s="117">
        <v>0</v>
      </c>
      <c r="EW27" s="117">
        <v>0</v>
      </c>
      <c r="EX27" s="116">
        <v>0</v>
      </c>
      <c r="EY27" s="119">
        <v>0</v>
      </c>
      <c r="EZ27" s="113">
        <v>0</v>
      </c>
      <c r="FA27" s="117">
        <v>0</v>
      </c>
      <c r="FB27" s="115">
        <v>0</v>
      </c>
      <c r="FC27" s="395">
        <v>0</v>
      </c>
      <c r="FD27" s="117">
        <v>0</v>
      </c>
      <c r="FE27" s="117">
        <v>0</v>
      </c>
      <c r="FF27" s="117">
        <v>0</v>
      </c>
      <c r="FG27" s="117">
        <v>0</v>
      </c>
      <c r="FH27" s="117">
        <v>0</v>
      </c>
      <c r="FI27" s="116">
        <v>0</v>
      </c>
      <c r="FJ27" s="119">
        <v>0</v>
      </c>
      <c r="FK27" s="113">
        <v>316984</v>
      </c>
      <c r="FL27" s="117">
        <v>1064494</v>
      </c>
      <c r="FM27" s="116">
        <v>1381478</v>
      </c>
      <c r="FN27" s="113">
        <v>0</v>
      </c>
      <c r="FO27" s="117">
        <v>1663532</v>
      </c>
      <c r="FP27" s="117">
        <v>2666664</v>
      </c>
      <c r="FQ27" s="117">
        <v>1732166</v>
      </c>
      <c r="FR27" s="117">
        <v>1961296</v>
      </c>
      <c r="FS27" s="117">
        <v>1457500</v>
      </c>
      <c r="FT27" s="116">
        <v>9481158</v>
      </c>
      <c r="FU27" s="119">
        <v>10862636</v>
      </c>
      <c r="FV27" s="118">
        <v>245212</v>
      </c>
      <c r="FW27" s="117">
        <v>777674</v>
      </c>
      <c r="FX27" s="115">
        <v>1022886</v>
      </c>
      <c r="FY27" s="114">
        <v>0</v>
      </c>
      <c r="FZ27" s="117">
        <v>1275011</v>
      </c>
      <c r="GA27" s="117">
        <v>2640564</v>
      </c>
      <c r="GB27" s="117">
        <v>1643966</v>
      </c>
      <c r="GC27" s="117">
        <v>1804696</v>
      </c>
      <c r="GD27" s="117">
        <v>1457500</v>
      </c>
      <c r="GE27" s="116">
        <v>8821737</v>
      </c>
      <c r="GF27" s="357">
        <v>9844623</v>
      </c>
      <c r="GG27" s="118">
        <v>42372</v>
      </c>
      <c r="GH27" s="117">
        <v>27000</v>
      </c>
      <c r="GI27" s="115">
        <v>69372</v>
      </c>
      <c r="GJ27" s="114">
        <v>0</v>
      </c>
      <c r="GK27" s="117">
        <v>105930</v>
      </c>
      <c r="GL27" s="117">
        <v>26100</v>
      </c>
      <c r="GM27" s="117">
        <v>0</v>
      </c>
      <c r="GN27" s="117">
        <v>13050</v>
      </c>
      <c r="GO27" s="117">
        <v>0</v>
      </c>
      <c r="GP27" s="116">
        <v>145080</v>
      </c>
      <c r="GQ27" s="119">
        <v>214452</v>
      </c>
      <c r="GR27" s="113">
        <v>29400</v>
      </c>
      <c r="GS27" s="117">
        <v>259820</v>
      </c>
      <c r="GT27" s="116">
        <v>289220</v>
      </c>
      <c r="GU27" s="113">
        <v>0</v>
      </c>
      <c r="GV27" s="117">
        <v>282591</v>
      </c>
      <c r="GW27" s="117">
        <v>0</v>
      </c>
      <c r="GX27" s="117">
        <v>88200</v>
      </c>
      <c r="GY27" s="117">
        <v>143550</v>
      </c>
      <c r="GZ27" s="117">
        <v>0</v>
      </c>
      <c r="HA27" s="115">
        <v>514341</v>
      </c>
      <c r="HB27" s="119">
        <v>803561</v>
      </c>
      <c r="HC27" s="113">
        <v>358100</v>
      </c>
      <c r="HD27" s="117">
        <v>633831</v>
      </c>
      <c r="HE27" s="115">
        <v>991931</v>
      </c>
      <c r="HF27" s="114">
        <v>0</v>
      </c>
      <c r="HG27" s="117">
        <v>6180331</v>
      </c>
      <c r="HH27" s="117">
        <v>4887759</v>
      </c>
      <c r="HI27" s="117">
        <v>4260958</v>
      </c>
      <c r="HJ27" s="117">
        <v>3924042</v>
      </c>
      <c r="HK27" s="117">
        <v>2158776</v>
      </c>
      <c r="HL27" s="116">
        <v>21411866</v>
      </c>
      <c r="HM27" s="112">
        <v>22403797</v>
      </c>
      <c r="HN27" s="118">
        <v>230760</v>
      </c>
      <c r="HO27" s="117">
        <v>659119</v>
      </c>
      <c r="HP27" s="116">
        <v>889879</v>
      </c>
      <c r="HQ27" s="113">
        <v>0</v>
      </c>
      <c r="HR27" s="117">
        <v>5058781</v>
      </c>
      <c r="HS27" s="117">
        <v>4627716</v>
      </c>
      <c r="HT27" s="117">
        <v>2316281</v>
      </c>
      <c r="HU27" s="117">
        <v>1833519</v>
      </c>
      <c r="HV27" s="117">
        <v>1198912</v>
      </c>
      <c r="HW27" s="115">
        <v>15035209</v>
      </c>
      <c r="HX27" s="119">
        <v>15925088</v>
      </c>
      <c r="HY27" s="148">
        <v>146296</v>
      </c>
      <c r="HZ27" s="149">
        <v>326854</v>
      </c>
      <c r="IA27" s="150">
        <v>473150</v>
      </c>
      <c r="IB27" s="162">
        <v>0</v>
      </c>
      <c r="IC27" s="149">
        <v>11825931</v>
      </c>
      <c r="ID27" s="163">
        <v>13272315</v>
      </c>
      <c r="IE27" s="150">
        <v>12026317</v>
      </c>
      <c r="IF27" s="149">
        <v>12852886</v>
      </c>
      <c r="IG27" s="150">
        <v>7101106</v>
      </c>
      <c r="IH27" s="164">
        <v>57078555</v>
      </c>
      <c r="II27" s="156">
        <v>57551705</v>
      </c>
      <c r="IJ27" s="259">
        <v>0</v>
      </c>
      <c r="IK27" s="266">
        <v>0</v>
      </c>
      <c r="IL27" s="267">
        <v>0</v>
      </c>
      <c r="IM27" s="157"/>
      <c r="IN27" s="123">
        <v>209298</v>
      </c>
      <c r="IO27" s="123">
        <v>512936</v>
      </c>
      <c r="IP27" s="123">
        <v>483458</v>
      </c>
      <c r="IQ27" s="123">
        <v>226791</v>
      </c>
      <c r="IR27" s="123">
        <v>0</v>
      </c>
      <c r="IS27" s="158">
        <v>1432483</v>
      </c>
      <c r="IT27" s="360">
        <v>1432483</v>
      </c>
      <c r="IU27" s="159">
        <v>0</v>
      </c>
      <c r="IV27" s="123">
        <v>0</v>
      </c>
      <c r="IW27" s="124">
        <v>0</v>
      </c>
      <c r="IX27" s="157"/>
      <c r="IY27" s="123">
        <v>0</v>
      </c>
      <c r="IZ27" s="123">
        <v>0</v>
      </c>
      <c r="JA27" s="123">
        <v>0</v>
      </c>
      <c r="JB27" s="123">
        <v>0</v>
      </c>
      <c r="JC27" s="123">
        <v>0</v>
      </c>
      <c r="JD27" s="124">
        <v>0</v>
      </c>
      <c r="JE27" s="125">
        <v>0</v>
      </c>
      <c r="JF27" s="159">
        <v>0</v>
      </c>
      <c r="JG27" s="123">
        <v>0</v>
      </c>
      <c r="JH27" s="158">
        <v>0</v>
      </c>
      <c r="JI27" s="122">
        <v>0</v>
      </c>
      <c r="JJ27" s="123">
        <v>5713555</v>
      </c>
      <c r="JK27" s="123">
        <v>6187117</v>
      </c>
      <c r="JL27" s="123">
        <v>4276756</v>
      </c>
      <c r="JM27" s="123">
        <v>2437150</v>
      </c>
      <c r="JN27" s="123">
        <v>1268748</v>
      </c>
      <c r="JO27" s="124">
        <v>19883326</v>
      </c>
      <c r="JP27" s="360">
        <v>19883326</v>
      </c>
      <c r="JQ27" s="159">
        <v>37710</v>
      </c>
      <c r="JR27" s="123">
        <v>0</v>
      </c>
      <c r="JS27" s="158">
        <v>37710</v>
      </c>
      <c r="JT27" s="122">
        <v>0</v>
      </c>
      <c r="JU27" s="123">
        <v>697765</v>
      </c>
      <c r="JV27" s="123">
        <v>973818</v>
      </c>
      <c r="JW27" s="123">
        <v>449463</v>
      </c>
      <c r="JX27" s="123">
        <v>262755</v>
      </c>
      <c r="JY27" s="123">
        <v>50634</v>
      </c>
      <c r="JZ27" s="124">
        <v>2434435</v>
      </c>
      <c r="KA27" s="360">
        <v>2472145</v>
      </c>
      <c r="KB27" s="262">
        <v>108586</v>
      </c>
      <c r="KC27" s="256">
        <v>326854</v>
      </c>
      <c r="KD27" s="124">
        <v>435440</v>
      </c>
      <c r="KE27" s="122">
        <v>0</v>
      </c>
      <c r="KF27" s="123">
        <v>2771264</v>
      </c>
      <c r="KG27" s="123">
        <v>2179863</v>
      </c>
      <c r="KH27" s="123">
        <v>3226746</v>
      </c>
      <c r="KI27" s="123">
        <v>1756590</v>
      </c>
      <c r="KJ27" s="123">
        <v>1130004</v>
      </c>
      <c r="KK27" s="124">
        <v>11064467</v>
      </c>
      <c r="KL27" s="160">
        <v>11499907</v>
      </c>
      <c r="KM27" s="259">
        <v>0</v>
      </c>
      <c r="KN27" s="266">
        <v>0</v>
      </c>
      <c r="KO27" s="267">
        <v>0</v>
      </c>
      <c r="KP27" s="157"/>
      <c r="KQ27" s="123">
        <v>2434049</v>
      </c>
      <c r="KR27" s="123">
        <v>3418581</v>
      </c>
      <c r="KS27" s="123">
        <v>3094588</v>
      </c>
      <c r="KT27" s="123">
        <v>2561488</v>
      </c>
      <c r="KU27" s="123">
        <v>1899281</v>
      </c>
      <c r="KV27" s="124">
        <v>13407987</v>
      </c>
      <c r="KW27" s="360">
        <v>13407987</v>
      </c>
      <c r="KX27" s="159">
        <v>0</v>
      </c>
      <c r="KY27" s="123">
        <v>0</v>
      </c>
      <c r="KZ27" s="124">
        <v>0</v>
      </c>
      <c r="LA27" s="157"/>
      <c r="LB27" s="123">
        <v>0</v>
      </c>
      <c r="LC27" s="123">
        <v>0</v>
      </c>
      <c r="LD27" s="123">
        <v>0</v>
      </c>
      <c r="LE27" s="123">
        <v>0</v>
      </c>
      <c r="LF27" s="123">
        <v>0</v>
      </c>
      <c r="LG27" s="124">
        <v>0</v>
      </c>
      <c r="LH27" s="125">
        <v>0</v>
      </c>
      <c r="LI27" s="159">
        <v>0</v>
      </c>
      <c r="LJ27" s="123">
        <v>0</v>
      </c>
      <c r="LK27" s="124">
        <v>0</v>
      </c>
      <c r="LL27" s="157"/>
      <c r="LM27" s="123">
        <v>0</v>
      </c>
      <c r="LN27" s="123">
        <v>0</v>
      </c>
      <c r="LO27" s="123">
        <v>495306</v>
      </c>
      <c r="LP27" s="123">
        <v>5608112</v>
      </c>
      <c r="LQ27" s="123">
        <v>2752439</v>
      </c>
      <c r="LR27" s="124">
        <v>8855857</v>
      </c>
      <c r="LS27" s="360">
        <v>8855857</v>
      </c>
      <c r="LT27" s="159">
        <v>0</v>
      </c>
      <c r="LU27" s="123">
        <v>0</v>
      </c>
      <c r="LV27" s="124">
        <v>0</v>
      </c>
      <c r="LW27" s="157"/>
      <c r="LX27" s="123">
        <v>0</v>
      </c>
      <c r="LY27" s="123">
        <v>0</v>
      </c>
      <c r="LZ27" s="123">
        <v>0</v>
      </c>
      <c r="MA27" s="123">
        <v>0</v>
      </c>
      <c r="MB27" s="123">
        <v>0</v>
      </c>
      <c r="MC27" s="124">
        <v>0</v>
      </c>
      <c r="MD27" s="125">
        <v>0</v>
      </c>
      <c r="ME27" s="159">
        <v>0</v>
      </c>
      <c r="MF27" s="123">
        <v>0</v>
      </c>
      <c r="MG27" s="124">
        <v>0</v>
      </c>
      <c r="MH27" s="157"/>
      <c r="MI27" s="123">
        <v>3374857</v>
      </c>
      <c r="MJ27" s="123">
        <v>9139723</v>
      </c>
      <c r="MK27" s="123">
        <v>17134190</v>
      </c>
      <c r="ML27" s="123">
        <v>28818837</v>
      </c>
      <c r="MM27" s="123">
        <v>16980913</v>
      </c>
      <c r="MN27" s="124">
        <v>75448520</v>
      </c>
      <c r="MO27" s="160">
        <v>75448520</v>
      </c>
      <c r="MP27" s="159">
        <v>0</v>
      </c>
      <c r="MQ27" s="123">
        <v>0</v>
      </c>
      <c r="MR27" s="124">
        <v>0</v>
      </c>
      <c r="MS27" s="157"/>
      <c r="MT27" s="123">
        <v>698234</v>
      </c>
      <c r="MU27" s="123">
        <v>1729672</v>
      </c>
      <c r="MV27" s="123">
        <v>10573132</v>
      </c>
      <c r="MW27" s="123">
        <v>17865254</v>
      </c>
      <c r="MX27" s="123">
        <v>9029249</v>
      </c>
      <c r="MY27" s="124">
        <v>39895541</v>
      </c>
      <c r="MZ27" s="160">
        <v>39895541</v>
      </c>
      <c r="NA27" s="159">
        <v>0</v>
      </c>
      <c r="NB27" s="123">
        <v>0</v>
      </c>
      <c r="NC27" s="124">
        <v>0</v>
      </c>
      <c r="ND27" s="157"/>
      <c r="NE27" s="123">
        <v>2676623</v>
      </c>
      <c r="NF27" s="123">
        <v>7410051</v>
      </c>
      <c r="NG27" s="123">
        <v>6481687</v>
      </c>
      <c r="NH27" s="123">
        <v>9521775</v>
      </c>
      <c r="NI27" s="123">
        <v>5637548</v>
      </c>
      <c r="NJ27" s="124">
        <v>31727684</v>
      </c>
      <c r="NK27" s="360">
        <v>31727684</v>
      </c>
      <c r="NL27" s="159">
        <v>0</v>
      </c>
      <c r="NM27" s="123">
        <v>0</v>
      </c>
      <c r="NN27" s="124">
        <v>0</v>
      </c>
      <c r="NO27" s="157"/>
      <c r="NP27" s="123">
        <v>0</v>
      </c>
      <c r="NQ27" s="123">
        <v>0</v>
      </c>
      <c r="NR27" s="123">
        <v>79371</v>
      </c>
      <c r="NS27" s="123">
        <v>457830</v>
      </c>
      <c r="NT27" s="123">
        <v>1091711</v>
      </c>
      <c r="NU27" s="124">
        <v>1628912</v>
      </c>
      <c r="NV27" s="125">
        <v>1628912</v>
      </c>
      <c r="NW27" s="159">
        <v>0</v>
      </c>
      <c r="NX27" s="123">
        <v>0</v>
      </c>
      <c r="NY27" s="124">
        <v>0</v>
      </c>
      <c r="NZ27" s="157"/>
      <c r="OA27" s="123">
        <v>0</v>
      </c>
      <c r="OB27" s="123">
        <v>0</v>
      </c>
      <c r="OC27" s="123">
        <v>0</v>
      </c>
      <c r="OD27" s="123">
        <v>973978</v>
      </c>
      <c r="OE27" s="123">
        <v>1222405</v>
      </c>
      <c r="OF27" s="124">
        <v>2196383</v>
      </c>
      <c r="OG27" s="125">
        <v>2196383</v>
      </c>
      <c r="OH27" s="159">
        <v>1180373</v>
      </c>
      <c r="OI27" s="123">
        <v>3618649</v>
      </c>
      <c r="OJ27" s="158">
        <v>4799022</v>
      </c>
      <c r="OK27" s="122">
        <v>0</v>
      </c>
      <c r="OL27" s="123">
        <v>41543913</v>
      </c>
      <c r="OM27" s="123">
        <v>52723136</v>
      </c>
      <c r="ON27" s="123">
        <v>50472280</v>
      </c>
      <c r="OO27" s="123">
        <v>63736362</v>
      </c>
      <c r="OP27" s="123">
        <v>41631982</v>
      </c>
      <c r="OQ27" s="124">
        <v>250107673</v>
      </c>
      <c r="OR27" s="160">
        <v>254906695</v>
      </c>
    </row>
    <row r="28" spans="1:408" ht="18.75" customHeight="1" x14ac:dyDescent="0.2">
      <c r="A28" s="63" t="s">
        <v>23</v>
      </c>
      <c r="B28" s="113">
        <v>2962204</v>
      </c>
      <c r="C28" s="117">
        <v>6187473</v>
      </c>
      <c r="D28" s="116">
        <v>9149677</v>
      </c>
      <c r="E28" s="112">
        <v>0</v>
      </c>
      <c r="F28" s="117">
        <v>52906305</v>
      </c>
      <c r="G28" s="117">
        <v>61313022</v>
      </c>
      <c r="H28" s="117">
        <v>43986855</v>
      </c>
      <c r="I28" s="117">
        <v>47494255</v>
      </c>
      <c r="J28" s="117">
        <v>30106842</v>
      </c>
      <c r="K28" s="198">
        <v>235807279</v>
      </c>
      <c r="L28" s="119">
        <v>244956956</v>
      </c>
      <c r="M28" s="113">
        <v>795235</v>
      </c>
      <c r="N28" s="117">
        <v>1739696</v>
      </c>
      <c r="O28" s="116">
        <v>2534931</v>
      </c>
      <c r="P28" s="113">
        <v>0</v>
      </c>
      <c r="Q28" s="117">
        <v>11629505</v>
      </c>
      <c r="R28" s="117">
        <v>15112702</v>
      </c>
      <c r="S28" s="117">
        <v>13310760</v>
      </c>
      <c r="T28" s="117">
        <v>14859270</v>
      </c>
      <c r="U28" s="117">
        <v>11420722</v>
      </c>
      <c r="V28" s="116">
        <v>66332959</v>
      </c>
      <c r="W28" s="119">
        <v>68867890</v>
      </c>
      <c r="X28" s="113">
        <v>0</v>
      </c>
      <c r="Y28" s="117">
        <v>0</v>
      </c>
      <c r="Z28" s="116">
        <v>0</v>
      </c>
      <c r="AA28" s="113">
        <v>0</v>
      </c>
      <c r="AB28" s="117">
        <v>4539949</v>
      </c>
      <c r="AC28" s="117">
        <v>6606560</v>
      </c>
      <c r="AD28" s="117">
        <v>7155439</v>
      </c>
      <c r="AE28" s="117">
        <v>8817666</v>
      </c>
      <c r="AF28" s="117">
        <v>5689867</v>
      </c>
      <c r="AG28" s="116">
        <v>32809481</v>
      </c>
      <c r="AH28" s="119">
        <v>32809481</v>
      </c>
      <c r="AI28" s="113">
        <v>0</v>
      </c>
      <c r="AJ28" s="117">
        <v>0</v>
      </c>
      <c r="AK28" s="116">
        <v>0</v>
      </c>
      <c r="AL28" s="113">
        <v>0</v>
      </c>
      <c r="AM28" s="117">
        <v>51346</v>
      </c>
      <c r="AN28" s="117">
        <v>244647</v>
      </c>
      <c r="AO28" s="117">
        <v>578628</v>
      </c>
      <c r="AP28" s="117">
        <v>723272</v>
      </c>
      <c r="AQ28" s="117">
        <v>1027760</v>
      </c>
      <c r="AR28" s="116">
        <v>2625653</v>
      </c>
      <c r="AS28" s="119">
        <v>2625653</v>
      </c>
      <c r="AT28" s="113">
        <v>616565</v>
      </c>
      <c r="AU28" s="117">
        <v>1317799</v>
      </c>
      <c r="AV28" s="116">
        <v>1934364</v>
      </c>
      <c r="AW28" s="113">
        <v>0</v>
      </c>
      <c r="AX28" s="117">
        <v>4433801</v>
      </c>
      <c r="AY28" s="117">
        <v>5816010</v>
      </c>
      <c r="AZ28" s="117">
        <v>3308858</v>
      </c>
      <c r="BA28" s="117">
        <v>3402609</v>
      </c>
      <c r="BB28" s="117">
        <v>2986091</v>
      </c>
      <c r="BC28" s="116">
        <v>19947369</v>
      </c>
      <c r="BD28" s="119">
        <v>21881733</v>
      </c>
      <c r="BE28" s="113">
        <v>18017</v>
      </c>
      <c r="BF28" s="117">
        <v>296600</v>
      </c>
      <c r="BG28" s="115">
        <v>314617</v>
      </c>
      <c r="BH28" s="114">
        <v>0</v>
      </c>
      <c r="BI28" s="117">
        <v>425926</v>
      </c>
      <c r="BJ28" s="117">
        <v>526737</v>
      </c>
      <c r="BK28" s="117">
        <v>592975</v>
      </c>
      <c r="BL28" s="117">
        <v>61831</v>
      </c>
      <c r="BM28" s="117">
        <v>185554</v>
      </c>
      <c r="BN28" s="116">
        <v>1793023</v>
      </c>
      <c r="BO28" s="119">
        <v>2107640</v>
      </c>
      <c r="BP28" s="113">
        <v>160653</v>
      </c>
      <c r="BQ28" s="117">
        <v>125297</v>
      </c>
      <c r="BR28" s="116">
        <v>285950</v>
      </c>
      <c r="BS28" s="113">
        <v>0</v>
      </c>
      <c r="BT28" s="117">
        <v>2178483</v>
      </c>
      <c r="BU28" s="117">
        <v>1918748</v>
      </c>
      <c r="BV28" s="117">
        <v>1674860</v>
      </c>
      <c r="BW28" s="117">
        <v>1853892</v>
      </c>
      <c r="BX28" s="117">
        <v>1531450</v>
      </c>
      <c r="BY28" s="116">
        <v>9157433</v>
      </c>
      <c r="BZ28" s="119">
        <v>9443383</v>
      </c>
      <c r="CA28" s="113">
        <v>72486</v>
      </c>
      <c r="CB28" s="117">
        <v>588206</v>
      </c>
      <c r="CC28" s="116">
        <v>660692</v>
      </c>
      <c r="CD28" s="113">
        <v>0</v>
      </c>
      <c r="CE28" s="117">
        <v>20436666</v>
      </c>
      <c r="CF28" s="117">
        <v>23185734</v>
      </c>
      <c r="CG28" s="117">
        <v>13072036</v>
      </c>
      <c r="CH28" s="117">
        <v>12292011</v>
      </c>
      <c r="CI28" s="117">
        <v>5166140</v>
      </c>
      <c r="CJ28" s="116">
        <v>74152587</v>
      </c>
      <c r="CK28" s="119">
        <v>74813279</v>
      </c>
      <c r="CL28" s="113">
        <v>0</v>
      </c>
      <c r="CM28" s="117">
        <v>0</v>
      </c>
      <c r="CN28" s="116">
        <v>0</v>
      </c>
      <c r="CO28" s="114">
        <v>0</v>
      </c>
      <c r="CP28" s="117">
        <v>17572169</v>
      </c>
      <c r="CQ28" s="117">
        <v>18620326</v>
      </c>
      <c r="CR28" s="117">
        <v>10625125</v>
      </c>
      <c r="CS28" s="117">
        <v>9397274</v>
      </c>
      <c r="CT28" s="117">
        <v>4718601</v>
      </c>
      <c r="CU28" s="116">
        <v>60933495</v>
      </c>
      <c r="CV28" s="119">
        <v>60933495</v>
      </c>
      <c r="CW28" s="113">
        <v>72486</v>
      </c>
      <c r="CX28" s="117">
        <v>588206</v>
      </c>
      <c r="CY28" s="116">
        <v>660692</v>
      </c>
      <c r="CZ28" s="113">
        <v>0</v>
      </c>
      <c r="DA28" s="117">
        <v>2864497</v>
      </c>
      <c r="DB28" s="117">
        <v>4565408</v>
      </c>
      <c r="DC28" s="117">
        <v>2446911</v>
      </c>
      <c r="DD28" s="117">
        <v>2894737</v>
      </c>
      <c r="DE28" s="117">
        <v>447539</v>
      </c>
      <c r="DF28" s="116">
        <v>13219092</v>
      </c>
      <c r="DG28" s="119">
        <v>13879784</v>
      </c>
      <c r="DH28" s="113">
        <v>33327</v>
      </c>
      <c r="DI28" s="117">
        <v>229726</v>
      </c>
      <c r="DJ28" s="115">
        <v>263053</v>
      </c>
      <c r="DK28" s="114">
        <v>0</v>
      </c>
      <c r="DL28" s="117">
        <v>796197</v>
      </c>
      <c r="DM28" s="117">
        <v>3427617</v>
      </c>
      <c r="DN28" s="117">
        <v>3580832</v>
      </c>
      <c r="DO28" s="117">
        <v>4647680</v>
      </c>
      <c r="DP28" s="117">
        <v>2175798</v>
      </c>
      <c r="DQ28" s="116">
        <v>14628124</v>
      </c>
      <c r="DR28" s="119">
        <v>14891177</v>
      </c>
      <c r="DS28" s="113">
        <v>33327</v>
      </c>
      <c r="DT28" s="117">
        <v>229726</v>
      </c>
      <c r="DU28" s="116">
        <v>263053</v>
      </c>
      <c r="DV28" s="113">
        <v>0</v>
      </c>
      <c r="DW28" s="117">
        <v>796197</v>
      </c>
      <c r="DX28" s="117">
        <v>3181481</v>
      </c>
      <c r="DY28" s="117">
        <v>3472501</v>
      </c>
      <c r="DZ28" s="117">
        <v>4430643</v>
      </c>
      <c r="EA28" s="117">
        <v>1703093</v>
      </c>
      <c r="EB28" s="116">
        <v>13583915</v>
      </c>
      <c r="EC28" s="119">
        <v>13846968</v>
      </c>
      <c r="ED28" s="113">
        <v>0</v>
      </c>
      <c r="EE28" s="115">
        <v>0</v>
      </c>
      <c r="EF28" s="116">
        <v>0</v>
      </c>
      <c r="EG28" s="113">
        <v>0</v>
      </c>
      <c r="EH28" s="117">
        <v>0</v>
      </c>
      <c r="EI28" s="117">
        <v>246136</v>
      </c>
      <c r="EJ28" s="117">
        <v>108331</v>
      </c>
      <c r="EK28" s="117">
        <v>217037</v>
      </c>
      <c r="EL28" s="117">
        <v>472705</v>
      </c>
      <c r="EM28" s="115">
        <v>1044209</v>
      </c>
      <c r="EN28" s="119">
        <v>1044209</v>
      </c>
      <c r="EO28" s="113">
        <v>0</v>
      </c>
      <c r="EP28" s="117">
        <v>0</v>
      </c>
      <c r="EQ28" s="115">
        <v>0</v>
      </c>
      <c r="ER28" s="114">
        <v>0</v>
      </c>
      <c r="ES28" s="117">
        <v>0</v>
      </c>
      <c r="ET28" s="117">
        <v>0</v>
      </c>
      <c r="EU28" s="117">
        <v>0</v>
      </c>
      <c r="EV28" s="117">
        <v>0</v>
      </c>
      <c r="EW28" s="117">
        <v>0</v>
      </c>
      <c r="EX28" s="116">
        <v>0</v>
      </c>
      <c r="EY28" s="119">
        <v>0</v>
      </c>
      <c r="EZ28" s="113">
        <v>0</v>
      </c>
      <c r="FA28" s="117">
        <v>0</v>
      </c>
      <c r="FB28" s="115">
        <v>0</v>
      </c>
      <c r="FC28" s="395">
        <v>0</v>
      </c>
      <c r="FD28" s="117">
        <v>0</v>
      </c>
      <c r="FE28" s="117">
        <v>0</v>
      </c>
      <c r="FF28" s="117">
        <v>0</v>
      </c>
      <c r="FG28" s="117">
        <v>0</v>
      </c>
      <c r="FH28" s="117">
        <v>0</v>
      </c>
      <c r="FI28" s="116">
        <v>0</v>
      </c>
      <c r="FJ28" s="119">
        <v>0</v>
      </c>
      <c r="FK28" s="113">
        <v>1126252</v>
      </c>
      <c r="FL28" s="117">
        <v>1607886</v>
      </c>
      <c r="FM28" s="116">
        <v>2734138</v>
      </c>
      <c r="FN28" s="113">
        <v>0</v>
      </c>
      <c r="FO28" s="117">
        <v>3389764</v>
      </c>
      <c r="FP28" s="117">
        <v>5184935</v>
      </c>
      <c r="FQ28" s="117">
        <v>3263003</v>
      </c>
      <c r="FR28" s="117">
        <v>3532719</v>
      </c>
      <c r="FS28" s="117">
        <v>1833817</v>
      </c>
      <c r="FT28" s="116">
        <v>17204238</v>
      </c>
      <c r="FU28" s="119">
        <v>19938376</v>
      </c>
      <c r="FV28" s="118">
        <v>549343</v>
      </c>
      <c r="FW28" s="117">
        <v>1346346</v>
      </c>
      <c r="FX28" s="115">
        <v>1895689</v>
      </c>
      <c r="FY28" s="114">
        <v>0</v>
      </c>
      <c r="FZ28" s="117">
        <v>2526642</v>
      </c>
      <c r="GA28" s="117">
        <v>4739776</v>
      </c>
      <c r="GB28" s="117">
        <v>3076163</v>
      </c>
      <c r="GC28" s="117">
        <v>3131805</v>
      </c>
      <c r="GD28" s="117">
        <v>1833817</v>
      </c>
      <c r="GE28" s="116">
        <v>15308203</v>
      </c>
      <c r="GF28" s="357">
        <v>17203892</v>
      </c>
      <c r="GG28" s="118">
        <v>40270</v>
      </c>
      <c r="GH28" s="117">
        <v>0</v>
      </c>
      <c r="GI28" s="115">
        <v>40270</v>
      </c>
      <c r="GJ28" s="114">
        <v>0</v>
      </c>
      <c r="GK28" s="117">
        <v>401512</v>
      </c>
      <c r="GL28" s="117">
        <v>183169</v>
      </c>
      <c r="GM28" s="117">
        <v>15840</v>
      </c>
      <c r="GN28" s="117">
        <v>79614</v>
      </c>
      <c r="GO28" s="117">
        <v>0</v>
      </c>
      <c r="GP28" s="116">
        <v>680135</v>
      </c>
      <c r="GQ28" s="119">
        <v>720405</v>
      </c>
      <c r="GR28" s="113">
        <v>536639</v>
      </c>
      <c r="GS28" s="117">
        <v>261540</v>
      </c>
      <c r="GT28" s="116">
        <v>798179</v>
      </c>
      <c r="GU28" s="113">
        <v>0</v>
      </c>
      <c r="GV28" s="117">
        <v>461610</v>
      </c>
      <c r="GW28" s="117">
        <v>261990</v>
      </c>
      <c r="GX28" s="117">
        <v>171000</v>
      </c>
      <c r="GY28" s="117">
        <v>321300</v>
      </c>
      <c r="GZ28" s="117">
        <v>0</v>
      </c>
      <c r="HA28" s="115">
        <v>1215900</v>
      </c>
      <c r="HB28" s="119">
        <v>2014079</v>
      </c>
      <c r="HC28" s="113">
        <v>423614</v>
      </c>
      <c r="HD28" s="117">
        <v>909291</v>
      </c>
      <c r="HE28" s="115">
        <v>1332905</v>
      </c>
      <c r="HF28" s="114">
        <v>0</v>
      </c>
      <c r="HG28" s="117">
        <v>7985581</v>
      </c>
      <c r="HH28" s="117">
        <v>7151748</v>
      </c>
      <c r="HI28" s="117">
        <v>6215932</v>
      </c>
      <c r="HJ28" s="117">
        <v>8812143</v>
      </c>
      <c r="HK28" s="117">
        <v>7856380</v>
      </c>
      <c r="HL28" s="116">
        <v>38021784</v>
      </c>
      <c r="HM28" s="112">
        <v>39354689</v>
      </c>
      <c r="HN28" s="118">
        <v>511290</v>
      </c>
      <c r="HO28" s="117">
        <v>1112668</v>
      </c>
      <c r="HP28" s="116">
        <v>1623958</v>
      </c>
      <c r="HQ28" s="113">
        <v>0</v>
      </c>
      <c r="HR28" s="117">
        <v>8668592</v>
      </c>
      <c r="HS28" s="117">
        <v>7250286</v>
      </c>
      <c r="HT28" s="117">
        <v>4544292</v>
      </c>
      <c r="HU28" s="117">
        <v>3350432</v>
      </c>
      <c r="HV28" s="117">
        <v>1653985</v>
      </c>
      <c r="HW28" s="115">
        <v>25467587</v>
      </c>
      <c r="HX28" s="119">
        <v>27091545</v>
      </c>
      <c r="HY28" s="166">
        <v>0</v>
      </c>
      <c r="HZ28" s="152">
        <v>17681</v>
      </c>
      <c r="IA28" s="166">
        <v>17681</v>
      </c>
      <c r="IB28" s="151">
        <v>0</v>
      </c>
      <c r="IC28" s="152">
        <v>10194020</v>
      </c>
      <c r="ID28" s="153">
        <v>7550356</v>
      </c>
      <c r="IE28" s="154">
        <v>9214802</v>
      </c>
      <c r="IF28" s="152">
        <v>6041483</v>
      </c>
      <c r="IG28" s="154">
        <v>4279894</v>
      </c>
      <c r="IH28" s="155">
        <v>37280555</v>
      </c>
      <c r="II28" s="166">
        <v>37298236</v>
      </c>
      <c r="IJ28" s="259">
        <v>0</v>
      </c>
      <c r="IK28" s="266">
        <v>0</v>
      </c>
      <c r="IL28" s="267">
        <v>0</v>
      </c>
      <c r="IM28" s="157"/>
      <c r="IN28" s="123">
        <v>93699</v>
      </c>
      <c r="IO28" s="123">
        <v>111626</v>
      </c>
      <c r="IP28" s="123">
        <v>0</v>
      </c>
      <c r="IQ28" s="123">
        <v>0</v>
      </c>
      <c r="IR28" s="123">
        <v>264545</v>
      </c>
      <c r="IS28" s="158">
        <v>469870</v>
      </c>
      <c r="IT28" s="360">
        <v>469870</v>
      </c>
      <c r="IU28" s="159">
        <v>0</v>
      </c>
      <c r="IV28" s="123">
        <v>0</v>
      </c>
      <c r="IW28" s="124">
        <v>0</v>
      </c>
      <c r="IX28" s="157"/>
      <c r="IY28" s="123">
        <v>0</v>
      </c>
      <c r="IZ28" s="123">
        <v>0</v>
      </c>
      <c r="JA28" s="123">
        <v>0</v>
      </c>
      <c r="JB28" s="123">
        <v>0</v>
      </c>
      <c r="JC28" s="123">
        <v>0</v>
      </c>
      <c r="JD28" s="124">
        <v>0</v>
      </c>
      <c r="JE28" s="125">
        <v>0</v>
      </c>
      <c r="JF28" s="159">
        <v>0</v>
      </c>
      <c r="JG28" s="123">
        <v>0</v>
      </c>
      <c r="JH28" s="158">
        <v>0</v>
      </c>
      <c r="JI28" s="122">
        <v>0</v>
      </c>
      <c r="JJ28" s="123">
        <v>2401514</v>
      </c>
      <c r="JK28" s="123">
        <v>2580457</v>
      </c>
      <c r="JL28" s="123">
        <v>1612855</v>
      </c>
      <c r="JM28" s="123">
        <v>1481532</v>
      </c>
      <c r="JN28" s="123">
        <v>1048269</v>
      </c>
      <c r="JO28" s="124">
        <v>9124627</v>
      </c>
      <c r="JP28" s="360">
        <v>9124627</v>
      </c>
      <c r="JQ28" s="159">
        <v>0</v>
      </c>
      <c r="JR28" s="123">
        <v>0</v>
      </c>
      <c r="JS28" s="158">
        <v>0</v>
      </c>
      <c r="JT28" s="122">
        <v>0</v>
      </c>
      <c r="JU28" s="123">
        <v>0</v>
      </c>
      <c r="JV28" s="123">
        <v>0</v>
      </c>
      <c r="JW28" s="123">
        <v>253165</v>
      </c>
      <c r="JX28" s="123">
        <v>260428</v>
      </c>
      <c r="JY28" s="123">
        <v>0</v>
      </c>
      <c r="JZ28" s="124">
        <v>513593</v>
      </c>
      <c r="KA28" s="360">
        <v>513593</v>
      </c>
      <c r="KB28" s="262">
        <v>0</v>
      </c>
      <c r="KC28" s="256">
        <v>0</v>
      </c>
      <c r="KD28" s="124">
        <v>0</v>
      </c>
      <c r="KE28" s="122">
        <v>0</v>
      </c>
      <c r="KF28" s="123">
        <v>639675</v>
      </c>
      <c r="KG28" s="123">
        <v>0</v>
      </c>
      <c r="KH28" s="123">
        <v>1260653</v>
      </c>
      <c r="KI28" s="123">
        <v>280163</v>
      </c>
      <c r="KJ28" s="123">
        <v>0</v>
      </c>
      <c r="KK28" s="124">
        <v>2180491</v>
      </c>
      <c r="KL28" s="160">
        <v>2180491</v>
      </c>
      <c r="KM28" s="259">
        <v>0</v>
      </c>
      <c r="KN28" s="266">
        <v>17681</v>
      </c>
      <c r="KO28" s="267">
        <v>17681</v>
      </c>
      <c r="KP28" s="157"/>
      <c r="KQ28" s="123">
        <v>7059132</v>
      </c>
      <c r="KR28" s="123">
        <v>4858273</v>
      </c>
      <c r="KS28" s="123">
        <v>5809898</v>
      </c>
      <c r="KT28" s="123">
        <v>4019360</v>
      </c>
      <c r="KU28" s="123">
        <v>2967080</v>
      </c>
      <c r="KV28" s="124">
        <v>24713743</v>
      </c>
      <c r="KW28" s="360">
        <v>24731424</v>
      </c>
      <c r="KX28" s="159">
        <v>0</v>
      </c>
      <c r="KY28" s="123">
        <v>0</v>
      </c>
      <c r="KZ28" s="124">
        <v>0</v>
      </c>
      <c r="LA28" s="157"/>
      <c r="LB28" s="123">
        <v>0</v>
      </c>
      <c r="LC28" s="123">
        <v>0</v>
      </c>
      <c r="LD28" s="123">
        <v>0</v>
      </c>
      <c r="LE28" s="123">
        <v>0</v>
      </c>
      <c r="LF28" s="123">
        <v>0</v>
      </c>
      <c r="LG28" s="124">
        <v>0</v>
      </c>
      <c r="LH28" s="125">
        <v>0</v>
      </c>
      <c r="LI28" s="159">
        <v>0</v>
      </c>
      <c r="LJ28" s="123">
        <v>0</v>
      </c>
      <c r="LK28" s="124">
        <v>0</v>
      </c>
      <c r="LL28" s="157"/>
      <c r="LM28" s="123">
        <v>0</v>
      </c>
      <c r="LN28" s="123">
        <v>0</v>
      </c>
      <c r="LO28" s="123">
        <v>0</v>
      </c>
      <c r="LP28" s="123">
        <v>0</v>
      </c>
      <c r="LQ28" s="123">
        <v>0</v>
      </c>
      <c r="LR28" s="124">
        <v>0</v>
      </c>
      <c r="LS28" s="360">
        <v>0</v>
      </c>
      <c r="LT28" s="159">
        <v>0</v>
      </c>
      <c r="LU28" s="123">
        <v>0</v>
      </c>
      <c r="LV28" s="124">
        <v>0</v>
      </c>
      <c r="LW28" s="157"/>
      <c r="LX28" s="123">
        <v>0</v>
      </c>
      <c r="LY28" s="123">
        <v>0</v>
      </c>
      <c r="LZ28" s="123">
        <v>278231</v>
      </c>
      <c r="MA28" s="123">
        <v>0</v>
      </c>
      <c r="MB28" s="123">
        <v>0</v>
      </c>
      <c r="MC28" s="124">
        <v>278231</v>
      </c>
      <c r="MD28" s="125">
        <v>278231</v>
      </c>
      <c r="ME28" s="159">
        <v>0</v>
      </c>
      <c r="MF28" s="123">
        <v>0</v>
      </c>
      <c r="MG28" s="124">
        <v>0</v>
      </c>
      <c r="MH28" s="157"/>
      <c r="MI28" s="123">
        <v>4882338</v>
      </c>
      <c r="MJ28" s="123">
        <v>13697797</v>
      </c>
      <c r="MK28" s="123">
        <v>32701226</v>
      </c>
      <c r="ML28" s="123">
        <v>54984976</v>
      </c>
      <c r="MM28" s="123">
        <v>38343477</v>
      </c>
      <c r="MN28" s="124">
        <v>144609814</v>
      </c>
      <c r="MO28" s="160">
        <v>144609814</v>
      </c>
      <c r="MP28" s="159">
        <v>0</v>
      </c>
      <c r="MQ28" s="123">
        <v>0</v>
      </c>
      <c r="MR28" s="124">
        <v>0</v>
      </c>
      <c r="MS28" s="157"/>
      <c r="MT28" s="123">
        <v>895645</v>
      </c>
      <c r="MU28" s="123">
        <v>3901292</v>
      </c>
      <c r="MV28" s="123">
        <v>18981511</v>
      </c>
      <c r="MW28" s="123">
        <v>36904648</v>
      </c>
      <c r="MX28" s="123">
        <v>30007119</v>
      </c>
      <c r="MY28" s="124">
        <v>90690215</v>
      </c>
      <c r="MZ28" s="160">
        <v>90690215</v>
      </c>
      <c r="NA28" s="159">
        <v>0</v>
      </c>
      <c r="NB28" s="123">
        <v>0</v>
      </c>
      <c r="NC28" s="124">
        <v>0</v>
      </c>
      <c r="ND28" s="157"/>
      <c r="NE28" s="123">
        <v>3986693</v>
      </c>
      <c r="NF28" s="123">
        <v>9796505</v>
      </c>
      <c r="NG28" s="123">
        <v>13478428</v>
      </c>
      <c r="NH28" s="123">
        <v>16956758</v>
      </c>
      <c r="NI28" s="123">
        <v>6073674</v>
      </c>
      <c r="NJ28" s="124">
        <v>50292058</v>
      </c>
      <c r="NK28" s="360">
        <v>50292058</v>
      </c>
      <c r="NL28" s="159">
        <v>0</v>
      </c>
      <c r="NM28" s="123">
        <v>0</v>
      </c>
      <c r="NN28" s="124">
        <v>0</v>
      </c>
      <c r="NO28" s="157"/>
      <c r="NP28" s="123">
        <v>0</v>
      </c>
      <c r="NQ28" s="123">
        <v>0</v>
      </c>
      <c r="NR28" s="123">
        <v>241287</v>
      </c>
      <c r="NS28" s="123">
        <v>721807</v>
      </c>
      <c r="NT28" s="123">
        <v>1399158</v>
      </c>
      <c r="NU28" s="124">
        <v>2362252</v>
      </c>
      <c r="NV28" s="125">
        <v>2362252</v>
      </c>
      <c r="NW28" s="159">
        <v>0</v>
      </c>
      <c r="NX28" s="123">
        <v>0</v>
      </c>
      <c r="NY28" s="124">
        <v>0</v>
      </c>
      <c r="NZ28" s="157"/>
      <c r="OA28" s="123">
        <v>0</v>
      </c>
      <c r="OB28" s="123">
        <v>0</v>
      </c>
      <c r="OC28" s="123">
        <v>0</v>
      </c>
      <c r="OD28" s="123">
        <v>401763</v>
      </c>
      <c r="OE28" s="123">
        <v>863526</v>
      </c>
      <c r="OF28" s="124">
        <v>1265289</v>
      </c>
      <c r="OG28" s="125">
        <v>1265289</v>
      </c>
      <c r="OH28" s="159">
        <v>2962204</v>
      </c>
      <c r="OI28" s="123">
        <v>6205154</v>
      </c>
      <c r="OJ28" s="158">
        <v>9167358</v>
      </c>
      <c r="OK28" s="122">
        <v>0</v>
      </c>
      <c r="OL28" s="123">
        <v>67982663</v>
      </c>
      <c r="OM28" s="123">
        <v>82561175</v>
      </c>
      <c r="ON28" s="123">
        <v>85902883</v>
      </c>
      <c r="OO28" s="123">
        <v>108520714</v>
      </c>
      <c r="OP28" s="123">
        <v>72730213</v>
      </c>
      <c r="OQ28" s="124">
        <v>417697648</v>
      </c>
      <c r="OR28" s="160">
        <v>426865006</v>
      </c>
    </row>
    <row r="29" spans="1:408" ht="18.75" customHeight="1" x14ac:dyDescent="0.2">
      <c r="A29" s="63" t="s">
        <v>24</v>
      </c>
      <c r="B29" s="113">
        <v>3017610</v>
      </c>
      <c r="C29" s="117">
        <v>2820012</v>
      </c>
      <c r="D29" s="116">
        <v>5837622</v>
      </c>
      <c r="E29" s="112">
        <v>0</v>
      </c>
      <c r="F29" s="117">
        <v>26478306</v>
      </c>
      <c r="G29" s="117">
        <v>30004065</v>
      </c>
      <c r="H29" s="117">
        <v>21084320</v>
      </c>
      <c r="I29" s="117">
        <v>22638285</v>
      </c>
      <c r="J29" s="117">
        <v>20746758</v>
      </c>
      <c r="K29" s="198">
        <v>120951734</v>
      </c>
      <c r="L29" s="119">
        <v>126789356</v>
      </c>
      <c r="M29" s="113">
        <v>715852</v>
      </c>
      <c r="N29" s="117">
        <v>789286</v>
      </c>
      <c r="O29" s="116">
        <v>1505138</v>
      </c>
      <c r="P29" s="113">
        <v>0</v>
      </c>
      <c r="Q29" s="117">
        <v>6543751</v>
      </c>
      <c r="R29" s="117">
        <v>6293198</v>
      </c>
      <c r="S29" s="117">
        <v>5179580</v>
      </c>
      <c r="T29" s="117">
        <v>7652517</v>
      </c>
      <c r="U29" s="117">
        <v>10066304</v>
      </c>
      <c r="V29" s="116">
        <v>35735350</v>
      </c>
      <c r="W29" s="119">
        <v>37240488</v>
      </c>
      <c r="X29" s="113">
        <v>0</v>
      </c>
      <c r="Y29" s="117">
        <v>0</v>
      </c>
      <c r="Z29" s="116">
        <v>0</v>
      </c>
      <c r="AA29" s="113">
        <v>0</v>
      </c>
      <c r="AB29" s="117">
        <v>2552372</v>
      </c>
      <c r="AC29" s="117">
        <v>2311757</v>
      </c>
      <c r="AD29" s="117">
        <v>2334337</v>
      </c>
      <c r="AE29" s="117">
        <v>3791333</v>
      </c>
      <c r="AF29" s="117">
        <v>5992385</v>
      </c>
      <c r="AG29" s="116">
        <v>16982184</v>
      </c>
      <c r="AH29" s="119">
        <v>16982184</v>
      </c>
      <c r="AI29" s="113">
        <v>0</v>
      </c>
      <c r="AJ29" s="117">
        <v>0</v>
      </c>
      <c r="AK29" s="116">
        <v>0</v>
      </c>
      <c r="AL29" s="113">
        <v>0</v>
      </c>
      <c r="AM29" s="117">
        <v>0</v>
      </c>
      <c r="AN29" s="117">
        <v>0</v>
      </c>
      <c r="AO29" s="117">
        <v>344083</v>
      </c>
      <c r="AP29" s="117">
        <v>640898</v>
      </c>
      <c r="AQ29" s="117">
        <v>1100381</v>
      </c>
      <c r="AR29" s="116">
        <v>2085362</v>
      </c>
      <c r="AS29" s="119">
        <v>2085362</v>
      </c>
      <c r="AT29" s="113">
        <v>333496</v>
      </c>
      <c r="AU29" s="117">
        <v>508767</v>
      </c>
      <c r="AV29" s="116">
        <v>842263</v>
      </c>
      <c r="AW29" s="113">
        <v>0</v>
      </c>
      <c r="AX29" s="117">
        <v>2820621</v>
      </c>
      <c r="AY29" s="117">
        <v>2658141</v>
      </c>
      <c r="AZ29" s="117">
        <v>1432730</v>
      </c>
      <c r="BA29" s="117">
        <v>1937296</v>
      </c>
      <c r="BB29" s="117">
        <v>1882255</v>
      </c>
      <c r="BC29" s="116">
        <v>10731043</v>
      </c>
      <c r="BD29" s="119">
        <v>11573306</v>
      </c>
      <c r="BE29" s="113">
        <v>87188</v>
      </c>
      <c r="BF29" s="117">
        <v>103213</v>
      </c>
      <c r="BG29" s="115">
        <v>190401</v>
      </c>
      <c r="BH29" s="114">
        <v>0</v>
      </c>
      <c r="BI29" s="117">
        <v>199346</v>
      </c>
      <c r="BJ29" s="117">
        <v>189689</v>
      </c>
      <c r="BK29" s="117">
        <v>167822</v>
      </c>
      <c r="BL29" s="117">
        <v>182821</v>
      </c>
      <c r="BM29" s="117">
        <v>200515</v>
      </c>
      <c r="BN29" s="116">
        <v>940193</v>
      </c>
      <c r="BO29" s="119">
        <v>1130594</v>
      </c>
      <c r="BP29" s="113">
        <v>295168</v>
      </c>
      <c r="BQ29" s="117">
        <v>177306</v>
      </c>
      <c r="BR29" s="116">
        <v>472474</v>
      </c>
      <c r="BS29" s="113">
        <v>0</v>
      </c>
      <c r="BT29" s="117">
        <v>971412</v>
      </c>
      <c r="BU29" s="117">
        <v>1133611</v>
      </c>
      <c r="BV29" s="117">
        <v>900608</v>
      </c>
      <c r="BW29" s="117">
        <v>1100169</v>
      </c>
      <c r="BX29" s="117">
        <v>890768</v>
      </c>
      <c r="BY29" s="116">
        <v>4996568</v>
      </c>
      <c r="BZ29" s="119">
        <v>5469042</v>
      </c>
      <c r="CA29" s="113">
        <v>268257</v>
      </c>
      <c r="CB29" s="117">
        <v>630512</v>
      </c>
      <c r="CC29" s="116">
        <v>898769</v>
      </c>
      <c r="CD29" s="113">
        <v>0</v>
      </c>
      <c r="CE29" s="117">
        <v>8598867</v>
      </c>
      <c r="CF29" s="117">
        <v>8779972</v>
      </c>
      <c r="CG29" s="117">
        <v>5067828</v>
      </c>
      <c r="CH29" s="117">
        <v>3245780</v>
      </c>
      <c r="CI29" s="117">
        <v>1417272</v>
      </c>
      <c r="CJ29" s="116">
        <v>27109719</v>
      </c>
      <c r="CK29" s="119">
        <v>28008488</v>
      </c>
      <c r="CL29" s="113">
        <v>0</v>
      </c>
      <c r="CM29" s="117">
        <v>0</v>
      </c>
      <c r="CN29" s="116">
        <v>0</v>
      </c>
      <c r="CO29" s="114">
        <v>0</v>
      </c>
      <c r="CP29" s="117">
        <v>5859419</v>
      </c>
      <c r="CQ29" s="117">
        <v>6633961</v>
      </c>
      <c r="CR29" s="117">
        <v>3564409</v>
      </c>
      <c r="CS29" s="117">
        <v>2368189</v>
      </c>
      <c r="CT29" s="117">
        <v>552133</v>
      </c>
      <c r="CU29" s="116">
        <v>18978111</v>
      </c>
      <c r="CV29" s="119">
        <v>18978111</v>
      </c>
      <c r="CW29" s="113">
        <v>268257</v>
      </c>
      <c r="CX29" s="117">
        <v>630512</v>
      </c>
      <c r="CY29" s="116">
        <v>898769</v>
      </c>
      <c r="CZ29" s="113">
        <v>0</v>
      </c>
      <c r="DA29" s="117">
        <v>2739448</v>
      </c>
      <c r="DB29" s="117">
        <v>2146011</v>
      </c>
      <c r="DC29" s="117">
        <v>1503419</v>
      </c>
      <c r="DD29" s="117">
        <v>877591</v>
      </c>
      <c r="DE29" s="117">
        <v>865139</v>
      </c>
      <c r="DF29" s="116">
        <v>8131608</v>
      </c>
      <c r="DG29" s="119">
        <v>9030377</v>
      </c>
      <c r="DH29" s="113">
        <v>0</v>
      </c>
      <c r="DI29" s="117">
        <v>15627</v>
      </c>
      <c r="DJ29" s="115">
        <v>15627</v>
      </c>
      <c r="DK29" s="114">
        <v>0</v>
      </c>
      <c r="DL29" s="117">
        <v>1379066</v>
      </c>
      <c r="DM29" s="117">
        <v>2465078</v>
      </c>
      <c r="DN29" s="117">
        <v>3544025</v>
      </c>
      <c r="DO29" s="117">
        <v>1789234</v>
      </c>
      <c r="DP29" s="117">
        <v>1257727</v>
      </c>
      <c r="DQ29" s="116">
        <v>10435130</v>
      </c>
      <c r="DR29" s="119">
        <v>10450757</v>
      </c>
      <c r="DS29" s="113">
        <v>0</v>
      </c>
      <c r="DT29" s="117">
        <v>15627</v>
      </c>
      <c r="DU29" s="116">
        <v>15627</v>
      </c>
      <c r="DV29" s="113">
        <v>0</v>
      </c>
      <c r="DW29" s="117">
        <v>1357733</v>
      </c>
      <c r="DX29" s="117">
        <v>2308636</v>
      </c>
      <c r="DY29" s="117">
        <v>3349849</v>
      </c>
      <c r="DZ29" s="117">
        <v>1789234</v>
      </c>
      <c r="EA29" s="117">
        <v>1257727</v>
      </c>
      <c r="EB29" s="116">
        <v>10063179</v>
      </c>
      <c r="EC29" s="119">
        <v>10078806</v>
      </c>
      <c r="ED29" s="113">
        <v>0</v>
      </c>
      <c r="EE29" s="115">
        <v>0</v>
      </c>
      <c r="EF29" s="116">
        <v>0</v>
      </c>
      <c r="EG29" s="113">
        <v>0</v>
      </c>
      <c r="EH29" s="117">
        <v>21333</v>
      </c>
      <c r="EI29" s="117">
        <v>156442</v>
      </c>
      <c r="EJ29" s="117">
        <v>194176</v>
      </c>
      <c r="EK29" s="117">
        <v>0</v>
      </c>
      <c r="EL29" s="117">
        <v>0</v>
      </c>
      <c r="EM29" s="115">
        <v>371951</v>
      </c>
      <c r="EN29" s="119">
        <v>371951</v>
      </c>
      <c r="EO29" s="113">
        <v>0</v>
      </c>
      <c r="EP29" s="117">
        <v>0</v>
      </c>
      <c r="EQ29" s="115">
        <v>0</v>
      </c>
      <c r="ER29" s="114">
        <v>0</v>
      </c>
      <c r="ES29" s="117">
        <v>0</v>
      </c>
      <c r="ET29" s="117">
        <v>0</v>
      </c>
      <c r="EU29" s="117">
        <v>0</v>
      </c>
      <c r="EV29" s="117">
        <v>0</v>
      </c>
      <c r="EW29" s="117">
        <v>0</v>
      </c>
      <c r="EX29" s="116">
        <v>0</v>
      </c>
      <c r="EY29" s="119">
        <v>0</v>
      </c>
      <c r="EZ29" s="113">
        <v>0</v>
      </c>
      <c r="FA29" s="117">
        <v>0</v>
      </c>
      <c r="FB29" s="115">
        <v>0</v>
      </c>
      <c r="FC29" s="395">
        <v>0</v>
      </c>
      <c r="FD29" s="117">
        <v>0</v>
      </c>
      <c r="FE29" s="117">
        <v>0</v>
      </c>
      <c r="FF29" s="117">
        <v>0</v>
      </c>
      <c r="FG29" s="117">
        <v>0</v>
      </c>
      <c r="FH29" s="117">
        <v>0</v>
      </c>
      <c r="FI29" s="116">
        <v>0</v>
      </c>
      <c r="FJ29" s="119">
        <v>0</v>
      </c>
      <c r="FK29" s="113">
        <v>1055668</v>
      </c>
      <c r="FL29" s="117">
        <v>605436</v>
      </c>
      <c r="FM29" s="116">
        <v>1661104</v>
      </c>
      <c r="FN29" s="113">
        <v>0</v>
      </c>
      <c r="FO29" s="117">
        <v>1019954</v>
      </c>
      <c r="FP29" s="117">
        <v>2426313</v>
      </c>
      <c r="FQ29" s="117">
        <v>1415957</v>
      </c>
      <c r="FR29" s="117">
        <v>1268608</v>
      </c>
      <c r="FS29" s="117">
        <v>1477476</v>
      </c>
      <c r="FT29" s="116">
        <v>7608308</v>
      </c>
      <c r="FU29" s="119">
        <v>9269412</v>
      </c>
      <c r="FV29" s="118">
        <v>302630</v>
      </c>
      <c r="FW29" s="117">
        <v>343248</v>
      </c>
      <c r="FX29" s="115">
        <v>645878</v>
      </c>
      <c r="FY29" s="114">
        <v>0</v>
      </c>
      <c r="FZ29" s="117">
        <v>977582</v>
      </c>
      <c r="GA29" s="117">
        <v>2128302</v>
      </c>
      <c r="GB29" s="117">
        <v>1206487</v>
      </c>
      <c r="GC29" s="117">
        <v>1224058</v>
      </c>
      <c r="GD29" s="117">
        <v>1452836</v>
      </c>
      <c r="GE29" s="116">
        <v>6989265</v>
      </c>
      <c r="GF29" s="357">
        <v>7635143</v>
      </c>
      <c r="GG29" s="118">
        <v>0</v>
      </c>
      <c r="GH29" s="117">
        <v>69768</v>
      </c>
      <c r="GI29" s="115">
        <v>69768</v>
      </c>
      <c r="GJ29" s="114">
        <v>0</v>
      </c>
      <c r="GK29" s="117">
        <v>42372</v>
      </c>
      <c r="GL29" s="117">
        <v>112612</v>
      </c>
      <c r="GM29" s="117">
        <v>37620</v>
      </c>
      <c r="GN29" s="117">
        <v>10890</v>
      </c>
      <c r="GO29" s="117">
        <v>24640</v>
      </c>
      <c r="GP29" s="116">
        <v>228134</v>
      </c>
      <c r="GQ29" s="119">
        <v>297902</v>
      </c>
      <c r="GR29" s="113">
        <v>753038</v>
      </c>
      <c r="GS29" s="117">
        <v>192420</v>
      </c>
      <c r="GT29" s="116">
        <v>945458</v>
      </c>
      <c r="GU29" s="113">
        <v>0</v>
      </c>
      <c r="GV29" s="117">
        <v>0</v>
      </c>
      <c r="GW29" s="117">
        <v>185399</v>
      </c>
      <c r="GX29" s="117">
        <v>171850</v>
      </c>
      <c r="GY29" s="117">
        <v>33660</v>
      </c>
      <c r="GZ29" s="117">
        <v>0</v>
      </c>
      <c r="HA29" s="115">
        <v>390909</v>
      </c>
      <c r="HB29" s="119">
        <v>1336367</v>
      </c>
      <c r="HC29" s="113">
        <v>724370</v>
      </c>
      <c r="HD29" s="117">
        <v>573163</v>
      </c>
      <c r="HE29" s="115">
        <v>1297533</v>
      </c>
      <c r="HF29" s="114">
        <v>0</v>
      </c>
      <c r="HG29" s="117">
        <v>4591417</v>
      </c>
      <c r="HH29" s="117">
        <v>7398111</v>
      </c>
      <c r="HI29" s="117">
        <v>4009073</v>
      </c>
      <c r="HJ29" s="117">
        <v>7455903</v>
      </c>
      <c r="HK29" s="117">
        <v>5383943</v>
      </c>
      <c r="HL29" s="116">
        <v>28838447</v>
      </c>
      <c r="HM29" s="112">
        <v>30135980</v>
      </c>
      <c r="HN29" s="118">
        <v>253463</v>
      </c>
      <c r="HO29" s="117">
        <v>205988</v>
      </c>
      <c r="HP29" s="116">
        <v>459451</v>
      </c>
      <c r="HQ29" s="113">
        <v>0</v>
      </c>
      <c r="HR29" s="117">
        <v>4345251</v>
      </c>
      <c r="HS29" s="117">
        <v>2641393</v>
      </c>
      <c r="HT29" s="117">
        <v>1867857</v>
      </c>
      <c r="HU29" s="117">
        <v>1226243</v>
      </c>
      <c r="HV29" s="117">
        <v>1144036</v>
      </c>
      <c r="HW29" s="115">
        <v>11224780</v>
      </c>
      <c r="HX29" s="119">
        <v>11684231</v>
      </c>
      <c r="HY29" s="148">
        <v>319843</v>
      </c>
      <c r="HZ29" s="149">
        <v>444840</v>
      </c>
      <c r="IA29" s="150">
        <v>764683</v>
      </c>
      <c r="IB29" s="162">
        <v>0</v>
      </c>
      <c r="IC29" s="149">
        <v>6925570</v>
      </c>
      <c r="ID29" s="163">
        <v>4337076</v>
      </c>
      <c r="IE29" s="150">
        <v>7989561</v>
      </c>
      <c r="IF29" s="149">
        <v>3154953</v>
      </c>
      <c r="IG29" s="150">
        <v>2322320</v>
      </c>
      <c r="IH29" s="164">
        <v>24729480</v>
      </c>
      <c r="II29" s="156">
        <v>25494163</v>
      </c>
      <c r="IJ29" s="259">
        <v>0</v>
      </c>
      <c r="IK29" s="266">
        <v>0</v>
      </c>
      <c r="IL29" s="267">
        <v>0</v>
      </c>
      <c r="IM29" s="157"/>
      <c r="IN29" s="123">
        <v>203680</v>
      </c>
      <c r="IO29" s="123">
        <v>0</v>
      </c>
      <c r="IP29" s="123">
        <v>548498</v>
      </c>
      <c r="IQ29" s="123">
        <v>0</v>
      </c>
      <c r="IR29" s="123">
        <v>329893</v>
      </c>
      <c r="IS29" s="158">
        <v>1082071</v>
      </c>
      <c r="IT29" s="360">
        <v>1082071</v>
      </c>
      <c r="IU29" s="159">
        <v>0</v>
      </c>
      <c r="IV29" s="123">
        <v>0</v>
      </c>
      <c r="IW29" s="124">
        <v>0</v>
      </c>
      <c r="IX29" s="157"/>
      <c r="IY29" s="123">
        <v>0</v>
      </c>
      <c r="IZ29" s="123">
        <v>0</v>
      </c>
      <c r="JA29" s="123">
        <v>0</v>
      </c>
      <c r="JB29" s="123">
        <v>0</v>
      </c>
      <c r="JC29" s="123">
        <v>0</v>
      </c>
      <c r="JD29" s="124">
        <v>0</v>
      </c>
      <c r="JE29" s="125">
        <v>0</v>
      </c>
      <c r="JF29" s="159">
        <v>0</v>
      </c>
      <c r="JG29" s="123">
        <v>0</v>
      </c>
      <c r="JH29" s="158">
        <v>0</v>
      </c>
      <c r="JI29" s="122">
        <v>0</v>
      </c>
      <c r="JJ29" s="123">
        <v>3402523</v>
      </c>
      <c r="JK29" s="123">
        <v>986751</v>
      </c>
      <c r="JL29" s="123">
        <v>1775396</v>
      </c>
      <c r="JM29" s="123">
        <v>674818</v>
      </c>
      <c r="JN29" s="123">
        <v>618178</v>
      </c>
      <c r="JO29" s="124">
        <v>7457666</v>
      </c>
      <c r="JP29" s="360">
        <v>7457666</v>
      </c>
      <c r="JQ29" s="159">
        <v>0</v>
      </c>
      <c r="JR29" s="123">
        <v>0</v>
      </c>
      <c r="JS29" s="158">
        <v>0</v>
      </c>
      <c r="JT29" s="122">
        <v>0</v>
      </c>
      <c r="JU29" s="123">
        <v>1033476</v>
      </c>
      <c r="JV29" s="123">
        <v>551440</v>
      </c>
      <c r="JW29" s="123">
        <v>584264</v>
      </c>
      <c r="JX29" s="123">
        <v>125258</v>
      </c>
      <c r="JY29" s="123">
        <v>301333</v>
      </c>
      <c r="JZ29" s="124">
        <v>2595771</v>
      </c>
      <c r="KA29" s="360">
        <v>2595771</v>
      </c>
      <c r="KB29" s="262">
        <v>319843</v>
      </c>
      <c r="KC29" s="256">
        <v>444840</v>
      </c>
      <c r="KD29" s="124">
        <v>764683</v>
      </c>
      <c r="KE29" s="122">
        <v>0</v>
      </c>
      <c r="KF29" s="123">
        <v>2038309</v>
      </c>
      <c r="KG29" s="123">
        <v>2016495</v>
      </c>
      <c r="KH29" s="123">
        <v>1447089</v>
      </c>
      <c r="KI29" s="123">
        <v>811304</v>
      </c>
      <c r="KJ29" s="123">
        <v>303109</v>
      </c>
      <c r="KK29" s="124">
        <v>6616306</v>
      </c>
      <c r="KL29" s="160">
        <v>7380989</v>
      </c>
      <c r="KM29" s="259">
        <v>0</v>
      </c>
      <c r="KN29" s="266">
        <v>0</v>
      </c>
      <c r="KO29" s="267">
        <v>0</v>
      </c>
      <c r="KP29" s="157"/>
      <c r="KQ29" s="123">
        <v>247582</v>
      </c>
      <c r="KR29" s="123">
        <v>782390</v>
      </c>
      <c r="KS29" s="123">
        <v>3634314</v>
      </c>
      <c r="KT29" s="123">
        <v>1543573</v>
      </c>
      <c r="KU29" s="123">
        <v>769807</v>
      </c>
      <c r="KV29" s="124">
        <v>6977666</v>
      </c>
      <c r="KW29" s="360">
        <v>6977666</v>
      </c>
      <c r="KX29" s="159">
        <v>0</v>
      </c>
      <c r="KY29" s="123">
        <v>0</v>
      </c>
      <c r="KZ29" s="124">
        <v>0</v>
      </c>
      <c r="LA29" s="157"/>
      <c r="LB29" s="123">
        <v>0</v>
      </c>
      <c r="LC29" s="123">
        <v>0</v>
      </c>
      <c r="LD29" s="123">
        <v>0</v>
      </c>
      <c r="LE29" s="123">
        <v>0</v>
      </c>
      <c r="LF29" s="123">
        <v>0</v>
      </c>
      <c r="LG29" s="124">
        <v>0</v>
      </c>
      <c r="LH29" s="125">
        <v>0</v>
      </c>
      <c r="LI29" s="159">
        <v>0</v>
      </c>
      <c r="LJ29" s="123">
        <v>0</v>
      </c>
      <c r="LK29" s="124">
        <v>0</v>
      </c>
      <c r="LL29" s="157"/>
      <c r="LM29" s="123">
        <v>0</v>
      </c>
      <c r="LN29" s="123">
        <v>0</v>
      </c>
      <c r="LO29" s="123">
        <v>0</v>
      </c>
      <c r="LP29" s="123">
        <v>0</v>
      </c>
      <c r="LQ29" s="123">
        <v>0</v>
      </c>
      <c r="LR29" s="124">
        <v>0</v>
      </c>
      <c r="LS29" s="360">
        <v>0</v>
      </c>
      <c r="LT29" s="159">
        <v>0</v>
      </c>
      <c r="LU29" s="123">
        <v>0</v>
      </c>
      <c r="LV29" s="124">
        <v>0</v>
      </c>
      <c r="LW29" s="157"/>
      <c r="LX29" s="123">
        <v>0</v>
      </c>
      <c r="LY29" s="123">
        <v>0</v>
      </c>
      <c r="LZ29" s="123">
        <v>0</v>
      </c>
      <c r="MA29" s="123">
        <v>0</v>
      </c>
      <c r="MB29" s="123">
        <v>0</v>
      </c>
      <c r="MC29" s="124">
        <v>0</v>
      </c>
      <c r="MD29" s="125">
        <v>0</v>
      </c>
      <c r="ME29" s="159">
        <v>0</v>
      </c>
      <c r="MF29" s="123">
        <v>0</v>
      </c>
      <c r="MG29" s="124">
        <v>0</v>
      </c>
      <c r="MH29" s="157"/>
      <c r="MI29" s="123">
        <v>3421956</v>
      </c>
      <c r="MJ29" s="123">
        <v>6807274</v>
      </c>
      <c r="MK29" s="123">
        <v>15564250</v>
      </c>
      <c r="ML29" s="123">
        <v>27271562</v>
      </c>
      <c r="MM29" s="123">
        <v>22861284</v>
      </c>
      <c r="MN29" s="124">
        <v>75926326</v>
      </c>
      <c r="MO29" s="160">
        <v>75926326</v>
      </c>
      <c r="MP29" s="159">
        <v>0</v>
      </c>
      <c r="MQ29" s="123">
        <v>0</v>
      </c>
      <c r="MR29" s="124">
        <v>0</v>
      </c>
      <c r="MS29" s="157"/>
      <c r="MT29" s="123">
        <v>0</v>
      </c>
      <c r="MU29" s="123">
        <v>126177</v>
      </c>
      <c r="MV29" s="123">
        <v>9004888</v>
      </c>
      <c r="MW29" s="123">
        <v>19165238</v>
      </c>
      <c r="MX29" s="123">
        <v>17076865</v>
      </c>
      <c r="MY29" s="124">
        <v>45373168</v>
      </c>
      <c r="MZ29" s="160">
        <v>45373168</v>
      </c>
      <c r="NA29" s="159">
        <v>0</v>
      </c>
      <c r="NB29" s="123">
        <v>0</v>
      </c>
      <c r="NC29" s="124">
        <v>0</v>
      </c>
      <c r="ND29" s="157"/>
      <c r="NE29" s="123">
        <v>3421956</v>
      </c>
      <c r="NF29" s="123">
        <v>6681097</v>
      </c>
      <c r="NG29" s="123">
        <v>6559362</v>
      </c>
      <c r="NH29" s="123">
        <v>8106324</v>
      </c>
      <c r="NI29" s="123">
        <v>5461796</v>
      </c>
      <c r="NJ29" s="124">
        <v>30230535</v>
      </c>
      <c r="NK29" s="360">
        <v>30230535</v>
      </c>
      <c r="NL29" s="159">
        <v>0</v>
      </c>
      <c r="NM29" s="123">
        <v>0</v>
      </c>
      <c r="NN29" s="124">
        <v>0</v>
      </c>
      <c r="NO29" s="157"/>
      <c r="NP29" s="123">
        <v>0</v>
      </c>
      <c r="NQ29" s="123">
        <v>0</v>
      </c>
      <c r="NR29" s="123">
        <v>0</v>
      </c>
      <c r="NS29" s="123">
        <v>0</v>
      </c>
      <c r="NT29" s="123">
        <v>322623</v>
      </c>
      <c r="NU29" s="124">
        <v>322623</v>
      </c>
      <c r="NV29" s="125">
        <v>322623</v>
      </c>
      <c r="NW29" s="159">
        <v>0</v>
      </c>
      <c r="NX29" s="123">
        <v>0</v>
      </c>
      <c r="NY29" s="124">
        <v>0</v>
      </c>
      <c r="NZ29" s="157"/>
      <c r="OA29" s="123">
        <v>0</v>
      </c>
      <c r="OB29" s="123">
        <v>0</v>
      </c>
      <c r="OC29" s="123">
        <v>0</v>
      </c>
      <c r="OD29" s="123">
        <v>0</v>
      </c>
      <c r="OE29" s="123">
        <v>0</v>
      </c>
      <c r="OF29" s="124">
        <v>0</v>
      </c>
      <c r="OG29" s="125">
        <v>0</v>
      </c>
      <c r="OH29" s="159">
        <v>3337453</v>
      </c>
      <c r="OI29" s="123">
        <v>3264852</v>
      </c>
      <c r="OJ29" s="158">
        <v>6602305</v>
      </c>
      <c r="OK29" s="122">
        <v>0</v>
      </c>
      <c r="OL29" s="123">
        <v>36825832</v>
      </c>
      <c r="OM29" s="123">
        <v>41148415</v>
      </c>
      <c r="ON29" s="123">
        <v>44638131</v>
      </c>
      <c r="OO29" s="123">
        <v>53064800</v>
      </c>
      <c r="OP29" s="123">
        <v>45930362</v>
      </c>
      <c r="OQ29" s="124">
        <v>221607540</v>
      </c>
      <c r="OR29" s="160">
        <v>228209845</v>
      </c>
    </row>
    <row r="30" spans="1:408" ht="18.75" customHeight="1" x14ac:dyDescent="0.2">
      <c r="A30" s="63" t="s">
        <v>25</v>
      </c>
      <c r="B30" s="113">
        <v>1727277</v>
      </c>
      <c r="C30" s="117">
        <v>3351532</v>
      </c>
      <c r="D30" s="116">
        <v>5078809</v>
      </c>
      <c r="E30" s="112">
        <v>0</v>
      </c>
      <c r="F30" s="117">
        <v>25765569</v>
      </c>
      <c r="G30" s="117">
        <v>27066873</v>
      </c>
      <c r="H30" s="117">
        <v>20645264</v>
      </c>
      <c r="I30" s="117">
        <v>26833898</v>
      </c>
      <c r="J30" s="117">
        <v>20159010</v>
      </c>
      <c r="K30" s="198">
        <v>120470614</v>
      </c>
      <c r="L30" s="119">
        <v>125549423</v>
      </c>
      <c r="M30" s="113">
        <v>375646</v>
      </c>
      <c r="N30" s="117">
        <v>980482</v>
      </c>
      <c r="O30" s="116">
        <v>1356128</v>
      </c>
      <c r="P30" s="113">
        <v>0</v>
      </c>
      <c r="Q30" s="117">
        <v>6432771</v>
      </c>
      <c r="R30" s="117">
        <v>6536734</v>
      </c>
      <c r="S30" s="117">
        <v>7450939</v>
      </c>
      <c r="T30" s="117">
        <v>9921152</v>
      </c>
      <c r="U30" s="117">
        <v>12326520</v>
      </c>
      <c r="V30" s="116">
        <v>42668116</v>
      </c>
      <c r="W30" s="119">
        <v>44024244</v>
      </c>
      <c r="X30" s="113">
        <v>0</v>
      </c>
      <c r="Y30" s="117">
        <v>0</v>
      </c>
      <c r="Z30" s="116">
        <v>0</v>
      </c>
      <c r="AA30" s="113">
        <v>0</v>
      </c>
      <c r="AB30" s="117">
        <v>2952628</v>
      </c>
      <c r="AC30" s="117">
        <v>3237503</v>
      </c>
      <c r="AD30" s="117">
        <v>4544337</v>
      </c>
      <c r="AE30" s="117">
        <v>6279128</v>
      </c>
      <c r="AF30" s="117">
        <v>7197115</v>
      </c>
      <c r="AG30" s="116">
        <v>24210711</v>
      </c>
      <c r="AH30" s="119">
        <v>24210711</v>
      </c>
      <c r="AI30" s="113">
        <v>0</v>
      </c>
      <c r="AJ30" s="117">
        <v>0</v>
      </c>
      <c r="AK30" s="116">
        <v>0</v>
      </c>
      <c r="AL30" s="113">
        <v>0</v>
      </c>
      <c r="AM30" s="117">
        <v>116269</v>
      </c>
      <c r="AN30" s="117">
        <v>298473</v>
      </c>
      <c r="AO30" s="117">
        <v>455605</v>
      </c>
      <c r="AP30" s="117">
        <v>1107027</v>
      </c>
      <c r="AQ30" s="117">
        <v>1790376</v>
      </c>
      <c r="AR30" s="116">
        <v>3767750</v>
      </c>
      <c r="AS30" s="119">
        <v>3767750</v>
      </c>
      <c r="AT30" s="113">
        <v>288856</v>
      </c>
      <c r="AU30" s="117">
        <v>695775</v>
      </c>
      <c r="AV30" s="116">
        <v>984631</v>
      </c>
      <c r="AW30" s="113">
        <v>0</v>
      </c>
      <c r="AX30" s="117">
        <v>2347318</v>
      </c>
      <c r="AY30" s="117">
        <v>2051632</v>
      </c>
      <c r="AZ30" s="117">
        <v>1418667</v>
      </c>
      <c r="BA30" s="117">
        <v>1694679</v>
      </c>
      <c r="BB30" s="117">
        <v>2362407</v>
      </c>
      <c r="BC30" s="116">
        <v>9874703</v>
      </c>
      <c r="BD30" s="119">
        <v>10859334</v>
      </c>
      <c r="BE30" s="113">
        <v>44578</v>
      </c>
      <c r="BF30" s="117">
        <v>130762</v>
      </c>
      <c r="BG30" s="115">
        <v>175340</v>
      </c>
      <c r="BH30" s="114">
        <v>0</v>
      </c>
      <c r="BI30" s="117">
        <v>85480</v>
      </c>
      <c r="BJ30" s="117">
        <v>171661</v>
      </c>
      <c r="BK30" s="117">
        <v>421948</v>
      </c>
      <c r="BL30" s="117">
        <v>68513</v>
      </c>
      <c r="BM30" s="117">
        <v>200559</v>
      </c>
      <c r="BN30" s="116">
        <v>948161</v>
      </c>
      <c r="BO30" s="119">
        <v>1123501</v>
      </c>
      <c r="BP30" s="113">
        <v>42212</v>
      </c>
      <c r="BQ30" s="117">
        <v>153945</v>
      </c>
      <c r="BR30" s="116">
        <v>196157</v>
      </c>
      <c r="BS30" s="113">
        <v>0</v>
      </c>
      <c r="BT30" s="117">
        <v>931076</v>
      </c>
      <c r="BU30" s="117">
        <v>777465</v>
      </c>
      <c r="BV30" s="117">
        <v>610382</v>
      </c>
      <c r="BW30" s="117">
        <v>771805</v>
      </c>
      <c r="BX30" s="117">
        <v>776063</v>
      </c>
      <c r="BY30" s="116">
        <v>3866791</v>
      </c>
      <c r="BZ30" s="119">
        <v>4062948</v>
      </c>
      <c r="CA30" s="113">
        <v>69129</v>
      </c>
      <c r="CB30" s="117">
        <v>581755</v>
      </c>
      <c r="CC30" s="116">
        <v>650884</v>
      </c>
      <c r="CD30" s="113">
        <v>0</v>
      </c>
      <c r="CE30" s="117">
        <v>8994185</v>
      </c>
      <c r="CF30" s="117">
        <v>9535371</v>
      </c>
      <c r="CG30" s="117">
        <v>4986416</v>
      </c>
      <c r="CH30" s="117">
        <v>7184512</v>
      </c>
      <c r="CI30" s="117">
        <v>1515924</v>
      </c>
      <c r="CJ30" s="116">
        <v>32216408</v>
      </c>
      <c r="CK30" s="119">
        <v>32867292</v>
      </c>
      <c r="CL30" s="113">
        <v>0</v>
      </c>
      <c r="CM30" s="117">
        <v>0</v>
      </c>
      <c r="CN30" s="116">
        <v>0</v>
      </c>
      <c r="CO30" s="114">
        <v>0</v>
      </c>
      <c r="CP30" s="117">
        <v>6821180</v>
      </c>
      <c r="CQ30" s="117">
        <v>5100854</v>
      </c>
      <c r="CR30" s="117">
        <v>3263509</v>
      </c>
      <c r="CS30" s="117">
        <v>5280825</v>
      </c>
      <c r="CT30" s="117">
        <v>629591</v>
      </c>
      <c r="CU30" s="116">
        <v>21095959</v>
      </c>
      <c r="CV30" s="119">
        <v>21095959</v>
      </c>
      <c r="CW30" s="113">
        <v>69129</v>
      </c>
      <c r="CX30" s="117">
        <v>581755</v>
      </c>
      <c r="CY30" s="116">
        <v>650884</v>
      </c>
      <c r="CZ30" s="113">
        <v>0</v>
      </c>
      <c r="DA30" s="117">
        <v>2173005</v>
      </c>
      <c r="DB30" s="117">
        <v>4434517</v>
      </c>
      <c r="DC30" s="117">
        <v>1722907</v>
      </c>
      <c r="DD30" s="117">
        <v>1903687</v>
      </c>
      <c r="DE30" s="117">
        <v>886333</v>
      </c>
      <c r="DF30" s="116">
        <v>11120449</v>
      </c>
      <c r="DG30" s="119">
        <v>11771333</v>
      </c>
      <c r="DH30" s="113">
        <v>0</v>
      </c>
      <c r="DI30" s="117">
        <v>25356</v>
      </c>
      <c r="DJ30" s="115">
        <v>25356</v>
      </c>
      <c r="DK30" s="114">
        <v>0</v>
      </c>
      <c r="DL30" s="117">
        <v>653641</v>
      </c>
      <c r="DM30" s="117">
        <v>1752478</v>
      </c>
      <c r="DN30" s="117">
        <v>1862055</v>
      </c>
      <c r="DO30" s="117">
        <v>1286963</v>
      </c>
      <c r="DP30" s="117">
        <v>943637</v>
      </c>
      <c r="DQ30" s="116">
        <v>6498774</v>
      </c>
      <c r="DR30" s="119">
        <v>6524130</v>
      </c>
      <c r="DS30" s="113">
        <v>0</v>
      </c>
      <c r="DT30" s="117">
        <v>25356</v>
      </c>
      <c r="DU30" s="116">
        <v>25356</v>
      </c>
      <c r="DV30" s="113">
        <v>0</v>
      </c>
      <c r="DW30" s="117">
        <v>477966</v>
      </c>
      <c r="DX30" s="117">
        <v>1578667</v>
      </c>
      <c r="DY30" s="117">
        <v>1593348</v>
      </c>
      <c r="DZ30" s="117">
        <v>1010524</v>
      </c>
      <c r="EA30" s="117">
        <v>715820</v>
      </c>
      <c r="EB30" s="116">
        <v>5376325</v>
      </c>
      <c r="EC30" s="119">
        <v>5401681</v>
      </c>
      <c r="ED30" s="113">
        <v>0</v>
      </c>
      <c r="EE30" s="115">
        <v>0</v>
      </c>
      <c r="EF30" s="116">
        <v>0</v>
      </c>
      <c r="EG30" s="113">
        <v>0</v>
      </c>
      <c r="EH30" s="117">
        <v>175675</v>
      </c>
      <c r="EI30" s="117">
        <v>173811</v>
      </c>
      <c r="EJ30" s="117">
        <v>268707</v>
      </c>
      <c r="EK30" s="117">
        <v>276439</v>
      </c>
      <c r="EL30" s="117">
        <v>227817</v>
      </c>
      <c r="EM30" s="115">
        <v>1122449</v>
      </c>
      <c r="EN30" s="119">
        <v>1122449</v>
      </c>
      <c r="EO30" s="113">
        <v>0</v>
      </c>
      <c r="EP30" s="117">
        <v>0</v>
      </c>
      <c r="EQ30" s="115">
        <v>0</v>
      </c>
      <c r="ER30" s="114">
        <v>0</v>
      </c>
      <c r="ES30" s="117">
        <v>0</v>
      </c>
      <c r="ET30" s="117">
        <v>0</v>
      </c>
      <c r="EU30" s="117">
        <v>0</v>
      </c>
      <c r="EV30" s="117">
        <v>0</v>
      </c>
      <c r="EW30" s="117">
        <v>0</v>
      </c>
      <c r="EX30" s="116">
        <v>0</v>
      </c>
      <c r="EY30" s="119">
        <v>0</v>
      </c>
      <c r="EZ30" s="113">
        <v>0</v>
      </c>
      <c r="FA30" s="117">
        <v>0</v>
      </c>
      <c r="FB30" s="115">
        <v>0</v>
      </c>
      <c r="FC30" s="395">
        <v>0</v>
      </c>
      <c r="FD30" s="117">
        <v>0</v>
      </c>
      <c r="FE30" s="117">
        <v>0</v>
      </c>
      <c r="FF30" s="117">
        <v>0</v>
      </c>
      <c r="FG30" s="117">
        <v>0</v>
      </c>
      <c r="FH30" s="117">
        <v>0</v>
      </c>
      <c r="FI30" s="116">
        <v>0</v>
      </c>
      <c r="FJ30" s="119">
        <v>0</v>
      </c>
      <c r="FK30" s="113">
        <v>843416</v>
      </c>
      <c r="FL30" s="117">
        <v>732070</v>
      </c>
      <c r="FM30" s="116">
        <v>1575486</v>
      </c>
      <c r="FN30" s="113">
        <v>0</v>
      </c>
      <c r="FO30" s="117">
        <v>1471169</v>
      </c>
      <c r="FP30" s="117">
        <v>2358278</v>
      </c>
      <c r="FQ30" s="117">
        <v>2237628</v>
      </c>
      <c r="FR30" s="117">
        <v>2255497</v>
      </c>
      <c r="FS30" s="117">
        <v>1750179</v>
      </c>
      <c r="FT30" s="116">
        <v>10072751</v>
      </c>
      <c r="FU30" s="119">
        <v>11648237</v>
      </c>
      <c r="FV30" s="118">
        <v>326650</v>
      </c>
      <c r="FW30" s="117">
        <v>601660</v>
      </c>
      <c r="FX30" s="115">
        <v>928310</v>
      </c>
      <c r="FY30" s="114">
        <v>0</v>
      </c>
      <c r="FZ30" s="117">
        <v>882154</v>
      </c>
      <c r="GA30" s="117">
        <v>2182343</v>
      </c>
      <c r="GB30" s="117">
        <v>1739267</v>
      </c>
      <c r="GC30" s="117">
        <v>1998097</v>
      </c>
      <c r="GD30" s="117">
        <v>1588829</v>
      </c>
      <c r="GE30" s="116">
        <v>8390690</v>
      </c>
      <c r="GF30" s="357">
        <v>9319000</v>
      </c>
      <c r="GG30" s="118">
        <v>123255</v>
      </c>
      <c r="GH30" s="117">
        <v>49500</v>
      </c>
      <c r="GI30" s="115">
        <v>172755</v>
      </c>
      <c r="GJ30" s="114">
        <v>0</v>
      </c>
      <c r="GK30" s="117">
        <v>176835</v>
      </c>
      <c r="GL30" s="117">
        <v>45435</v>
      </c>
      <c r="GM30" s="117">
        <v>174150</v>
      </c>
      <c r="GN30" s="117">
        <v>49500</v>
      </c>
      <c r="GO30" s="117">
        <v>0</v>
      </c>
      <c r="GP30" s="116">
        <v>445920</v>
      </c>
      <c r="GQ30" s="119">
        <v>618675</v>
      </c>
      <c r="GR30" s="113">
        <v>393511</v>
      </c>
      <c r="GS30" s="117">
        <v>80910</v>
      </c>
      <c r="GT30" s="116">
        <v>474421</v>
      </c>
      <c r="GU30" s="113">
        <v>0</v>
      </c>
      <c r="GV30" s="117">
        <v>412180</v>
      </c>
      <c r="GW30" s="117">
        <v>130500</v>
      </c>
      <c r="GX30" s="117">
        <v>324211</v>
      </c>
      <c r="GY30" s="117">
        <v>207900</v>
      </c>
      <c r="GZ30" s="117">
        <v>161350</v>
      </c>
      <c r="HA30" s="115">
        <v>1236141</v>
      </c>
      <c r="HB30" s="119">
        <v>1710562</v>
      </c>
      <c r="HC30" s="113">
        <v>126600</v>
      </c>
      <c r="HD30" s="117">
        <v>433537</v>
      </c>
      <c r="HE30" s="115">
        <v>560137</v>
      </c>
      <c r="HF30" s="114">
        <v>0</v>
      </c>
      <c r="HG30" s="117">
        <v>3740760</v>
      </c>
      <c r="HH30" s="117">
        <v>3777105</v>
      </c>
      <c r="HI30" s="117">
        <v>1929359</v>
      </c>
      <c r="HJ30" s="117">
        <v>4138112</v>
      </c>
      <c r="HK30" s="117">
        <v>2459727</v>
      </c>
      <c r="HL30" s="116">
        <v>16045063</v>
      </c>
      <c r="HM30" s="112">
        <v>16605200</v>
      </c>
      <c r="HN30" s="118">
        <v>312486</v>
      </c>
      <c r="HO30" s="117">
        <v>598332</v>
      </c>
      <c r="HP30" s="116">
        <v>910818</v>
      </c>
      <c r="HQ30" s="113">
        <v>0</v>
      </c>
      <c r="HR30" s="117">
        <v>4473043</v>
      </c>
      <c r="HS30" s="117">
        <v>3106907</v>
      </c>
      <c r="HT30" s="117">
        <v>2178867</v>
      </c>
      <c r="HU30" s="117">
        <v>2047662</v>
      </c>
      <c r="HV30" s="117">
        <v>1163023</v>
      </c>
      <c r="HW30" s="115">
        <v>12969502</v>
      </c>
      <c r="HX30" s="119">
        <v>13880320</v>
      </c>
      <c r="HY30" s="166">
        <v>0</v>
      </c>
      <c r="HZ30" s="152">
        <v>0</v>
      </c>
      <c r="IA30" s="166">
        <v>0</v>
      </c>
      <c r="IB30" s="151">
        <v>0</v>
      </c>
      <c r="IC30" s="152">
        <v>6164976</v>
      </c>
      <c r="ID30" s="153">
        <v>5059173</v>
      </c>
      <c r="IE30" s="154">
        <v>3542020</v>
      </c>
      <c r="IF30" s="152">
        <v>2034525</v>
      </c>
      <c r="IG30" s="154">
        <v>830701</v>
      </c>
      <c r="IH30" s="155">
        <v>17631395</v>
      </c>
      <c r="II30" s="166">
        <v>17631395</v>
      </c>
      <c r="IJ30" s="259">
        <v>0</v>
      </c>
      <c r="IK30" s="266">
        <v>0</v>
      </c>
      <c r="IL30" s="267">
        <v>0</v>
      </c>
      <c r="IM30" s="157"/>
      <c r="IN30" s="123">
        <v>0</v>
      </c>
      <c r="IO30" s="123">
        <v>0</v>
      </c>
      <c r="IP30" s="123">
        <v>0</v>
      </c>
      <c r="IQ30" s="123">
        <v>0</v>
      </c>
      <c r="IR30" s="123">
        <v>0</v>
      </c>
      <c r="IS30" s="158">
        <v>0</v>
      </c>
      <c r="IT30" s="360">
        <v>0</v>
      </c>
      <c r="IU30" s="159">
        <v>0</v>
      </c>
      <c r="IV30" s="123">
        <v>0</v>
      </c>
      <c r="IW30" s="124">
        <v>0</v>
      </c>
      <c r="IX30" s="157"/>
      <c r="IY30" s="123">
        <v>0</v>
      </c>
      <c r="IZ30" s="123">
        <v>0</v>
      </c>
      <c r="JA30" s="123">
        <v>0</v>
      </c>
      <c r="JB30" s="123">
        <v>0</v>
      </c>
      <c r="JC30" s="123">
        <v>0</v>
      </c>
      <c r="JD30" s="124">
        <v>0</v>
      </c>
      <c r="JE30" s="125">
        <v>0</v>
      </c>
      <c r="JF30" s="159">
        <v>0</v>
      </c>
      <c r="JG30" s="123">
        <v>0</v>
      </c>
      <c r="JH30" s="158">
        <v>0</v>
      </c>
      <c r="JI30" s="122">
        <v>0</v>
      </c>
      <c r="JJ30" s="123">
        <v>3764628</v>
      </c>
      <c r="JK30" s="123">
        <v>2036635</v>
      </c>
      <c r="JL30" s="123">
        <v>1162730</v>
      </c>
      <c r="JM30" s="123">
        <v>893185</v>
      </c>
      <c r="JN30" s="123">
        <v>119375</v>
      </c>
      <c r="JO30" s="124">
        <v>7976553</v>
      </c>
      <c r="JP30" s="360">
        <v>7976553</v>
      </c>
      <c r="JQ30" s="159">
        <v>0</v>
      </c>
      <c r="JR30" s="123">
        <v>0</v>
      </c>
      <c r="JS30" s="158">
        <v>0</v>
      </c>
      <c r="JT30" s="122">
        <v>0</v>
      </c>
      <c r="JU30" s="123">
        <v>295130</v>
      </c>
      <c r="JV30" s="123">
        <v>535156</v>
      </c>
      <c r="JW30" s="123">
        <v>52326</v>
      </c>
      <c r="JX30" s="123">
        <v>0</v>
      </c>
      <c r="JY30" s="123">
        <v>161860</v>
      </c>
      <c r="JZ30" s="124">
        <v>1044472</v>
      </c>
      <c r="KA30" s="360">
        <v>1044472</v>
      </c>
      <c r="KB30" s="262">
        <v>0</v>
      </c>
      <c r="KC30" s="256">
        <v>0</v>
      </c>
      <c r="KD30" s="124">
        <v>0</v>
      </c>
      <c r="KE30" s="122">
        <v>0</v>
      </c>
      <c r="KF30" s="123">
        <v>158726</v>
      </c>
      <c r="KG30" s="123">
        <v>170739</v>
      </c>
      <c r="KH30" s="123">
        <v>1170104</v>
      </c>
      <c r="KI30" s="123">
        <v>0</v>
      </c>
      <c r="KJ30" s="123">
        <v>228823</v>
      </c>
      <c r="KK30" s="124">
        <v>1728392</v>
      </c>
      <c r="KL30" s="160">
        <v>1728392</v>
      </c>
      <c r="KM30" s="259">
        <v>0</v>
      </c>
      <c r="KN30" s="266">
        <v>0</v>
      </c>
      <c r="KO30" s="267">
        <v>0</v>
      </c>
      <c r="KP30" s="157"/>
      <c r="KQ30" s="123">
        <v>1946492</v>
      </c>
      <c r="KR30" s="123">
        <v>2316643</v>
      </c>
      <c r="KS30" s="123">
        <v>1156860</v>
      </c>
      <c r="KT30" s="123">
        <v>1141340</v>
      </c>
      <c r="KU30" s="123">
        <v>320643</v>
      </c>
      <c r="KV30" s="124">
        <v>6881978</v>
      </c>
      <c r="KW30" s="360">
        <v>6881978</v>
      </c>
      <c r="KX30" s="159">
        <v>0</v>
      </c>
      <c r="KY30" s="123">
        <v>0</v>
      </c>
      <c r="KZ30" s="124">
        <v>0</v>
      </c>
      <c r="LA30" s="157"/>
      <c r="LB30" s="123">
        <v>0</v>
      </c>
      <c r="LC30" s="123">
        <v>0</v>
      </c>
      <c r="LD30" s="123">
        <v>0</v>
      </c>
      <c r="LE30" s="123">
        <v>0</v>
      </c>
      <c r="LF30" s="123">
        <v>0</v>
      </c>
      <c r="LG30" s="124">
        <v>0</v>
      </c>
      <c r="LH30" s="125">
        <v>0</v>
      </c>
      <c r="LI30" s="159">
        <v>0</v>
      </c>
      <c r="LJ30" s="123">
        <v>0</v>
      </c>
      <c r="LK30" s="124">
        <v>0</v>
      </c>
      <c r="LL30" s="157"/>
      <c r="LM30" s="123">
        <v>0</v>
      </c>
      <c r="LN30" s="123">
        <v>0</v>
      </c>
      <c r="LO30" s="123">
        <v>0</v>
      </c>
      <c r="LP30" s="123">
        <v>0</v>
      </c>
      <c r="LQ30" s="123">
        <v>0</v>
      </c>
      <c r="LR30" s="124">
        <v>0</v>
      </c>
      <c r="LS30" s="360">
        <v>0</v>
      </c>
      <c r="LT30" s="159">
        <v>0</v>
      </c>
      <c r="LU30" s="123">
        <v>0</v>
      </c>
      <c r="LV30" s="124">
        <v>0</v>
      </c>
      <c r="LW30" s="157"/>
      <c r="LX30" s="123">
        <v>0</v>
      </c>
      <c r="LY30" s="123">
        <v>0</v>
      </c>
      <c r="LZ30" s="123">
        <v>0</v>
      </c>
      <c r="MA30" s="123">
        <v>0</v>
      </c>
      <c r="MB30" s="123">
        <v>0</v>
      </c>
      <c r="MC30" s="124">
        <v>0</v>
      </c>
      <c r="MD30" s="125">
        <v>0</v>
      </c>
      <c r="ME30" s="159">
        <v>0</v>
      </c>
      <c r="MF30" s="123">
        <v>0</v>
      </c>
      <c r="MG30" s="124">
        <v>0</v>
      </c>
      <c r="MH30" s="157"/>
      <c r="MI30" s="123">
        <v>4751857</v>
      </c>
      <c r="MJ30" s="123">
        <v>6404833</v>
      </c>
      <c r="MK30" s="123">
        <v>26401760</v>
      </c>
      <c r="ML30" s="123">
        <v>37023972</v>
      </c>
      <c r="MM30" s="123">
        <v>21603380</v>
      </c>
      <c r="MN30" s="124">
        <v>96185802</v>
      </c>
      <c r="MO30" s="160">
        <v>96185802</v>
      </c>
      <c r="MP30" s="159">
        <v>0</v>
      </c>
      <c r="MQ30" s="123">
        <v>0</v>
      </c>
      <c r="MR30" s="124">
        <v>0</v>
      </c>
      <c r="MS30" s="157"/>
      <c r="MT30" s="123">
        <v>1821973</v>
      </c>
      <c r="MU30" s="123">
        <v>2007454</v>
      </c>
      <c r="MV30" s="123">
        <v>16711689</v>
      </c>
      <c r="MW30" s="123">
        <v>20527248</v>
      </c>
      <c r="MX30" s="123">
        <v>15902206</v>
      </c>
      <c r="MY30" s="124">
        <v>56970570</v>
      </c>
      <c r="MZ30" s="160">
        <v>56970570</v>
      </c>
      <c r="NA30" s="159">
        <v>0</v>
      </c>
      <c r="NB30" s="123">
        <v>0</v>
      </c>
      <c r="NC30" s="124">
        <v>0</v>
      </c>
      <c r="ND30" s="157"/>
      <c r="NE30" s="123">
        <v>2929884</v>
      </c>
      <c r="NF30" s="123">
        <v>4397379</v>
      </c>
      <c r="NG30" s="123">
        <v>9690071</v>
      </c>
      <c r="NH30" s="123">
        <v>15812831</v>
      </c>
      <c r="NI30" s="123">
        <v>5343132</v>
      </c>
      <c r="NJ30" s="124">
        <v>38173297</v>
      </c>
      <c r="NK30" s="360">
        <v>38173297</v>
      </c>
      <c r="NL30" s="159">
        <v>0</v>
      </c>
      <c r="NM30" s="123">
        <v>0</v>
      </c>
      <c r="NN30" s="124">
        <v>0</v>
      </c>
      <c r="NO30" s="157"/>
      <c r="NP30" s="123">
        <v>0</v>
      </c>
      <c r="NQ30" s="123">
        <v>0</v>
      </c>
      <c r="NR30" s="123">
        <v>0</v>
      </c>
      <c r="NS30" s="123">
        <v>280651</v>
      </c>
      <c r="NT30" s="123">
        <v>358042</v>
      </c>
      <c r="NU30" s="124">
        <v>638693</v>
      </c>
      <c r="NV30" s="125">
        <v>638693</v>
      </c>
      <c r="NW30" s="159">
        <v>0</v>
      </c>
      <c r="NX30" s="123">
        <v>0</v>
      </c>
      <c r="NY30" s="124">
        <v>0</v>
      </c>
      <c r="NZ30" s="157"/>
      <c r="OA30" s="123">
        <v>0</v>
      </c>
      <c r="OB30" s="123">
        <v>0</v>
      </c>
      <c r="OC30" s="123">
        <v>0</v>
      </c>
      <c r="OD30" s="123">
        <v>403242</v>
      </c>
      <c r="OE30" s="123">
        <v>0</v>
      </c>
      <c r="OF30" s="124">
        <v>403242</v>
      </c>
      <c r="OG30" s="125">
        <v>403242</v>
      </c>
      <c r="OH30" s="159">
        <v>1727277</v>
      </c>
      <c r="OI30" s="123">
        <v>3351532</v>
      </c>
      <c r="OJ30" s="158">
        <v>5078809</v>
      </c>
      <c r="OK30" s="122">
        <v>0</v>
      </c>
      <c r="OL30" s="123">
        <v>36682402</v>
      </c>
      <c r="OM30" s="123">
        <v>38530879</v>
      </c>
      <c r="ON30" s="123">
        <v>50589044</v>
      </c>
      <c r="OO30" s="123">
        <v>65892395</v>
      </c>
      <c r="OP30" s="123">
        <v>42593091</v>
      </c>
      <c r="OQ30" s="124">
        <v>234287811</v>
      </c>
      <c r="OR30" s="160">
        <v>239366620</v>
      </c>
    </row>
    <row r="31" spans="1:408" ht="18.75" customHeight="1" x14ac:dyDescent="0.2">
      <c r="A31" s="63" t="s">
        <v>26</v>
      </c>
      <c r="B31" s="113">
        <v>1774160</v>
      </c>
      <c r="C31" s="117">
        <v>2383029</v>
      </c>
      <c r="D31" s="116">
        <v>4157189</v>
      </c>
      <c r="E31" s="112">
        <v>0</v>
      </c>
      <c r="F31" s="117">
        <v>22793801</v>
      </c>
      <c r="G31" s="117">
        <v>25073825</v>
      </c>
      <c r="H31" s="117">
        <v>20925662</v>
      </c>
      <c r="I31" s="117">
        <v>19106232</v>
      </c>
      <c r="J31" s="117">
        <v>22901423</v>
      </c>
      <c r="K31" s="198">
        <v>110800943</v>
      </c>
      <c r="L31" s="119">
        <v>114958132</v>
      </c>
      <c r="M31" s="113">
        <v>513727</v>
      </c>
      <c r="N31" s="117">
        <v>713725</v>
      </c>
      <c r="O31" s="116">
        <v>1227452</v>
      </c>
      <c r="P31" s="113">
        <v>0</v>
      </c>
      <c r="Q31" s="117">
        <v>5628518</v>
      </c>
      <c r="R31" s="117">
        <v>8148830</v>
      </c>
      <c r="S31" s="117">
        <v>5625574</v>
      </c>
      <c r="T31" s="117">
        <v>6499827</v>
      </c>
      <c r="U31" s="117">
        <v>12212928</v>
      </c>
      <c r="V31" s="116">
        <v>38115677</v>
      </c>
      <c r="W31" s="119">
        <v>39343129</v>
      </c>
      <c r="X31" s="113">
        <v>0</v>
      </c>
      <c r="Y31" s="117">
        <v>0</v>
      </c>
      <c r="Z31" s="116">
        <v>0</v>
      </c>
      <c r="AA31" s="113">
        <v>0</v>
      </c>
      <c r="AB31" s="117">
        <v>2273753</v>
      </c>
      <c r="AC31" s="117">
        <v>5035295</v>
      </c>
      <c r="AD31" s="117">
        <v>2847922</v>
      </c>
      <c r="AE31" s="117">
        <v>4024475</v>
      </c>
      <c r="AF31" s="117">
        <v>7101636</v>
      </c>
      <c r="AG31" s="116">
        <v>21283081</v>
      </c>
      <c r="AH31" s="119">
        <v>21283081</v>
      </c>
      <c r="AI31" s="113">
        <v>0</v>
      </c>
      <c r="AJ31" s="117">
        <v>0</v>
      </c>
      <c r="AK31" s="116">
        <v>0</v>
      </c>
      <c r="AL31" s="113">
        <v>0</v>
      </c>
      <c r="AM31" s="117">
        <v>0</v>
      </c>
      <c r="AN31" s="117">
        <v>104157</v>
      </c>
      <c r="AO31" s="117">
        <v>117176</v>
      </c>
      <c r="AP31" s="117">
        <v>648772</v>
      </c>
      <c r="AQ31" s="117">
        <v>1347152</v>
      </c>
      <c r="AR31" s="116">
        <v>2217257</v>
      </c>
      <c r="AS31" s="119">
        <v>2217257</v>
      </c>
      <c r="AT31" s="113">
        <v>272617</v>
      </c>
      <c r="AU31" s="117">
        <v>658879</v>
      </c>
      <c r="AV31" s="116">
        <v>931496</v>
      </c>
      <c r="AW31" s="113">
        <v>0</v>
      </c>
      <c r="AX31" s="117">
        <v>2246460</v>
      </c>
      <c r="AY31" s="117">
        <v>2051501</v>
      </c>
      <c r="AZ31" s="117">
        <v>1700374</v>
      </c>
      <c r="BA31" s="117">
        <v>1051086</v>
      </c>
      <c r="BB31" s="117">
        <v>2804388</v>
      </c>
      <c r="BC31" s="116">
        <v>9853809</v>
      </c>
      <c r="BD31" s="119">
        <v>10785305</v>
      </c>
      <c r="BE31" s="113">
        <v>48575</v>
      </c>
      <c r="BF31" s="117">
        <v>0</v>
      </c>
      <c r="BG31" s="115">
        <v>48575</v>
      </c>
      <c r="BH31" s="114">
        <v>0</v>
      </c>
      <c r="BI31" s="117">
        <v>236970</v>
      </c>
      <c r="BJ31" s="117">
        <v>158489</v>
      </c>
      <c r="BK31" s="117">
        <v>114576</v>
      </c>
      <c r="BL31" s="117">
        <v>89235</v>
      </c>
      <c r="BM31" s="117">
        <v>122602</v>
      </c>
      <c r="BN31" s="116">
        <v>721872</v>
      </c>
      <c r="BO31" s="119">
        <v>770447</v>
      </c>
      <c r="BP31" s="113">
        <v>192535</v>
      </c>
      <c r="BQ31" s="117">
        <v>54846</v>
      </c>
      <c r="BR31" s="116">
        <v>247381</v>
      </c>
      <c r="BS31" s="113">
        <v>0</v>
      </c>
      <c r="BT31" s="117">
        <v>871335</v>
      </c>
      <c r="BU31" s="117">
        <v>799388</v>
      </c>
      <c r="BV31" s="117">
        <v>845526</v>
      </c>
      <c r="BW31" s="117">
        <v>686259</v>
      </c>
      <c r="BX31" s="117">
        <v>837150</v>
      </c>
      <c r="BY31" s="116">
        <v>4039658</v>
      </c>
      <c r="BZ31" s="119">
        <v>4287039</v>
      </c>
      <c r="CA31" s="113">
        <v>63394</v>
      </c>
      <c r="CB31" s="117">
        <v>183228</v>
      </c>
      <c r="CC31" s="116">
        <v>246622</v>
      </c>
      <c r="CD31" s="113">
        <v>0</v>
      </c>
      <c r="CE31" s="117">
        <v>6505232</v>
      </c>
      <c r="CF31" s="117">
        <v>6918116</v>
      </c>
      <c r="CG31" s="117">
        <v>5358155</v>
      </c>
      <c r="CH31" s="117">
        <v>3307220</v>
      </c>
      <c r="CI31" s="117">
        <v>3105784</v>
      </c>
      <c r="CJ31" s="116">
        <v>25194507</v>
      </c>
      <c r="CK31" s="119">
        <v>25441129</v>
      </c>
      <c r="CL31" s="113">
        <v>0</v>
      </c>
      <c r="CM31" s="117">
        <v>0</v>
      </c>
      <c r="CN31" s="116">
        <v>0</v>
      </c>
      <c r="CO31" s="114">
        <v>0</v>
      </c>
      <c r="CP31" s="117">
        <v>5592867</v>
      </c>
      <c r="CQ31" s="117">
        <v>5354257</v>
      </c>
      <c r="CR31" s="117">
        <v>4601927</v>
      </c>
      <c r="CS31" s="117">
        <v>2498560</v>
      </c>
      <c r="CT31" s="117">
        <v>2642335</v>
      </c>
      <c r="CU31" s="116">
        <v>20689946</v>
      </c>
      <c r="CV31" s="119">
        <v>20689946</v>
      </c>
      <c r="CW31" s="113">
        <v>63394</v>
      </c>
      <c r="CX31" s="117">
        <v>183228</v>
      </c>
      <c r="CY31" s="116">
        <v>246622</v>
      </c>
      <c r="CZ31" s="113">
        <v>0</v>
      </c>
      <c r="DA31" s="117">
        <v>912365</v>
      </c>
      <c r="DB31" s="117">
        <v>1563859</v>
      </c>
      <c r="DC31" s="117">
        <v>756228</v>
      </c>
      <c r="DD31" s="117">
        <v>808660</v>
      </c>
      <c r="DE31" s="117">
        <v>463449</v>
      </c>
      <c r="DF31" s="116">
        <v>4504561</v>
      </c>
      <c r="DG31" s="119">
        <v>4751183</v>
      </c>
      <c r="DH31" s="113">
        <v>0</v>
      </c>
      <c r="DI31" s="117">
        <v>85385</v>
      </c>
      <c r="DJ31" s="115">
        <v>85385</v>
      </c>
      <c r="DK31" s="114">
        <v>0</v>
      </c>
      <c r="DL31" s="117">
        <v>742353</v>
      </c>
      <c r="DM31" s="117">
        <v>1026188</v>
      </c>
      <c r="DN31" s="117">
        <v>2897322</v>
      </c>
      <c r="DO31" s="117">
        <v>3056320</v>
      </c>
      <c r="DP31" s="117">
        <v>878354</v>
      </c>
      <c r="DQ31" s="116">
        <v>8600537</v>
      </c>
      <c r="DR31" s="119">
        <v>8685922</v>
      </c>
      <c r="DS31" s="113">
        <v>0</v>
      </c>
      <c r="DT31" s="117">
        <v>85385</v>
      </c>
      <c r="DU31" s="116">
        <v>85385</v>
      </c>
      <c r="DV31" s="113">
        <v>0</v>
      </c>
      <c r="DW31" s="117">
        <v>654676</v>
      </c>
      <c r="DX31" s="117">
        <v>924377</v>
      </c>
      <c r="DY31" s="117">
        <v>2540170</v>
      </c>
      <c r="DZ31" s="117">
        <v>2759651</v>
      </c>
      <c r="EA31" s="117">
        <v>787395</v>
      </c>
      <c r="EB31" s="116">
        <v>7666269</v>
      </c>
      <c r="EC31" s="119">
        <v>7751654</v>
      </c>
      <c r="ED31" s="113">
        <v>0</v>
      </c>
      <c r="EE31" s="115">
        <v>0</v>
      </c>
      <c r="EF31" s="116">
        <v>0</v>
      </c>
      <c r="EG31" s="113">
        <v>0</v>
      </c>
      <c r="EH31" s="117">
        <v>87677</v>
      </c>
      <c r="EI31" s="117">
        <v>101811</v>
      </c>
      <c r="EJ31" s="117">
        <v>357152</v>
      </c>
      <c r="EK31" s="117">
        <v>296669</v>
      </c>
      <c r="EL31" s="117">
        <v>90959</v>
      </c>
      <c r="EM31" s="115">
        <v>934268</v>
      </c>
      <c r="EN31" s="119">
        <v>934268</v>
      </c>
      <c r="EO31" s="113">
        <v>0</v>
      </c>
      <c r="EP31" s="117">
        <v>0</v>
      </c>
      <c r="EQ31" s="115">
        <v>0</v>
      </c>
      <c r="ER31" s="114">
        <v>0</v>
      </c>
      <c r="ES31" s="117">
        <v>0</v>
      </c>
      <c r="ET31" s="117">
        <v>0</v>
      </c>
      <c r="EU31" s="117">
        <v>0</v>
      </c>
      <c r="EV31" s="117">
        <v>0</v>
      </c>
      <c r="EW31" s="117">
        <v>0</v>
      </c>
      <c r="EX31" s="116">
        <v>0</v>
      </c>
      <c r="EY31" s="119">
        <v>0</v>
      </c>
      <c r="EZ31" s="113">
        <v>0</v>
      </c>
      <c r="FA31" s="117">
        <v>0</v>
      </c>
      <c r="FB31" s="115">
        <v>0</v>
      </c>
      <c r="FC31" s="395">
        <v>0</v>
      </c>
      <c r="FD31" s="117">
        <v>0</v>
      </c>
      <c r="FE31" s="117">
        <v>0</v>
      </c>
      <c r="FF31" s="117">
        <v>0</v>
      </c>
      <c r="FG31" s="117">
        <v>0</v>
      </c>
      <c r="FH31" s="117">
        <v>0</v>
      </c>
      <c r="FI31" s="116">
        <v>0</v>
      </c>
      <c r="FJ31" s="119">
        <v>0</v>
      </c>
      <c r="FK31" s="113">
        <v>262036</v>
      </c>
      <c r="FL31" s="117">
        <v>541997</v>
      </c>
      <c r="FM31" s="116">
        <v>804033</v>
      </c>
      <c r="FN31" s="113">
        <v>0</v>
      </c>
      <c r="FO31" s="117">
        <v>980256</v>
      </c>
      <c r="FP31" s="117">
        <v>2099382</v>
      </c>
      <c r="FQ31" s="117">
        <v>1597129</v>
      </c>
      <c r="FR31" s="117">
        <v>1353510</v>
      </c>
      <c r="FS31" s="117">
        <v>1669736</v>
      </c>
      <c r="FT31" s="116">
        <v>7700013</v>
      </c>
      <c r="FU31" s="119">
        <v>8504046</v>
      </c>
      <c r="FV31" s="118">
        <v>195860</v>
      </c>
      <c r="FW31" s="117">
        <v>503365</v>
      </c>
      <c r="FX31" s="115">
        <v>699225</v>
      </c>
      <c r="FY31" s="114">
        <v>0</v>
      </c>
      <c r="FZ31" s="117">
        <v>949368</v>
      </c>
      <c r="GA31" s="117">
        <v>1901526</v>
      </c>
      <c r="GB31" s="117">
        <v>1430413</v>
      </c>
      <c r="GC31" s="117">
        <v>1272875</v>
      </c>
      <c r="GD31" s="117">
        <v>1669736</v>
      </c>
      <c r="GE31" s="116">
        <v>7223918</v>
      </c>
      <c r="GF31" s="357">
        <v>7923143</v>
      </c>
      <c r="GG31" s="118">
        <v>18656</v>
      </c>
      <c r="GH31" s="117">
        <v>38632</v>
      </c>
      <c r="GI31" s="115">
        <v>57288</v>
      </c>
      <c r="GJ31" s="114">
        <v>0</v>
      </c>
      <c r="GK31" s="117">
        <v>30888</v>
      </c>
      <c r="GL31" s="117">
        <v>41976</v>
      </c>
      <c r="GM31" s="117">
        <v>24552</v>
      </c>
      <c r="GN31" s="117">
        <v>26235</v>
      </c>
      <c r="GO31" s="117">
        <v>0</v>
      </c>
      <c r="GP31" s="116">
        <v>123651</v>
      </c>
      <c r="GQ31" s="119">
        <v>180939</v>
      </c>
      <c r="GR31" s="113">
        <v>47520</v>
      </c>
      <c r="GS31" s="117">
        <v>0</v>
      </c>
      <c r="GT31" s="116">
        <v>47520</v>
      </c>
      <c r="GU31" s="113">
        <v>0</v>
      </c>
      <c r="GV31" s="117">
        <v>0</v>
      </c>
      <c r="GW31" s="117">
        <v>155880</v>
      </c>
      <c r="GX31" s="117">
        <v>142164</v>
      </c>
      <c r="GY31" s="117">
        <v>54400</v>
      </c>
      <c r="GZ31" s="117">
        <v>0</v>
      </c>
      <c r="HA31" s="115">
        <v>352444</v>
      </c>
      <c r="HB31" s="119">
        <v>399964</v>
      </c>
      <c r="HC31" s="113">
        <v>592662</v>
      </c>
      <c r="HD31" s="117">
        <v>360439</v>
      </c>
      <c r="HE31" s="115">
        <v>953101</v>
      </c>
      <c r="HF31" s="114">
        <v>0</v>
      </c>
      <c r="HG31" s="117">
        <v>4940569</v>
      </c>
      <c r="HH31" s="117">
        <v>3738976</v>
      </c>
      <c r="HI31" s="117">
        <v>3313479</v>
      </c>
      <c r="HJ31" s="117">
        <v>3370356</v>
      </c>
      <c r="HK31" s="117">
        <v>3575030</v>
      </c>
      <c r="HL31" s="116">
        <v>18938410</v>
      </c>
      <c r="HM31" s="112">
        <v>19891511</v>
      </c>
      <c r="HN31" s="118">
        <v>342341</v>
      </c>
      <c r="HO31" s="117">
        <v>498255</v>
      </c>
      <c r="HP31" s="116">
        <v>840596</v>
      </c>
      <c r="HQ31" s="113">
        <v>0</v>
      </c>
      <c r="HR31" s="117">
        <v>3996873</v>
      </c>
      <c r="HS31" s="117">
        <v>3142333</v>
      </c>
      <c r="HT31" s="117">
        <v>2134003</v>
      </c>
      <c r="HU31" s="117">
        <v>1518999</v>
      </c>
      <c r="HV31" s="117">
        <v>1459591</v>
      </c>
      <c r="HW31" s="115">
        <v>12251799</v>
      </c>
      <c r="HX31" s="119">
        <v>13092395</v>
      </c>
      <c r="HY31" s="148">
        <v>105462</v>
      </c>
      <c r="HZ31" s="149">
        <v>0</v>
      </c>
      <c r="IA31" s="150">
        <v>105462</v>
      </c>
      <c r="IB31" s="162">
        <v>0</v>
      </c>
      <c r="IC31" s="149">
        <v>6403333</v>
      </c>
      <c r="ID31" s="163">
        <v>6791019</v>
      </c>
      <c r="IE31" s="150">
        <v>6651028</v>
      </c>
      <c r="IF31" s="149">
        <v>4845812</v>
      </c>
      <c r="IG31" s="150">
        <v>4086034</v>
      </c>
      <c r="IH31" s="164">
        <v>28777226</v>
      </c>
      <c r="II31" s="156">
        <v>28882688</v>
      </c>
      <c r="IJ31" s="259">
        <v>0</v>
      </c>
      <c r="IK31" s="266">
        <v>0</v>
      </c>
      <c r="IL31" s="267">
        <v>0</v>
      </c>
      <c r="IM31" s="157"/>
      <c r="IN31" s="123">
        <v>0</v>
      </c>
      <c r="IO31" s="123">
        <v>0</v>
      </c>
      <c r="IP31" s="123">
        <v>0</v>
      </c>
      <c r="IQ31" s="123">
        <v>0</v>
      </c>
      <c r="IR31" s="123">
        <v>0</v>
      </c>
      <c r="IS31" s="158">
        <v>0</v>
      </c>
      <c r="IT31" s="360">
        <v>0</v>
      </c>
      <c r="IU31" s="159">
        <v>0</v>
      </c>
      <c r="IV31" s="123">
        <v>0</v>
      </c>
      <c r="IW31" s="124">
        <v>0</v>
      </c>
      <c r="IX31" s="157"/>
      <c r="IY31" s="123">
        <v>0</v>
      </c>
      <c r="IZ31" s="123">
        <v>0</v>
      </c>
      <c r="JA31" s="123">
        <v>0</v>
      </c>
      <c r="JB31" s="123">
        <v>0</v>
      </c>
      <c r="JC31" s="123">
        <v>0</v>
      </c>
      <c r="JD31" s="124">
        <v>0</v>
      </c>
      <c r="JE31" s="125">
        <v>0</v>
      </c>
      <c r="JF31" s="159">
        <v>0</v>
      </c>
      <c r="JG31" s="123">
        <v>0</v>
      </c>
      <c r="JH31" s="158">
        <v>0</v>
      </c>
      <c r="JI31" s="122">
        <v>0</v>
      </c>
      <c r="JJ31" s="123">
        <v>2434939</v>
      </c>
      <c r="JK31" s="123">
        <v>2569630</v>
      </c>
      <c r="JL31" s="123">
        <v>1272542</v>
      </c>
      <c r="JM31" s="123">
        <v>1143208</v>
      </c>
      <c r="JN31" s="123">
        <v>1218865</v>
      </c>
      <c r="JO31" s="124">
        <v>8639184</v>
      </c>
      <c r="JP31" s="360">
        <v>8639184</v>
      </c>
      <c r="JQ31" s="159">
        <v>0</v>
      </c>
      <c r="JR31" s="123">
        <v>0</v>
      </c>
      <c r="JS31" s="158">
        <v>0</v>
      </c>
      <c r="JT31" s="122">
        <v>0</v>
      </c>
      <c r="JU31" s="123">
        <v>84193</v>
      </c>
      <c r="JV31" s="123">
        <v>246442</v>
      </c>
      <c r="JW31" s="123">
        <v>1187713</v>
      </c>
      <c r="JX31" s="123">
        <v>62047</v>
      </c>
      <c r="JY31" s="123">
        <v>340854</v>
      </c>
      <c r="JZ31" s="124">
        <v>1921249</v>
      </c>
      <c r="KA31" s="360">
        <v>1921249</v>
      </c>
      <c r="KB31" s="262">
        <v>105462</v>
      </c>
      <c r="KC31" s="256">
        <v>0</v>
      </c>
      <c r="KD31" s="124">
        <v>105462</v>
      </c>
      <c r="KE31" s="122">
        <v>0</v>
      </c>
      <c r="KF31" s="123">
        <v>1323132</v>
      </c>
      <c r="KG31" s="123">
        <v>959436</v>
      </c>
      <c r="KH31" s="123">
        <v>534258</v>
      </c>
      <c r="KI31" s="123">
        <v>865017</v>
      </c>
      <c r="KJ31" s="123">
        <v>634648</v>
      </c>
      <c r="KK31" s="124">
        <v>4316491</v>
      </c>
      <c r="KL31" s="160">
        <v>4421953</v>
      </c>
      <c r="KM31" s="259">
        <v>0</v>
      </c>
      <c r="KN31" s="266">
        <v>0</v>
      </c>
      <c r="KO31" s="267">
        <v>0</v>
      </c>
      <c r="KP31" s="157"/>
      <c r="KQ31" s="123">
        <v>2561069</v>
      </c>
      <c r="KR31" s="123">
        <v>3015511</v>
      </c>
      <c r="KS31" s="123">
        <v>3656515</v>
      </c>
      <c r="KT31" s="123">
        <v>2775540</v>
      </c>
      <c r="KU31" s="123">
        <v>1891667</v>
      </c>
      <c r="KV31" s="124">
        <v>13900302</v>
      </c>
      <c r="KW31" s="360">
        <v>13900302</v>
      </c>
      <c r="KX31" s="159">
        <v>0</v>
      </c>
      <c r="KY31" s="123">
        <v>0</v>
      </c>
      <c r="KZ31" s="124">
        <v>0</v>
      </c>
      <c r="LA31" s="157"/>
      <c r="LB31" s="123">
        <v>0</v>
      </c>
      <c r="LC31" s="123">
        <v>0</v>
      </c>
      <c r="LD31" s="123">
        <v>0</v>
      </c>
      <c r="LE31" s="123">
        <v>0</v>
      </c>
      <c r="LF31" s="123">
        <v>0</v>
      </c>
      <c r="LG31" s="124">
        <v>0</v>
      </c>
      <c r="LH31" s="125">
        <v>0</v>
      </c>
      <c r="LI31" s="159">
        <v>0</v>
      </c>
      <c r="LJ31" s="123">
        <v>0</v>
      </c>
      <c r="LK31" s="124">
        <v>0</v>
      </c>
      <c r="LL31" s="157"/>
      <c r="LM31" s="123">
        <v>0</v>
      </c>
      <c r="LN31" s="123">
        <v>0</v>
      </c>
      <c r="LO31" s="123">
        <v>0</v>
      </c>
      <c r="LP31" s="123">
        <v>0</v>
      </c>
      <c r="LQ31" s="123">
        <v>0</v>
      </c>
      <c r="LR31" s="124">
        <v>0</v>
      </c>
      <c r="LS31" s="360">
        <v>0</v>
      </c>
      <c r="LT31" s="159">
        <v>0</v>
      </c>
      <c r="LU31" s="123">
        <v>0</v>
      </c>
      <c r="LV31" s="124">
        <v>0</v>
      </c>
      <c r="LW31" s="157"/>
      <c r="LX31" s="123">
        <v>0</v>
      </c>
      <c r="LY31" s="123">
        <v>0</v>
      </c>
      <c r="LZ31" s="123">
        <v>0</v>
      </c>
      <c r="MA31" s="123">
        <v>0</v>
      </c>
      <c r="MB31" s="123">
        <v>0</v>
      </c>
      <c r="MC31" s="124">
        <v>0</v>
      </c>
      <c r="MD31" s="125">
        <v>0</v>
      </c>
      <c r="ME31" s="159">
        <v>0</v>
      </c>
      <c r="MF31" s="123">
        <v>0</v>
      </c>
      <c r="MG31" s="124">
        <v>0</v>
      </c>
      <c r="MH31" s="157"/>
      <c r="MI31" s="123">
        <v>3293497</v>
      </c>
      <c r="MJ31" s="123">
        <v>6766313</v>
      </c>
      <c r="MK31" s="123">
        <v>16672096</v>
      </c>
      <c r="ML31" s="123">
        <v>21891277</v>
      </c>
      <c r="MM31" s="123">
        <v>21553514</v>
      </c>
      <c r="MN31" s="124">
        <v>70176697</v>
      </c>
      <c r="MO31" s="160">
        <v>70176697</v>
      </c>
      <c r="MP31" s="159">
        <v>0</v>
      </c>
      <c r="MQ31" s="123">
        <v>0</v>
      </c>
      <c r="MR31" s="124">
        <v>0</v>
      </c>
      <c r="MS31" s="157"/>
      <c r="MT31" s="123">
        <v>211555</v>
      </c>
      <c r="MU31" s="123">
        <v>1263216</v>
      </c>
      <c r="MV31" s="123">
        <v>9548778</v>
      </c>
      <c r="MW31" s="123">
        <v>14457527</v>
      </c>
      <c r="MX31" s="123">
        <v>17078450</v>
      </c>
      <c r="MY31" s="124">
        <v>42559526</v>
      </c>
      <c r="MZ31" s="160">
        <v>42559526</v>
      </c>
      <c r="NA31" s="159">
        <v>0</v>
      </c>
      <c r="NB31" s="123">
        <v>0</v>
      </c>
      <c r="NC31" s="124">
        <v>0</v>
      </c>
      <c r="ND31" s="157"/>
      <c r="NE31" s="123">
        <v>3081942</v>
      </c>
      <c r="NF31" s="123">
        <v>5503097</v>
      </c>
      <c r="NG31" s="123">
        <v>7123318</v>
      </c>
      <c r="NH31" s="123">
        <v>7097866</v>
      </c>
      <c r="NI31" s="123">
        <v>3940392</v>
      </c>
      <c r="NJ31" s="124">
        <v>26746615</v>
      </c>
      <c r="NK31" s="360">
        <v>26746615</v>
      </c>
      <c r="NL31" s="159">
        <v>0</v>
      </c>
      <c r="NM31" s="123">
        <v>0</v>
      </c>
      <c r="NN31" s="124">
        <v>0</v>
      </c>
      <c r="NO31" s="157"/>
      <c r="NP31" s="123">
        <v>0</v>
      </c>
      <c r="NQ31" s="123">
        <v>0</v>
      </c>
      <c r="NR31" s="123">
        <v>0</v>
      </c>
      <c r="NS31" s="123">
        <v>335884</v>
      </c>
      <c r="NT31" s="123">
        <v>0</v>
      </c>
      <c r="NU31" s="124">
        <v>335884</v>
      </c>
      <c r="NV31" s="125">
        <v>335884</v>
      </c>
      <c r="NW31" s="159">
        <v>0</v>
      </c>
      <c r="NX31" s="123">
        <v>0</v>
      </c>
      <c r="NY31" s="124">
        <v>0</v>
      </c>
      <c r="NZ31" s="157"/>
      <c r="OA31" s="123">
        <v>0</v>
      </c>
      <c r="OB31" s="123">
        <v>0</v>
      </c>
      <c r="OC31" s="123">
        <v>0</v>
      </c>
      <c r="OD31" s="123">
        <v>0</v>
      </c>
      <c r="OE31" s="123">
        <v>534672</v>
      </c>
      <c r="OF31" s="124">
        <v>534672</v>
      </c>
      <c r="OG31" s="125">
        <v>534672</v>
      </c>
      <c r="OH31" s="159">
        <v>1879622</v>
      </c>
      <c r="OI31" s="123">
        <v>2383029</v>
      </c>
      <c r="OJ31" s="158">
        <v>4262651</v>
      </c>
      <c r="OK31" s="122">
        <v>0</v>
      </c>
      <c r="OL31" s="123">
        <v>32490631</v>
      </c>
      <c r="OM31" s="123">
        <v>38631157</v>
      </c>
      <c r="ON31" s="123">
        <v>44248786</v>
      </c>
      <c r="OO31" s="123">
        <v>45843321</v>
      </c>
      <c r="OP31" s="123">
        <v>48540971</v>
      </c>
      <c r="OQ31" s="124">
        <v>209754866</v>
      </c>
      <c r="OR31" s="160">
        <v>214017517</v>
      </c>
    </row>
    <row r="32" spans="1:408" ht="18.75" customHeight="1" x14ac:dyDescent="0.2">
      <c r="A32" s="63" t="s">
        <v>27</v>
      </c>
      <c r="B32" s="113">
        <v>2415135</v>
      </c>
      <c r="C32" s="117">
        <v>5504049</v>
      </c>
      <c r="D32" s="116">
        <v>7919184</v>
      </c>
      <c r="E32" s="112">
        <v>0</v>
      </c>
      <c r="F32" s="117">
        <v>19068882</v>
      </c>
      <c r="G32" s="117">
        <v>22884232</v>
      </c>
      <c r="H32" s="117">
        <v>24081900</v>
      </c>
      <c r="I32" s="117">
        <v>22773512</v>
      </c>
      <c r="J32" s="117">
        <v>18954192</v>
      </c>
      <c r="K32" s="198">
        <v>107762718</v>
      </c>
      <c r="L32" s="119">
        <v>115681902</v>
      </c>
      <c r="M32" s="113">
        <v>652802</v>
      </c>
      <c r="N32" s="117">
        <v>1211308</v>
      </c>
      <c r="O32" s="116">
        <v>1864110</v>
      </c>
      <c r="P32" s="113">
        <v>0</v>
      </c>
      <c r="Q32" s="117">
        <v>4519997</v>
      </c>
      <c r="R32" s="117">
        <v>5372714</v>
      </c>
      <c r="S32" s="117">
        <v>5670979</v>
      </c>
      <c r="T32" s="117">
        <v>6247935</v>
      </c>
      <c r="U32" s="117">
        <v>8744481</v>
      </c>
      <c r="V32" s="116">
        <v>30556106</v>
      </c>
      <c r="W32" s="119">
        <v>32420216</v>
      </c>
      <c r="X32" s="113">
        <v>0</v>
      </c>
      <c r="Y32" s="117">
        <v>0</v>
      </c>
      <c r="Z32" s="116">
        <v>0</v>
      </c>
      <c r="AA32" s="113">
        <v>0</v>
      </c>
      <c r="AB32" s="117">
        <v>2631366</v>
      </c>
      <c r="AC32" s="117">
        <v>3037974</v>
      </c>
      <c r="AD32" s="117">
        <v>3118905</v>
      </c>
      <c r="AE32" s="117">
        <v>2896391</v>
      </c>
      <c r="AF32" s="117">
        <v>5614648</v>
      </c>
      <c r="AG32" s="116">
        <v>17299284</v>
      </c>
      <c r="AH32" s="119">
        <v>17299284</v>
      </c>
      <c r="AI32" s="113">
        <v>0</v>
      </c>
      <c r="AJ32" s="117">
        <v>0</v>
      </c>
      <c r="AK32" s="116">
        <v>0</v>
      </c>
      <c r="AL32" s="113">
        <v>0</v>
      </c>
      <c r="AM32" s="117">
        <v>53707</v>
      </c>
      <c r="AN32" s="117">
        <v>77278</v>
      </c>
      <c r="AO32" s="117">
        <v>207945</v>
      </c>
      <c r="AP32" s="117">
        <v>647207</v>
      </c>
      <c r="AQ32" s="117">
        <v>967874</v>
      </c>
      <c r="AR32" s="116">
        <v>1954011</v>
      </c>
      <c r="AS32" s="119">
        <v>1954011</v>
      </c>
      <c r="AT32" s="113">
        <v>546197</v>
      </c>
      <c r="AU32" s="117">
        <v>914005</v>
      </c>
      <c r="AV32" s="116">
        <v>1460202</v>
      </c>
      <c r="AW32" s="113">
        <v>0</v>
      </c>
      <c r="AX32" s="117">
        <v>1125420</v>
      </c>
      <c r="AY32" s="117">
        <v>1454109</v>
      </c>
      <c r="AZ32" s="117">
        <v>1262633</v>
      </c>
      <c r="BA32" s="117">
        <v>1784737</v>
      </c>
      <c r="BB32" s="117">
        <v>1355006</v>
      </c>
      <c r="BC32" s="116">
        <v>6981905</v>
      </c>
      <c r="BD32" s="119">
        <v>8442107</v>
      </c>
      <c r="BE32" s="113">
        <v>0</v>
      </c>
      <c r="BF32" s="117">
        <v>101847</v>
      </c>
      <c r="BG32" s="115">
        <v>101847</v>
      </c>
      <c r="BH32" s="114">
        <v>0</v>
      </c>
      <c r="BI32" s="117">
        <v>0</v>
      </c>
      <c r="BJ32" s="117">
        <v>86902</v>
      </c>
      <c r="BK32" s="117">
        <v>111824</v>
      </c>
      <c r="BL32" s="117">
        <v>0</v>
      </c>
      <c r="BM32" s="117">
        <v>75731</v>
      </c>
      <c r="BN32" s="116">
        <v>274457</v>
      </c>
      <c r="BO32" s="119">
        <v>376304</v>
      </c>
      <c r="BP32" s="113">
        <v>106605</v>
      </c>
      <c r="BQ32" s="117">
        <v>195456</v>
      </c>
      <c r="BR32" s="116">
        <v>302061</v>
      </c>
      <c r="BS32" s="113">
        <v>0</v>
      </c>
      <c r="BT32" s="117">
        <v>709504</v>
      </c>
      <c r="BU32" s="117">
        <v>716451</v>
      </c>
      <c r="BV32" s="117">
        <v>969672</v>
      </c>
      <c r="BW32" s="117">
        <v>919600</v>
      </c>
      <c r="BX32" s="117">
        <v>731222</v>
      </c>
      <c r="BY32" s="116">
        <v>4046449</v>
      </c>
      <c r="BZ32" s="119">
        <v>4348510</v>
      </c>
      <c r="CA32" s="113">
        <v>187174</v>
      </c>
      <c r="CB32" s="117">
        <v>897065</v>
      </c>
      <c r="CC32" s="116">
        <v>1084239</v>
      </c>
      <c r="CD32" s="113">
        <v>0</v>
      </c>
      <c r="CE32" s="117">
        <v>6586323</v>
      </c>
      <c r="CF32" s="117">
        <v>6603548</v>
      </c>
      <c r="CG32" s="117">
        <v>5352389</v>
      </c>
      <c r="CH32" s="117">
        <v>3719257</v>
      </c>
      <c r="CI32" s="117">
        <v>2409473</v>
      </c>
      <c r="CJ32" s="116">
        <v>24670990</v>
      </c>
      <c r="CK32" s="119">
        <v>25755229</v>
      </c>
      <c r="CL32" s="113">
        <v>0</v>
      </c>
      <c r="CM32" s="117">
        <v>0</v>
      </c>
      <c r="CN32" s="116">
        <v>0</v>
      </c>
      <c r="CO32" s="114">
        <v>0</v>
      </c>
      <c r="CP32" s="117">
        <v>5628849</v>
      </c>
      <c r="CQ32" s="117">
        <v>5131608</v>
      </c>
      <c r="CR32" s="117">
        <v>4349821</v>
      </c>
      <c r="CS32" s="117">
        <v>3029019</v>
      </c>
      <c r="CT32" s="117">
        <v>1915298</v>
      </c>
      <c r="CU32" s="116">
        <v>20054595</v>
      </c>
      <c r="CV32" s="119">
        <v>20054595</v>
      </c>
      <c r="CW32" s="113">
        <v>187174</v>
      </c>
      <c r="CX32" s="117">
        <v>897065</v>
      </c>
      <c r="CY32" s="116">
        <v>1084239</v>
      </c>
      <c r="CZ32" s="113">
        <v>0</v>
      </c>
      <c r="DA32" s="117">
        <v>957474</v>
      </c>
      <c r="DB32" s="117">
        <v>1471940</v>
      </c>
      <c r="DC32" s="117">
        <v>1002568</v>
      </c>
      <c r="DD32" s="117">
        <v>690238</v>
      </c>
      <c r="DE32" s="117">
        <v>494175</v>
      </c>
      <c r="DF32" s="116">
        <v>4616395</v>
      </c>
      <c r="DG32" s="119">
        <v>5700634</v>
      </c>
      <c r="DH32" s="113">
        <v>48276</v>
      </c>
      <c r="DI32" s="117">
        <v>0</v>
      </c>
      <c r="DJ32" s="115">
        <v>48276</v>
      </c>
      <c r="DK32" s="114">
        <v>0</v>
      </c>
      <c r="DL32" s="117">
        <v>597199</v>
      </c>
      <c r="DM32" s="117">
        <v>737134</v>
      </c>
      <c r="DN32" s="117">
        <v>1531182</v>
      </c>
      <c r="DO32" s="117">
        <v>1529750</v>
      </c>
      <c r="DP32" s="117">
        <v>790683</v>
      </c>
      <c r="DQ32" s="116">
        <v>5185948</v>
      </c>
      <c r="DR32" s="119">
        <v>5234224</v>
      </c>
      <c r="DS32" s="113">
        <v>0</v>
      </c>
      <c r="DT32" s="117">
        <v>0</v>
      </c>
      <c r="DU32" s="116">
        <v>0</v>
      </c>
      <c r="DV32" s="113">
        <v>0</v>
      </c>
      <c r="DW32" s="117">
        <v>451272</v>
      </c>
      <c r="DX32" s="117">
        <v>630490</v>
      </c>
      <c r="DY32" s="117">
        <v>1102146</v>
      </c>
      <c r="DZ32" s="117">
        <v>1359268</v>
      </c>
      <c r="EA32" s="117">
        <v>461757</v>
      </c>
      <c r="EB32" s="116">
        <v>4004933</v>
      </c>
      <c r="EC32" s="119">
        <v>4004933</v>
      </c>
      <c r="ED32" s="113">
        <v>48276</v>
      </c>
      <c r="EE32" s="115">
        <v>0</v>
      </c>
      <c r="EF32" s="116">
        <v>48276</v>
      </c>
      <c r="EG32" s="113">
        <v>0</v>
      </c>
      <c r="EH32" s="117">
        <v>145927</v>
      </c>
      <c r="EI32" s="117">
        <v>106644</v>
      </c>
      <c r="EJ32" s="117">
        <v>429036</v>
      </c>
      <c r="EK32" s="117">
        <v>170482</v>
      </c>
      <c r="EL32" s="117">
        <v>328926</v>
      </c>
      <c r="EM32" s="115">
        <v>1181015</v>
      </c>
      <c r="EN32" s="119">
        <v>1229291</v>
      </c>
      <c r="EO32" s="113">
        <v>0</v>
      </c>
      <c r="EP32" s="117">
        <v>0</v>
      </c>
      <c r="EQ32" s="115">
        <v>0</v>
      </c>
      <c r="ER32" s="114">
        <v>0</v>
      </c>
      <c r="ES32" s="117">
        <v>0</v>
      </c>
      <c r="ET32" s="117">
        <v>0</v>
      </c>
      <c r="EU32" s="117">
        <v>0</v>
      </c>
      <c r="EV32" s="117">
        <v>0</v>
      </c>
      <c r="EW32" s="117">
        <v>0</v>
      </c>
      <c r="EX32" s="116">
        <v>0</v>
      </c>
      <c r="EY32" s="119">
        <v>0</v>
      </c>
      <c r="EZ32" s="113">
        <v>0</v>
      </c>
      <c r="FA32" s="117">
        <v>0</v>
      </c>
      <c r="FB32" s="115">
        <v>0</v>
      </c>
      <c r="FC32" s="395">
        <v>0</v>
      </c>
      <c r="FD32" s="117">
        <v>0</v>
      </c>
      <c r="FE32" s="117">
        <v>0</v>
      </c>
      <c r="FF32" s="117">
        <v>0</v>
      </c>
      <c r="FG32" s="117">
        <v>0</v>
      </c>
      <c r="FH32" s="117">
        <v>0</v>
      </c>
      <c r="FI32" s="116">
        <v>0</v>
      </c>
      <c r="FJ32" s="119">
        <v>0</v>
      </c>
      <c r="FK32" s="113">
        <v>437948</v>
      </c>
      <c r="FL32" s="117">
        <v>1125710</v>
      </c>
      <c r="FM32" s="116">
        <v>1563658</v>
      </c>
      <c r="FN32" s="113">
        <v>0</v>
      </c>
      <c r="FO32" s="117">
        <v>515293</v>
      </c>
      <c r="FP32" s="117">
        <v>2080843</v>
      </c>
      <c r="FQ32" s="117">
        <v>1585886</v>
      </c>
      <c r="FR32" s="117">
        <v>1031112</v>
      </c>
      <c r="FS32" s="117">
        <v>1120515</v>
      </c>
      <c r="FT32" s="116">
        <v>6333649</v>
      </c>
      <c r="FU32" s="119">
        <v>7897307</v>
      </c>
      <c r="FV32" s="118">
        <v>287250</v>
      </c>
      <c r="FW32" s="117">
        <v>709550</v>
      </c>
      <c r="FX32" s="115">
        <v>996800</v>
      </c>
      <c r="FY32" s="114">
        <v>0</v>
      </c>
      <c r="FZ32" s="117">
        <v>372931</v>
      </c>
      <c r="GA32" s="117">
        <v>1806649</v>
      </c>
      <c r="GB32" s="117">
        <v>1360259</v>
      </c>
      <c r="GC32" s="117">
        <v>1001561</v>
      </c>
      <c r="GD32" s="117">
        <v>1120515</v>
      </c>
      <c r="GE32" s="116">
        <v>5661915</v>
      </c>
      <c r="GF32" s="357">
        <v>6658715</v>
      </c>
      <c r="GG32" s="118">
        <v>28368</v>
      </c>
      <c r="GH32" s="117">
        <v>23760</v>
      </c>
      <c r="GI32" s="115">
        <v>52128</v>
      </c>
      <c r="GJ32" s="114">
        <v>0</v>
      </c>
      <c r="GK32" s="117">
        <v>33572</v>
      </c>
      <c r="GL32" s="117">
        <v>21384</v>
      </c>
      <c r="GM32" s="117">
        <v>197727</v>
      </c>
      <c r="GN32" s="117">
        <v>29551</v>
      </c>
      <c r="GO32" s="117">
        <v>0</v>
      </c>
      <c r="GP32" s="116">
        <v>282234</v>
      </c>
      <c r="GQ32" s="119">
        <v>334362</v>
      </c>
      <c r="GR32" s="113">
        <v>122330</v>
      </c>
      <c r="GS32" s="117">
        <v>392400</v>
      </c>
      <c r="GT32" s="116">
        <v>514730</v>
      </c>
      <c r="GU32" s="113">
        <v>0</v>
      </c>
      <c r="GV32" s="117">
        <v>108790</v>
      </c>
      <c r="GW32" s="117">
        <v>252810</v>
      </c>
      <c r="GX32" s="117">
        <v>27900</v>
      </c>
      <c r="GY32" s="117">
        <v>0</v>
      </c>
      <c r="GZ32" s="117">
        <v>0</v>
      </c>
      <c r="HA32" s="115">
        <v>389500</v>
      </c>
      <c r="HB32" s="119">
        <v>904230</v>
      </c>
      <c r="HC32" s="113">
        <v>679702</v>
      </c>
      <c r="HD32" s="117">
        <v>1650449</v>
      </c>
      <c r="HE32" s="115">
        <v>2330151</v>
      </c>
      <c r="HF32" s="114">
        <v>0</v>
      </c>
      <c r="HG32" s="117">
        <v>4025825</v>
      </c>
      <c r="HH32" s="117">
        <v>5467050</v>
      </c>
      <c r="HI32" s="117">
        <v>7785031</v>
      </c>
      <c r="HJ32" s="117">
        <v>8987894</v>
      </c>
      <c r="HK32" s="117">
        <v>4951324</v>
      </c>
      <c r="HL32" s="116">
        <v>31217124</v>
      </c>
      <c r="HM32" s="112">
        <v>33547275</v>
      </c>
      <c r="HN32" s="118">
        <v>409233</v>
      </c>
      <c r="HO32" s="117">
        <v>619517</v>
      </c>
      <c r="HP32" s="116">
        <v>1028750</v>
      </c>
      <c r="HQ32" s="113">
        <v>0</v>
      </c>
      <c r="HR32" s="117">
        <v>2824245</v>
      </c>
      <c r="HS32" s="117">
        <v>2622943</v>
      </c>
      <c r="HT32" s="117">
        <v>2156433</v>
      </c>
      <c r="HU32" s="117">
        <v>1257564</v>
      </c>
      <c r="HV32" s="117">
        <v>937716</v>
      </c>
      <c r="HW32" s="115">
        <v>9798901</v>
      </c>
      <c r="HX32" s="119">
        <v>10827651</v>
      </c>
      <c r="HY32" s="166">
        <v>0</v>
      </c>
      <c r="HZ32" s="152">
        <v>0</v>
      </c>
      <c r="IA32" s="166">
        <v>0</v>
      </c>
      <c r="IB32" s="151">
        <v>0</v>
      </c>
      <c r="IC32" s="152">
        <v>7533165</v>
      </c>
      <c r="ID32" s="153">
        <v>3191853</v>
      </c>
      <c r="IE32" s="154">
        <v>6032433</v>
      </c>
      <c r="IF32" s="152">
        <v>2534510</v>
      </c>
      <c r="IG32" s="154">
        <v>2541878</v>
      </c>
      <c r="IH32" s="155">
        <v>21833839</v>
      </c>
      <c r="II32" s="166">
        <v>21833839</v>
      </c>
      <c r="IJ32" s="259">
        <v>0</v>
      </c>
      <c r="IK32" s="266">
        <v>0</v>
      </c>
      <c r="IL32" s="267">
        <v>0</v>
      </c>
      <c r="IM32" s="157"/>
      <c r="IN32" s="123">
        <v>0</v>
      </c>
      <c r="IO32" s="123">
        <v>107592</v>
      </c>
      <c r="IP32" s="123">
        <v>167733</v>
      </c>
      <c r="IQ32" s="123">
        <v>0</v>
      </c>
      <c r="IR32" s="123">
        <v>0</v>
      </c>
      <c r="IS32" s="158">
        <v>275325</v>
      </c>
      <c r="IT32" s="360">
        <v>275325</v>
      </c>
      <c r="IU32" s="159">
        <v>0</v>
      </c>
      <c r="IV32" s="123">
        <v>0</v>
      </c>
      <c r="IW32" s="124">
        <v>0</v>
      </c>
      <c r="IX32" s="157"/>
      <c r="IY32" s="123">
        <v>0</v>
      </c>
      <c r="IZ32" s="123">
        <v>0</v>
      </c>
      <c r="JA32" s="123">
        <v>0</v>
      </c>
      <c r="JB32" s="123">
        <v>0</v>
      </c>
      <c r="JC32" s="123">
        <v>0</v>
      </c>
      <c r="JD32" s="124">
        <v>0</v>
      </c>
      <c r="JE32" s="125">
        <v>0</v>
      </c>
      <c r="JF32" s="159">
        <v>0</v>
      </c>
      <c r="JG32" s="123">
        <v>0</v>
      </c>
      <c r="JH32" s="158">
        <v>0</v>
      </c>
      <c r="JI32" s="122">
        <v>0</v>
      </c>
      <c r="JJ32" s="123">
        <v>1306472</v>
      </c>
      <c r="JK32" s="123">
        <v>1603763</v>
      </c>
      <c r="JL32" s="123">
        <v>1136136</v>
      </c>
      <c r="JM32" s="123">
        <v>150686</v>
      </c>
      <c r="JN32" s="123">
        <v>0</v>
      </c>
      <c r="JO32" s="124">
        <v>4197057</v>
      </c>
      <c r="JP32" s="360">
        <v>4197057</v>
      </c>
      <c r="JQ32" s="159">
        <v>0</v>
      </c>
      <c r="JR32" s="123">
        <v>0</v>
      </c>
      <c r="JS32" s="158">
        <v>0</v>
      </c>
      <c r="JT32" s="122">
        <v>0</v>
      </c>
      <c r="JU32" s="123">
        <v>414018</v>
      </c>
      <c r="JV32" s="123">
        <v>31656</v>
      </c>
      <c r="JW32" s="123">
        <v>114804</v>
      </c>
      <c r="JX32" s="123">
        <v>220410</v>
      </c>
      <c r="JY32" s="123">
        <v>30357</v>
      </c>
      <c r="JZ32" s="124">
        <v>811245</v>
      </c>
      <c r="KA32" s="360">
        <v>811245</v>
      </c>
      <c r="KB32" s="262">
        <v>0</v>
      </c>
      <c r="KC32" s="256">
        <v>0</v>
      </c>
      <c r="KD32" s="124">
        <v>0</v>
      </c>
      <c r="KE32" s="122">
        <v>0</v>
      </c>
      <c r="KF32" s="123">
        <v>135652</v>
      </c>
      <c r="KG32" s="123">
        <v>189058</v>
      </c>
      <c r="KH32" s="123">
        <v>0</v>
      </c>
      <c r="KI32" s="123">
        <v>0</v>
      </c>
      <c r="KJ32" s="123">
        <v>0</v>
      </c>
      <c r="KK32" s="124">
        <v>324710</v>
      </c>
      <c r="KL32" s="160">
        <v>324710</v>
      </c>
      <c r="KM32" s="259">
        <v>0</v>
      </c>
      <c r="KN32" s="266">
        <v>0</v>
      </c>
      <c r="KO32" s="267">
        <v>0</v>
      </c>
      <c r="KP32" s="157"/>
      <c r="KQ32" s="123">
        <v>5677023</v>
      </c>
      <c r="KR32" s="123">
        <v>1259784</v>
      </c>
      <c r="KS32" s="123">
        <v>1347545</v>
      </c>
      <c r="KT32" s="123">
        <v>1098153</v>
      </c>
      <c r="KU32" s="123">
        <v>866075</v>
      </c>
      <c r="KV32" s="124">
        <v>10248580</v>
      </c>
      <c r="KW32" s="360">
        <v>10248580</v>
      </c>
      <c r="KX32" s="159">
        <v>0</v>
      </c>
      <c r="KY32" s="123">
        <v>0</v>
      </c>
      <c r="KZ32" s="124">
        <v>0</v>
      </c>
      <c r="LA32" s="157"/>
      <c r="LB32" s="123">
        <v>0</v>
      </c>
      <c r="LC32" s="123">
        <v>0</v>
      </c>
      <c r="LD32" s="123">
        <v>0</v>
      </c>
      <c r="LE32" s="123">
        <v>0</v>
      </c>
      <c r="LF32" s="123">
        <v>0</v>
      </c>
      <c r="LG32" s="124">
        <v>0</v>
      </c>
      <c r="LH32" s="125">
        <v>0</v>
      </c>
      <c r="LI32" s="159">
        <v>0</v>
      </c>
      <c r="LJ32" s="123">
        <v>0</v>
      </c>
      <c r="LK32" s="124">
        <v>0</v>
      </c>
      <c r="LL32" s="157"/>
      <c r="LM32" s="123">
        <v>0</v>
      </c>
      <c r="LN32" s="123">
        <v>0</v>
      </c>
      <c r="LO32" s="123">
        <v>3043328</v>
      </c>
      <c r="LP32" s="123">
        <v>1065261</v>
      </c>
      <c r="LQ32" s="123">
        <v>1645446</v>
      </c>
      <c r="LR32" s="124">
        <v>5754035</v>
      </c>
      <c r="LS32" s="360">
        <v>5754035</v>
      </c>
      <c r="LT32" s="159">
        <v>0</v>
      </c>
      <c r="LU32" s="123">
        <v>0</v>
      </c>
      <c r="LV32" s="124">
        <v>0</v>
      </c>
      <c r="LW32" s="157"/>
      <c r="LX32" s="123">
        <v>0</v>
      </c>
      <c r="LY32" s="123">
        <v>0</v>
      </c>
      <c r="LZ32" s="123">
        <v>222887</v>
      </c>
      <c r="MA32" s="123">
        <v>0</v>
      </c>
      <c r="MB32" s="123">
        <v>0</v>
      </c>
      <c r="MC32" s="124">
        <v>222887</v>
      </c>
      <c r="MD32" s="125">
        <v>222887</v>
      </c>
      <c r="ME32" s="159">
        <v>0</v>
      </c>
      <c r="MF32" s="123">
        <v>0</v>
      </c>
      <c r="MG32" s="124">
        <v>0</v>
      </c>
      <c r="MH32" s="157"/>
      <c r="MI32" s="123">
        <v>2079251</v>
      </c>
      <c r="MJ32" s="123">
        <v>4527238</v>
      </c>
      <c r="MK32" s="123">
        <v>18070016</v>
      </c>
      <c r="ML32" s="123">
        <v>19631775</v>
      </c>
      <c r="MM32" s="123">
        <v>15632679</v>
      </c>
      <c r="MN32" s="124">
        <v>59940959</v>
      </c>
      <c r="MO32" s="160">
        <v>59940959</v>
      </c>
      <c r="MP32" s="159">
        <v>0</v>
      </c>
      <c r="MQ32" s="123">
        <v>0</v>
      </c>
      <c r="MR32" s="124">
        <v>0</v>
      </c>
      <c r="MS32" s="157"/>
      <c r="MT32" s="123">
        <v>414768</v>
      </c>
      <c r="MU32" s="123">
        <v>475093</v>
      </c>
      <c r="MV32" s="123">
        <v>10259923</v>
      </c>
      <c r="MW32" s="123">
        <v>15285449</v>
      </c>
      <c r="MX32" s="123">
        <v>12487635</v>
      </c>
      <c r="MY32" s="124">
        <v>38922868</v>
      </c>
      <c r="MZ32" s="160">
        <v>38922868</v>
      </c>
      <c r="NA32" s="159">
        <v>0</v>
      </c>
      <c r="NB32" s="123">
        <v>0</v>
      </c>
      <c r="NC32" s="124">
        <v>0</v>
      </c>
      <c r="ND32" s="157"/>
      <c r="NE32" s="123">
        <v>1664483</v>
      </c>
      <c r="NF32" s="123">
        <v>4052145</v>
      </c>
      <c r="NG32" s="123">
        <v>7046591</v>
      </c>
      <c r="NH32" s="123">
        <v>3631067</v>
      </c>
      <c r="NI32" s="123">
        <v>2536022</v>
      </c>
      <c r="NJ32" s="124">
        <v>18930308</v>
      </c>
      <c r="NK32" s="360">
        <v>18930308</v>
      </c>
      <c r="NL32" s="159">
        <v>0</v>
      </c>
      <c r="NM32" s="123">
        <v>0</v>
      </c>
      <c r="NN32" s="124">
        <v>0</v>
      </c>
      <c r="NO32" s="157"/>
      <c r="NP32" s="123">
        <v>0</v>
      </c>
      <c r="NQ32" s="123">
        <v>0</v>
      </c>
      <c r="NR32" s="123">
        <v>353700</v>
      </c>
      <c r="NS32" s="123">
        <v>0</v>
      </c>
      <c r="NT32" s="123">
        <v>0</v>
      </c>
      <c r="NU32" s="124">
        <v>353700</v>
      </c>
      <c r="NV32" s="125">
        <v>353700</v>
      </c>
      <c r="NW32" s="159">
        <v>0</v>
      </c>
      <c r="NX32" s="123">
        <v>0</v>
      </c>
      <c r="NY32" s="124">
        <v>0</v>
      </c>
      <c r="NZ32" s="157"/>
      <c r="OA32" s="123">
        <v>0</v>
      </c>
      <c r="OB32" s="123">
        <v>0</v>
      </c>
      <c r="OC32" s="123">
        <v>409802</v>
      </c>
      <c r="OD32" s="123">
        <v>715259</v>
      </c>
      <c r="OE32" s="123">
        <v>609022</v>
      </c>
      <c r="OF32" s="124">
        <v>1734083</v>
      </c>
      <c r="OG32" s="125">
        <v>1734083</v>
      </c>
      <c r="OH32" s="159">
        <v>2415135</v>
      </c>
      <c r="OI32" s="123">
        <v>5504049</v>
      </c>
      <c r="OJ32" s="158">
        <v>7919184</v>
      </c>
      <c r="OK32" s="122">
        <v>0</v>
      </c>
      <c r="OL32" s="123">
        <v>28681298</v>
      </c>
      <c r="OM32" s="123">
        <v>30603323</v>
      </c>
      <c r="ON32" s="123">
        <v>48184349</v>
      </c>
      <c r="OO32" s="123">
        <v>44939797</v>
      </c>
      <c r="OP32" s="123">
        <v>37128749</v>
      </c>
      <c r="OQ32" s="124">
        <v>189537516</v>
      </c>
      <c r="OR32" s="160">
        <v>197456700</v>
      </c>
    </row>
    <row r="33" spans="1:408" ht="18.75" customHeight="1" x14ac:dyDescent="0.2">
      <c r="A33" s="63" t="s">
        <v>28</v>
      </c>
      <c r="B33" s="113">
        <v>82530</v>
      </c>
      <c r="C33" s="117">
        <v>496714</v>
      </c>
      <c r="D33" s="116">
        <v>579244</v>
      </c>
      <c r="E33" s="112">
        <v>0</v>
      </c>
      <c r="F33" s="117">
        <v>5072108</v>
      </c>
      <c r="G33" s="117">
        <v>9030578</v>
      </c>
      <c r="H33" s="117">
        <v>4924509</v>
      </c>
      <c r="I33" s="117">
        <v>5743368</v>
      </c>
      <c r="J33" s="117">
        <v>6370693</v>
      </c>
      <c r="K33" s="198">
        <v>31141256</v>
      </c>
      <c r="L33" s="119">
        <v>31720500</v>
      </c>
      <c r="M33" s="113">
        <v>30402</v>
      </c>
      <c r="N33" s="117">
        <v>102401</v>
      </c>
      <c r="O33" s="116">
        <v>132803</v>
      </c>
      <c r="P33" s="113">
        <v>0</v>
      </c>
      <c r="Q33" s="117">
        <v>766989</v>
      </c>
      <c r="R33" s="117">
        <v>1707751</v>
      </c>
      <c r="S33" s="117">
        <v>773000</v>
      </c>
      <c r="T33" s="117">
        <v>1089378</v>
      </c>
      <c r="U33" s="117">
        <v>2835693</v>
      </c>
      <c r="V33" s="116">
        <v>7172811</v>
      </c>
      <c r="W33" s="119">
        <v>7305614</v>
      </c>
      <c r="X33" s="113">
        <v>0</v>
      </c>
      <c r="Y33" s="117">
        <v>0</v>
      </c>
      <c r="Z33" s="116">
        <v>0</v>
      </c>
      <c r="AA33" s="113">
        <v>0</v>
      </c>
      <c r="AB33" s="117">
        <v>429435</v>
      </c>
      <c r="AC33" s="117">
        <v>550874</v>
      </c>
      <c r="AD33" s="117">
        <v>411678</v>
      </c>
      <c r="AE33" s="117">
        <v>462772</v>
      </c>
      <c r="AF33" s="117">
        <v>1399322</v>
      </c>
      <c r="AG33" s="116">
        <v>3254081</v>
      </c>
      <c r="AH33" s="119">
        <v>3254081</v>
      </c>
      <c r="AI33" s="113">
        <v>0</v>
      </c>
      <c r="AJ33" s="117">
        <v>0</v>
      </c>
      <c r="AK33" s="116">
        <v>0</v>
      </c>
      <c r="AL33" s="113">
        <v>0</v>
      </c>
      <c r="AM33" s="117">
        <v>0</v>
      </c>
      <c r="AN33" s="117">
        <v>50715</v>
      </c>
      <c r="AO33" s="117">
        <v>0</v>
      </c>
      <c r="AP33" s="117">
        <v>50715</v>
      </c>
      <c r="AQ33" s="117">
        <v>319721</v>
      </c>
      <c r="AR33" s="116">
        <v>421151</v>
      </c>
      <c r="AS33" s="119">
        <v>421151</v>
      </c>
      <c r="AT33" s="113">
        <v>20376</v>
      </c>
      <c r="AU33" s="117">
        <v>93418</v>
      </c>
      <c r="AV33" s="116">
        <v>113794</v>
      </c>
      <c r="AW33" s="113">
        <v>0</v>
      </c>
      <c r="AX33" s="117">
        <v>221063</v>
      </c>
      <c r="AY33" s="117">
        <v>899238</v>
      </c>
      <c r="AZ33" s="117">
        <v>213110</v>
      </c>
      <c r="BA33" s="117">
        <v>354923</v>
      </c>
      <c r="BB33" s="117">
        <v>781607</v>
      </c>
      <c r="BC33" s="116">
        <v>2469941</v>
      </c>
      <c r="BD33" s="119">
        <v>2583735</v>
      </c>
      <c r="BE33" s="113">
        <v>0</v>
      </c>
      <c r="BF33" s="117">
        <v>0</v>
      </c>
      <c r="BG33" s="115">
        <v>0</v>
      </c>
      <c r="BH33" s="114">
        <v>0</v>
      </c>
      <c r="BI33" s="117">
        <v>77838</v>
      </c>
      <c r="BJ33" s="117">
        <v>0</v>
      </c>
      <c r="BK33" s="117">
        <v>0</v>
      </c>
      <c r="BL33" s="117">
        <v>0</v>
      </c>
      <c r="BM33" s="117">
        <v>164916</v>
      </c>
      <c r="BN33" s="116">
        <v>242754</v>
      </c>
      <c r="BO33" s="119">
        <v>242754</v>
      </c>
      <c r="BP33" s="113">
        <v>10026</v>
      </c>
      <c r="BQ33" s="117">
        <v>8983</v>
      </c>
      <c r="BR33" s="116">
        <v>19009</v>
      </c>
      <c r="BS33" s="113">
        <v>0</v>
      </c>
      <c r="BT33" s="117">
        <v>38653</v>
      </c>
      <c r="BU33" s="117">
        <v>206924</v>
      </c>
      <c r="BV33" s="117">
        <v>148212</v>
      </c>
      <c r="BW33" s="117">
        <v>220968</v>
      </c>
      <c r="BX33" s="117">
        <v>170127</v>
      </c>
      <c r="BY33" s="116">
        <v>784884</v>
      </c>
      <c r="BZ33" s="119">
        <v>803893</v>
      </c>
      <c r="CA33" s="113">
        <v>0</v>
      </c>
      <c r="CB33" s="117">
        <v>210178</v>
      </c>
      <c r="CC33" s="116">
        <v>210178</v>
      </c>
      <c r="CD33" s="113">
        <v>0</v>
      </c>
      <c r="CE33" s="117">
        <v>2307202</v>
      </c>
      <c r="CF33" s="117">
        <v>3454393</v>
      </c>
      <c r="CG33" s="117">
        <v>1687240</v>
      </c>
      <c r="CH33" s="117">
        <v>2095265</v>
      </c>
      <c r="CI33" s="117">
        <v>1654804</v>
      </c>
      <c r="CJ33" s="116">
        <v>11198904</v>
      </c>
      <c r="CK33" s="119">
        <v>11409082</v>
      </c>
      <c r="CL33" s="113">
        <v>0</v>
      </c>
      <c r="CM33" s="117">
        <v>0</v>
      </c>
      <c r="CN33" s="116">
        <v>0</v>
      </c>
      <c r="CO33" s="114">
        <v>0</v>
      </c>
      <c r="CP33" s="117">
        <v>2127828</v>
      </c>
      <c r="CQ33" s="117">
        <v>2640782</v>
      </c>
      <c r="CR33" s="117">
        <v>1280331</v>
      </c>
      <c r="CS33" s="117">
        <v>1257177</v>
      </c>
      <c r="CT33" s="117">
        <v>1109513</v>
      </c>
      <c r="CU33" s="116">
        <v>8415631</v>
      </c>
      <c r="CV33" s="119">
        <v>8415631</v>
      </c>
      <c r="CW33" s="113">
        <v>0</v>
      </c>
      <c r="CX33" s="117">
        <v>210178</v>
      </c>
      <c r="CY33" s="116">
        <v>210178</v>
      </c>
      <c r="CZ33" s="113">
        <v>0</v>
      </c>
      <c r="DA33" s="117">
        <v>179374</v>
      </c>
      <c r="DB33" s="117">
        <v>813611</v>
      </c>
      <c r="DC33" s="117">
        <v>406909</v>
      </c>
      <c r="DD33" s="117">
        <v>838088</v>
      </c>
      <c r="DE33" s="117">
        <v>545291</v>
      </c>
      <c r="DF33" s="116">
        <v>2783273</v>
      </c>
      <c r="DG33" s="119">
        <v>2993451</v>
      </c>
      <c r="DH33" s="113">
        <v>0</v>
      </c>
      <c r="DI33" s="117">
        <v>29555</v>
      </c>
      <c r="DJ33" s="115">
        <v>29555</v>
      </c>
      <c r="DK33" s="114">
        <v>0</v>
      </c>
      <c r="DL33" s="117">
        <v>187742</v>
      </c>
      <c r="DM33" s="117">
        <v>827854</v>
      </c>
      <c r="DN33" s="117">
        <v>718335</v>
      </c>
      <c r="DO33" s="117">
        <v>427027</v>
      </c>
      <c r="DP33" s="117">
        <v>344924</v>
      </c>
      <c r="DQ33" s="116">
        <v>2505882</v>
      </c>
      <c r="DR33" s="119">
        <v>2535437</v>
      </c>
      <c r="DS33" s="113">
        <v>0</v>
      </c>
      <c r="DT33" s="117">
        <v>29555</v>
      </c>
      <c r="DU33" s="116">
        <v>29555</v>
      </c>
      <c r="DV33" s="113">
        <v>0</v>
      </c>
      <c r="DW33" s="117">
        <v>70290</v>
      </c>
      <c r="DX33" s="117">
        <v>392050</v>
      </c>
      <c r="DY33" s="117">
        <v>590623</v>
      </c>
      <c r="DZ33" s="117">
        <v>327784</v>
      </c>
      <c r="EA33" s="117">
        <v>309779</v>
      </c>
      <c r="EB33" s="116">
        <v>1690526</v>
      </c>
      <c r="EC33" s="119">
        <v>1720081</v>
      </c>
      <c r="ED33" s="113">
        <v>0</v>
      </c>
      <c r="EE33" s="115">
        <v>0</v>
      </c>
      <c r="EF33" s="116">
        <v>0</v>
      </c>
      <c r="EG33" s="113">
        <v>0</v>
      </c>
      <c r="EH33" s="117">
        <v>117452</v>
      </c>
      <c r="EI33" s="117">
        <v>435804</v>
      </c>
      <c r="EJ33" s="117">
        <v>127712</v>
      </c>
      <c r="EK33" s="117">
        <v>99243</v>
      </c>
      <c r="EL33" s="117">
        <v>35145</v>
      </c>
      <c r="EM33" s="115">
        <v>815356</v>
      </c>
      <c r="EN33" s="119">
        <v>815356</v>
      </c>
      <c r="EO33" s="113">
        <v>0</v>
      </c>
      <c r="EP33" s="117">
        <v>0</v>
      </c>
      <c r="EQ33" s="115">
        <v>0</v>
      </c>
      <c r="ER33" s="114">
        <v>0</v>
      </c>
      <c r="ES33" s="117">
        <v>0</v>
      </c>
      <c r="ET33" s="117">
        <v>0</v>
      </c>
      <c r="EU33" s="117">
        <v>0</v>
      </c>
      <c r="EV33" s="117">
        <v>0</v>
      </c>
      <c r="EW33" s="117">
        <v>0</v>
      </c>
      <c r="EX33" s="116">
        <v>0</v>
      </c>
      <c r="EY33" s="119">
        <v>0</v>
      </c>
      <c r="EZ33" s="113">
        <v>0</v>
      </c>
      <c r="FA33" s="117">
        <v>0</v>
      </c>
      <c r="FB33" s="115">
        <v>0</v>
      </c>
      <c r="FC33" s="395">
        <v>0</v>
      </c>
      <c r="FD33" s="117">
        <v>0</v>
      </c>
      <c r="FE33" s="117">
        <v>0</v>
      </c>
      <c r="FF33" s="117">
        <v>0</v>
      </c>
      <c r="FG33" s="117">
        <v>0</v>
      </c>
      <c r="FH33" s="117">
        <v>0</v>
      </c>
      <c r="FI33" s="116">
        <v>0</v>
      </c>
      <c r="FJ33" s="119">
        <v>0</v>
      </c>
      <c r="FK33" s="113">
        <v>25848</v>
      </c>
      <c r="FL33" s="117">
        <v>66980</v>
      </c>
      <c r="FM33" s="116">
        <v>92828</v>
      </c>
      <c r="FN33" s="113">
        <v>0</v>
      </c>
      <c r="FO33" s="117">
        <v>280170</v>
      </c>
      <c r="FP33" s="117">
        <v>751563</v>
      </c>
      <c r="FQ33" s="117">
        <v>406572</v>
      </c>
      <c r="FR33" s="117">
        <v>475776</v>
      </c>
      <c r="FS33" s="117">
        <v>551400</v>
      </c>
      <c r="FT33" s="116">
        <v>2465481</v>
      </c>
      <c r="FU33" s="119">
        <v>2558309</v>
      </c>
      <c r="FV33" s="118">
        <v>25848</v>
      </c>
      <c r="FW33" s="117">
        <v>66980</v>
      </c>
      <c r="FX33" s="115">
        <v>92828</v>
      </c>
      <c r="FY33" s="114">
        <v>0</v>
      </c>
      <c r="FZ33" s="117">
        <v>208280</v>
      </c>
      <c r="GA33" s="117">
        <v>710181</v>
      </c>
      <c r="GB33" s="117">
        <v>406572</v>
      </c>
      <c r="GC33" s="117">
        <v>409446</v>
      </c>
      <c r="GD33" s="117">
        <v>551400</v>
      </c>
      <c r="GE33" s="116">
        <v>2285879</v>
      </c>
      <c r="GF33" s="357">
        <v>2378707</v>
      </c>
      <c r="GG33" s="118">
        <v>0</v>
      </c>
      <c r="GH33" s="117">
        <v>0</v>
      </c>
      <c r="GI33" s="115">
        <v>0</v>
      </c>
      <c r="GJ33" s="114">
        <v>0</v>
      </c>
      <c r="GK33" s="117">
        <v>0</v>
      </c>
      <c r="GL33" s="117">
        <v>41382</v>
      </c>
      <c r="GM33" s="117">
        <v>0</v>
      </c>
      <c r="GN33" s="117">
        <v>0</v>
      </c>
      <c r="GO33" s="117">
        <v>0</v>
      </c>
      <c r="GP33" s="116">
        <v>41382</v>
      </c>
      <c r="GQ33" s="119">
        <v>41382</v>
      </c>
      <c r="GR33" s="113">
        <v>0</v>
      </c>
      <c r="GS33" s="117">
        <v>0</v>
      </c>
      <c r="GT33" s="116">
        <v>0</v>
      </c>
      <c r="GU33" s="113">
        <v>0</v>
      </c>
      <c r="GV33" s="117">
        <v>71890</v>
      </c>
      <c r="GW33" s="117">
        <v>0</v>
      </c>
      <c r="GX33" s="117">
        <v>0</v>
      </c>
      <c r="GY33" s="117">
        <v>66330</v>
      </c>
      <c r="GZ33" s="117">
        <v>0</v>
      </c>
      <c r="HA33" s="115">
        <v>138220</v>
      </c>
      <c r="HB33" s="119">
        <v>138220</v>
      </c>
      <c r="HC33" s="113">
        <v>0</v>
      </c>
      <c r="HD33" s="117">
        <v>0</v>
      </c>
      <c r="HE33" s="115">
        <v>0</v>
      </c>
      <c r="HF33" s="114">
        <v>0</v>
      </c>
      <c r="HG33" s="117">
        <v>649633</v>
      </c>
      <c r="HH33" s="117">
        <v>1138047</v>
      </c>
      <c r="HI33" s="117">
        <v>798823</v>
      </c>
      <c r="HJ33" s="117">
        <v>1199683</v>
      </c>
      <c r="HK33" s="117">
        <v>609615</v>
      </c>
      <c r="HL33" s="116">
        <v>4395801</v>
      </c>
      <c r="HM33" s="112">
        <v>4395801</v>
      </c>
      <c r="HN33" s="118">
        <v>26280</v>
      </c>
      <c r="HO33" s="117">
        <v>87600</v>
      </c>
      <c r="HP33" s="116">
        <v>113880</v>
      </c>
      <c r="HQ33" s="113">
        <v>0</v>
      </c>
      <c r="HR33" s="117">
        <v>880372</v>
      </c>
      <c r="HS33" s="117">
        <v>1150970</v>
      </c>
      <c r="HT33" s="117">
        <v>540539</v>
      </c>
      <c r="HU33" s="117">
        <v>456239</v>
      </c>
      <c r="HV33" s="117">
        <v>374257</v>
      </c>
      <c r="HW33" s="115">
        <v>3402377</v>
      </c>
      <c r="HX33" s="119">
        <v>3516257</v>
      </c>
      <c r="HY33" s="148">
        <v>0</v>
      </c>
      <c r="HZ33" s="149">
        <v>0</v>
      </c>
      <c r="IA33" s="150">
        <v>0</v>
      </c>
      <c r="IB33" s="162">
        <v>0</v>
      </c>
      <c r="IC33" s="149">
        <v>561694</v>
      </c>
      <c r="ID33" s="163">
        <v>1231939</v>
      </c>
      <c r="IE33" s="150">
        <v>2599607</v>
      </c>
      <c r="IF33" s="149">
        <v>673299</v>
      </c>
      <c r="IG33" s="150">
        <v>904860</v>
      </c>
      <c r="IH33" s="164">
        <v>5971399</v>
      </c>
      <c r="II33" s="156">
        <v>5971399</v>
      </c>
      <c r="IJ33" s="259">
        <v>0</v>
      </c>
      <c r="IK33" s="266">
        <v>0</v>
      </c>
      <c r="IL33" s="267">
        <v>0</v>
      </c>
      <c r="IM33" s="157"/>
      <c r="IN33" s="123">
        <v>0</v>
      </c>
      <c r="IO33" s="123">
        <v>0</v>
      </c>
      <c r="IP33" s="123">
        <v>0</v>
      </c>
      <c r="IQ33" s="123">
        <v>0</v>
      </c>
      <c r="IR33" s="123">
        <v>0</v>
      </c>
      <c r="IS33" s="158">
        <v>0</v>
      </c>
      <c r="IT33" s="360">
        <v>0</v>
      </c>
      <c r="IU33" s="159">
        <v>0</v>
      </c>
      <c r="IV33" s="123">
        <v>0</v>
      </c>
      <c r="IW33" s="124">
        <v>0</v>
      </c>
      <c r="IX33" s="157"/>
      <c r="IY33" s="123">
        <v>0</v>
      </c>
      <c r="IZ33" s="123">
        <v>0</v>
      </c>
      <c r="JA33" s="123">
        <v>0</v>
      </c>
      <c r="JB33" s="123">
        <v>0</v>
      </c>
      <c r="JC33" s="123">
        <v>0</v>
      </c>
      <c r="JD33" s="124">
        <v>0</v>
      </c>
      <c r="JE33" s="125">
        <v>0</v>
      </c>
      <c r="JF33" s="159">
        <v>0</v>
      </c>
      <c r="JG33" s="123">
        <v>0</v>
      </c>
      <c r="JH33" s="158">
        <v>0</v>
      </c>
      <c r="JI33" s="122">
        <v>0</v>
      </c>
      <c r="JJ33" s="123">
        <v>561694</v>
      </c>
      <c r="JK33" s="123">
        <v>430228</v>
      </c>
      <c r="JL33" s="123">
        <v>166590</v>
      </c>
      <c r="JM33" s="123">
        <v>107433</v>
      </c>
      <c r="JN33" s="123">
        <v>42138</v>
      </c>
      <c r="JO33" s="124">
        <v>1308083</v>
      </c>
      <c r="JP33" s="360">
        <v>1308083</v>
      </c>
      <c r="JQ33" s="159">
        <v>0</v>
      </c>
      <c r="JR33" s="123">
        <v>0</v>
      </c>
      <c r="JS33" s="158">
        <v>0</v>
      </c>
      <c r="JT33" s="122">
        <v>0</v>
      </c>
      <c r="JU33" s="123">
        <v>0</v>
      </c>
      <c r="JV33" s="123">
        <v>0</v>
      </c>
      <c r="JW33" s="123">
        <v>656167</v>
      </c>
      <c r="JX33" s="123">
        <v>0</v>
      </c>
      <c r="JY33" s="123">
        <v>0</v>
      </c>
      <c r="JZ33" s="124">
        <v>656167</v>
      </c>
      <c r="KA33" s="360">
        <v>656167</v>
      </c>
      <c r="KB33" s="262">
        <v>0</v>
      </c>
      <c r="KC33" s="256">
        <v>0</v>
      </c>
      <c r="KD33" s="124">
        <v>0</v>
      </c>
      <c r="KE33" s="122">
        <v>0</v>
      </c>
      <c r="KF33" s="123">
        <v>0</v>
      </c>
      <c r="KG33" s="123">
        <v>0</v>
      </c>
      <c r="KH33" s="123">
        <v>0</v>
      </c>
      <c r="KI33" s="123">
        <v>0</v>
      </c>
      <c r="KJ33" s="123">
        <v>0</v>
      </c>
      <c r="KK33" s="124">
        <v>0</v>
      </c>
      <c r="KL33" s="160">
        <v>0</v>
      </c>
      <c r="KM33" s="259">
        <v>0</v>
      </c>
      <c r="KN33" s="266">
        <v>0</v>
      </c>
      <c r="KO33" s="267">
        <v>0</v>
      </c>
      <c r="KP33" s="157"/>
      <c r="KQ33" s="123">
        <v>0</v>
      </c>
      <c r="KR33" s="123">
        <v>801711</v>
      </c>
      <c r="KS33" s="123">
        <v>1323304</v>
      </c>
      <c r="KT33" s="123">
        <v>565866</v>
      </c>
      <c r="KU33" s="123">
        <v>862722</v>
      </c>
      <c r="KV33" s="124">
        <v>3553603</v>
      </c>
      <c r="KW33" s="360">
        <v>3553603</v>
      </c>
      <c r="KX33" s="159">
        <v>0</v>
      </c>
      <c r="KY33" s="123">
        <v>0</v>
      </c>
      <c r="KZ33" s="124">
        <v>0</v>
      </c>
      <c r="LA33" s="157"/>
      <c r="LB33" s="123">
        <v>0</v>
      </c>
      <c r="LC33" s="123">
        <v>0</v>
      </c>
      <c r="LD33" s="123">
        <v>0</v>
      </c>
      <c r="LE33" s="123">
        <v>0</v>
      </c>
      <c r="LF33" s="123">
        <v>0</v>
      </c>
      <c r="LG33" s="124">
        <v>0</v>
      </c>
      <c r="LH33" s="125">
        <v>0</v>
      </c>
      <c r="LI33" s="159">
        <v>0</v>
      </c>
      <c r="LJ33" s="123">
        <v>0</v>
      </c>
      <c r="LK33" s="124">
        <v>0</v>
      </c>
      <c r="LL33" s="157"/>
      <c r="LM33" s="123">
        <v>0</v>
      </c>
      <c r="LN33" s="123">
        <v>0</v>
      </c>
      <c r="LO33" s="123">
        <v>453546</v>
      </c>
      <c r="LP33" s="123">
        <v>0</v>
      </c>
      <c r="LQ33" s="123">
        <v>0</v>
      </c>
      <c r="LR33" s="124">
        <v>453546</v>
      </c>
      <c r="LS33" s="360">
        <v>453546</v>
      </c>
      <c r="LT33" s="159">
        <v>0</v>
      </c>
      <c r="LU33" s="123">
        <v>0</v>
      </c>
      <c r="LV33" s="124">
        <v>0</v>
      </c>
      <c r="LW33" s="157"/>
      <c r="LX33" s="123">
        <v>0</v>
      </c>
      <c r="LY33" s="123">
        <v>0</v>
      </c>
      <c r="LZ33" s="123">
        <v>0</v>
      </c>
      <c r="MA33" s="123">
        <v>0</v>
      </c>
      <c r="MB33" s="123">
        <v>0</v>
      </c>
      <c r="MC33" s="124">
        <v>0</v>
      </c>
      <c r="MD33" s="125">
        <v>0</v>
      </c>
      <c r="ME33" s="159">
        <v>0</v>
      </c>
      <c r="MF33" s="123">
        <v>0</v>
      </c>
      <c r="MG33" s="124">
        <v>0</v>
      </c>
      <c r="MH33" s="157"/>
      <c r="MI33" s="123">
        <v>0</v>
      </c>
      <c r="MJ33" s="123">
        <v>2649540</v>
      </c>
      <c r="MK33" s="123">
        <v>3816965</v>
      </c>
      <c r="ML33" s="123">
        <v>7670153</v>
      </c>
      <c r="MM33" s="123">
        <v>5114614</v>
      </c>
      <c r="MN33" s="124">
        <v>19251272</v>
      </c>
      <c r="MO33" s="160">
        <v>19251272</v>
      </c>
      <c r="MP33" s="159">
        <v>0</v>
      </c>
      <c r="MQ33" s="123">
        <v>0</v>
      </c>
      <c r="MR33" s="124">
        <v>0</v>
      </c>
      <c r="MS33" s="157"/>
      <c r="MT33" s="123">
        <v>0</v>
      </c>
      <c r="MU33" s="123">
        <v>422316</v>
      </c>
      <c r="MV33" s="123">
        <v>2011857</v>
      </c>
      <c r="MW33" s="123">
        <v>4867360</v>
      </c>
      <c r="MX33" s="123">
        <v>3681010</v>
      </c>
      <c r="MY33" s="124">
        <v>10982543</v>
      </c>
      <c r="MZ33" s="160">
        <v>10982543</v>
      </c>
      <c r="NA33" s="159">
        <v>0</v>
      </c>
      <c r="NB33" s="123">
        <v>0</v>
      </c>
      <c r="NC33" s="124">
        <v>0</v>
      </c>
      <c r="ND33" s="157"/>
      <c r="NE33" s="123">
        <v>0</v>
      </c>
      <c r="NF33" s="123">
        <v>2227224</v>
      </c>
      <c r="NG33" s="123">
        <v>1805108</v>
      </c>
      <c r="NH33" s="123">
        <v>2802793</v>
      </c>
      <c r="NI33" s="123">
        <v>1433604</v>
      </c>
      <c r="NJ33" s="124">
        <v>8268729</v>
      </c>
      <c r="NK33" s="360">
        <v>8268729</v>
      </c>
      <c r="NL33" s="159">
        <v>0</v>
      </c>
      <c r="NM33" s="123">
        <v>0</v>
      </c>
      <c r="NN33" s="124">
        <v>0</v>
      </c>
      <c r="NO33" s="157"/>
      <c r="NP33" s="123">
        <v>0</v>
      </c>
      <c r="NQ33" s="123">
        <v>0</v>
      </c>
      <c r="NR33" s="123">
        <v>0</v>
      </c>
      <c r="NS33" s="123">
        <v>0</v>
      </c>
      <c r="NT33" s="123">
        <v>0</v>
      </c>
      <c r="NU33" s="124">
        <v>0</v>
      </c>
      <c r="NV33" s="125">
        <v>0</v>
      </c>
      <c r="NW33" s="159">
        <v>0</v>
      </c>
      <c r="NX33" s="123">
        <v>0</v>
      </c>
      <c r="NY33" s="124">
        <v>0</v>
      </c>
      <c r="NZ33" s="157"/>
      <c r="OA33" s="123">
        <v>0</v>
      </c>
      <c r="OB33" s="123">
        <v>0</v>
      </c>
      <c r="OC33" s="123">
        <v>0</v>
      </c>
      <c r="OD33" s="123">
        <v>0</v>
      </c>
      <c r="OE33" s="123">
        <v>0</v>
      </c>
      <c r="OF33" s="124">
        <v>0</v>
      </c>
      <c r="OG33" s="125">
        <v>0</v>
      </c>
      <c r="OH33" s="159">
        <v>82530</v>
      </c>
      <c r="OI33" s="123">
        <v>496714</v>
      </c>
      <c r="OJ33" s="158">
        <v>579244</v>
      </c>
      <c r="OK33" s="122">
        <v>0</v>
      </c>
      <c r="OL33" s="123">
        <v>5633802</v>
      </c>
      <c r="OM33" s="123">
        <v>12912057</v>
      </c>
      <c r="ON33" s="123">
        <v>11341081</v>
      </c>
      <c r="OO33" s="123">
        <v>14086820</v>
      </c>
      <c r="OP33" s="123">
        <v>12390167</v>
      </c>
      <c r="OQ33" s="124">
        <v>56363927</v>
      </c>
      <c r="OR33" s="160">
        <v>56943171</v>
      </c>
    </row>
    <row r="34" spans="1:408" ht="18.75" customHeight="1" x14ac:dyDescent="0.2">
      <c r="A34" s="63" t="s">
        <v>29</v>
      </c>
      <c r="B34" s="113">
        <v>707849</v>
      </c>
      <c r="C34" s="117">
        <v>786662</v>
      </c>
      <c r="D34" s="116">
        <v>1494511</v>
      </c>
      <c r="E34" s="112">
        <v>0</v>
      </c>
      <c r="F34" s="117">
        <v>7729894</v>
      </c>
      <c r="G34" s="117">
        <v>10214238</v>
      </c>
      <c r="H34" s="117">
        <v>8361498</v>
      </c>
      <c r="I34" s="117">
        <v>8715690</v>
      </c>
      <c r="J34" s="117">
        <v>6043630</v>
      </c>
      <c r="K34" s="198">
        <v>41064950</v>
      </c>
      <c r="L34" s="119">
        <v>42559461</v>
      </c>
      <c r="M34" s="113">
        <v>78069</v>
      </c>
      <c r="N34" s="117">
        <v>248282</v>
      </c>
      <c r="O34" s="116">
        <v>326351</v>
      </c>
      <c r="P34" s="113">
        <v>0</v>
      </c>
      <c r="Q34" s="117">
        <v>1768131</v>
      </c>
      <c r="R34" s="117">
        <v>2344529</v>
      </c>
      <c r="S34" s="117">
        <v>1737181</v>
      </c>
      <c r="T34" s="117">
        <v>2541197</v>
      </c>
      <c r="U34" s="117">
        <v>2353889</v>
      </c>
      <c r="V34" s="116">
        <v>10744927</v>
      </c>
      <c r="W34" s="119">
        <v>11071278</v>
      </c>
      <c r="X34" s="113">
        <v>0</v>
      </c>
      <c r="Y34" s="117">
        <v>0</v>
      </c>
      <c r="Z34" s="116">
        <v>0</v>
      </c>
      <c r="AA34" s="113">
        <v>0</v>
      </c>
      <c r="AB34" s="117">
        <v>850050</v>
      </c>
      <c r="AC34" s="117">
        <v>1372631</v>
      </c>
      <c r="AD34" s="117">
        <v>933723</v>
      </c>
      <c r="AE34" s="117">
        <v>1713683</v>
      </c>
      <c r="AF34" s="117">
        <v>1467069</v>
      </c>
      <c r="AG34" s="116">
        <v>6337156</v>
      </c>
      <c r="AH34" s="119">
        <v>6337156</v>
      </c>
      <c r="AI34" s="113">
        <v>0</v>
      </c>
      <c r="AJ34" s="117">
        <v>0</v>
      </c>
      <c r="AK34" s="116">
        <v>0</v>
      </c>
      <c r="AL34" s="113">
        <v>0</v>
      </c>
      <c r="AM34" s="117">
        <v>26271</v>
      </c>
      <c r="AN34" s="117">
        <v>60840</v>
      </c>
      <c r="AO34" s="117">
        <v>37856</v>
      </c>
      <c r="AP34" s="117">
        <v>134869</v>
      </c>
      <c r="AQ34" s="117">
        <v>318625</v>
      </c>
      <c r="AR34" s="116">
        <v>578461</v>
      </c>
      <c r="AS34" s="119">
        <v>578461</v>
      </c>
      <c r="AT34" s="113">
        <v>37933</v>
      </c>
      <c r="AU34" s="117">
        <v>211796</v>
      </c>
      <c r="AV34" s="116">
        <v>249729</v>
      </c>
      <c r="AW34" s="113">
        <v>0</v>
      </c>
      <c r="AX34" s="117">
        <v>627422</v>
      </c>
      <c r="AY34" s="117">
        <v>465757</v>
      </c>
      <c r="AZ34" s="117">
        <v>659678</v>
      </c>
      <c r="BA34" s="117">
        <v>354303</v>
      </c>
      <c r="BB34" s="117">
        <v>364275</v>
      </c>
      <c r="BC34" s="116">
        <v>2471435</v>
      </c>
      <c r="BD34" s="119">
        <v>2721164</v>
      </c>
      <c r="BE34" s="113">
        <v>0</v>
      </c>
      <c r="BF34" s="117">
        <v>33804</v>
      </c>
      <c r="BG34" s="115">
        <v>33804</v>
      </c>
      <c r="BH34" s="114">
        <v>0</v>
      </c>
      <c r="BI34" s="117">
        <v>130016</v>
      </c>
      <c r="BJ34" s="117">
        <v>93089</v>
      </c>
      <c r="BK34" s="117">
        <v>0</v>
      </c>
      <c r="BL34" s="117">
        <v>157107</v>
      </c>
      <c r="BM34" s="117">
        <v>60228</v>
      </c>
      <c r="BN34" s="116">
        <v>440440</v>
      </c>
      <c r="BO34" s="119">
        <v>474244</v>
      </c>
      <c r="BP34" s="113">
        <v>40136</v>
      </c>
      <c r="BQ34" s="117">
        <v>2682</v>
      </c>
      <c r="BR34" s="116">
        <v>42818</v>
      </c>
      <c r="BS34" s="113">
        <v>0</v>
      </c>
      <c r="BT34" s="117">
        <v>134372</v>
      </c>
      <c r="BU34" s="117">
        <v>352212</v>
      </c>
      <c r="BV34" s="117">
        <v>105924</v>
      </c>
      <c r="BW34" s="117">
        <v>181235</v>
      </c>
      <c r="BX34" s="117">
        <v>143692</v>
      </c>
      <c r="BY34" s="116">
        <v>917435</v>
      </c>
      <c r="BZ34" s="119">
        <v>960253</v>
      </c>
      <c r="CA34" s="113">
        <v>110970</v>
      </c>
      <c r="CB34" s="117">
        <v>167050</v>
      </c>
      <c r="CC34" s="116">
        <v>278020</v>
      </c>
      <c r="CD34" s="113">
        <v>0</v>
      </c>
      <c r="CE34" s="117">
        <v>3035510</v>
      </c>
      <c r="CF34" s="117">
        <v>3366832</v>
      </c>
      <c r="CG34" s="117">
        <v>2940987</v>
      </c>
      <c r="CH34" s="117">
        <v>2196260</v>
      </c>
      <c r="CI34" s="117">
        <v>968345</v>
      </c>
      <c r="CJ34" s="116">
        <v>12507934</v>
      </c>
      <c r="CK34" s="119">
        <v>12785954</v>
      </c>
      <c r="CL34" s="113">
        <v>0</v>
      </c>
      <c r="CM34" s="117">
        <v>0</v>
      </c>
      <c r="CN34" s="116">
        <v>0</v>
      </c>
      <c r="CO34" s="114">
        <v>0</v>
      </c>
      <c r="CP34" s="117">
        <v>1999857</v>
      </c>
      <c r="CQ34" s="117">
        <v>2643780</v>
      </c>
      <c r="CR34" s="117">
        <v>2163052</v>
      </c>
      <c r="CS34" s="117">
        <v>1942919</v>
      </c>
      <c r="CT34" s="117">
        <v>388546</v>
      </c>
      <c r="CU34" s="116">
        <v>9138154</v>
      </c>
      <c r="CV34" s="119">
        <v>9138154</v>
      </c>
      <c r="CW34" s="113">
        <v>110970</v>
      </c>
      <c r="CX34" s="117">
        <v>167050</v>
      </c>
      <c r="CY34" s="116">
        <v>278020</v>
      </c>
      <c r="CZ34" s="113">
        <v>0</v>
      </c>
      <c r="DA34" s="117">
        <v>1035653</v>
      </c>
      <c r="DB34" s="117">
        <v>723052</v>
      </c>
      <c r="DC34" s="117">
        <v>777935</v>
      </c>
      <c r="DD34" s="117">
        <v>253341</v>
      </c>
      <c r="DE34" s="117">
        <v>579799</v>
      </c>
      <c r="DF34" s="116">
        <v>3369780</v>
      </c>
      <c r="DG34" s="119">
        <v>3647800</v>
      </c>
      <c r="DH34" s="113">
        <v>0</v>
      </c>
      <c r="DI34" s="117">
        <v>0</v>
      </c>
      <c r="DJ34" s="115">
        <v>0</v>
      </c>
      <c r="DK34" s="114">
        <v>0</v>
      </c>
      <c r="DL34" s="117">
        <v>188572</v>
      </c>
      <c r="DM34" s="117">
        <v>807432</v>
      </c>
      <c r="DN34" s="117">
        <v>1346556</v>
      </c>
      <c r="DO34" s="117">
        <v>1000917</v>
      </c>
      <c r="DP34" s="117">
        <v>1047078</v>
      </c>
      <c r="DQ34" s="116">
        <v>4390555</v>
      </c>
      <c r="DR34" s="119">
        <v>4390555</v>
      </c>
      <c r="DS34" s="113">
        <v>0</v>
      </c>
      <c r="DT34" s="117">
        <v>0</v>
      </c>
      <c r="DU34" s="116">
        <v>0</v>
      </c>
      <c r="DV34" s="113">
        <v>0</v>
      </c>
      <c r="DW34" s="117">
        <v>159664</v>
      </c>
      <c r="DX34" s="117">
        <v>721518</v>
      </c>
      <c r="DY34" s="117">
        <v>1177910</v>
      </c>
      <c r="DZ34" s="117">
        <v>916339</v>
      </c>
      <c r="EA34" s="117">
        <v>973341</v>
      </c>
      <c r="EB34" s="116">
        <v>3948772</v>
      </c>
      <c r="EC34" s="119">
        <v>3948772</v>
      </c>
      <c r="ED34" s="113">
        <v>0</v>
      </c>
      <c r="EE34" s="115">
        <v>0</v>
      </c>
      <c r="EF34" s="116">
        <v>0</v>
      </c>
      <c r="EG34" s="113">
        <v>0</v>
      </c>
      <c r="EH34" s="117">
        <v>28908</v>
      </c>
      <c r="EI34" s="117">
        <v>85914</v>
      </c>
      <c r="EJ34" s="117">
        <v>168646</v>
      </c>
      <c r="EK34" s="117">
        <v>84578</v>
      </c>
      <c r="EL34" s="117">
        <v>73737</v>
      </c>
      <c r="EM34" s="115">
        <v>441783</v>
      </c>
      <c r="EN34" s="119">
        <v>441783</v>
      </c>
      <c r="EO34" s="113">
        <v>0</v>
      </c>
      <c r="EP34" s="117">
        <v>0</v>
      </c>
      <c r="EQ34" s="115">
        <v>0</v>
      </c>
      <c r="ER34" s="114">
        <v>0</v>
      </c>
      <c r="ES34" s="117">
        <v>0</v>
      </c>
      <c r="ET34" s="117">
        <v>0</v>
      </c>
      <c r="EU34" s="117">
        <v>0</v>
      </c>
      <c r="EV34" s="117">
        <v>0</v>
      </c>
      <c r="EW34" s="117">
        <v>0</v>
      </c>
      <c r="EX34" s="116">
        <v>0</v>
      </c>
      <c r="EY34" s="119">
        <v>0</v>
      </c>
      <c r="EZ34" s="113">
        <v>0</v>
      </c>
      <c r="FA34" s="117">
        <v>0</v>
      </c>
      <c r="FB34" s="115">
        <v>0</v>
      </c>
      <c r="FC34" s="395">
        <v>0</v>
      </c>
      <c r="FD34" s="117">
        <v>0</v>
      </c>
      <c r="FE34" s="117">
        <v>0</v>
      </c>
      <c r="FF34" s="117">
        <v>0</v>
      </c>
      <c r="FG34" s="117">
        <v>0</v>
      </c>
      <c r="FH34" s="117">
        <v>0</v>
      </c>
      <c r="FI34" s="116">
        <v>0</v>
      </c>
      <c r="FJ34" s="119">
        <v>0</v>
      </c>
      <c r="FK34" s="113">
        <v>390170</v>
      </c>
      <c r="FL34" s="117">
        <v>209270</v>
      </c>
      <c r="FM34" s="116">
        <v>599440</v>
      </c>
      <c r="FN34" s="113">
        <v>0</v>
      </c>
      <c r="FO34" s="117">
        <v>461083</v>
      </c>
      <c r="FP34" s="117">
        <v>865052</v>
      </c>
      <c r="FQ34" s="117">
        <v>585745</v>
      </c>
      <c r="FR34" s="117">
        <v>1010408</v>
      </c>
      <c r="FS34" s="117">
        <v>546083</v>
      </c>
      <c r="FT34" s="116">
        <v>3468371</v>
      </c>
      <c r="FU34" s="119">
        <v>4067811</v>
      </c>
      <c r="FV34" s="118">
        <v>125370</v>
      </c>
      <c r="FW34" s="117">
        <v>209270</v>
      </c>
      <c r="FX34" s="115">
        <v>334640</v>
      </c>
      <c r="FY34" s="114">
        <v>0</v>
      </c>
      <c r="FZ34" s="117">
        <v>440095</v>
      </c>
      <c r="GA34" s="117">
        <v>754928</v>
      </c>
      <c r="GB34" s="117">
        <v>518245</v>
      </c>
      <c r="GC34" s="117">
        <v>621248</v>
      </c>
      <c r="GD34" s="117">
        <v>522323</v>
      </c>
      <c r="GE34" s="116">
        <v>2856839</v>
      </c>
      <c r="GF34" s="357">
        <v>3191479</v>
      </c>
      <c r="GG34" s="118">
        <v>0</v>
      </c>
      <c r="GH34" s="117">
        <v>0</v>
      </c>
      <c r="GI34" s="115">
        <v>0</v>
      </c>
      <c r="GJ34" s="114">
        <v>0</v>
      </c>
      <c r="GK34" s="117">
        <v>20988</v>
      </c>
      <c r="GL34" s="117">
        <v>47124</v>
      </c>
      <c r="GM34" s="117">
        <v>0</v>
      </c>
      <c r="GN34" s="117">
        <v>83160</v>
      </c>
      <c r="GO34" s="117">
        <v>23760</v>
      </c>
      <c r="GP34" s="116">
        <v>175032</v>
      </c>
      <c r="GQ34" s="119">
        <v>175032</v>
      </c>
      <c r="GR34" s="113">
        <v>264800</v>
      </c>
      <c r="GS34" s="117">
        <v>0</v>
      </c>
      <c r="GT34" s="116">
        <v>264800</v>
      </c>
      <c r="GU34" s="113">
        <v>0</v>
      </c>
      <c r="GV34" s="117">
        <v>0</v>
      </c>
      <c r="GW34" s="117">
        <v>63000</v>
      </c>
      <c r="GX34" s="117">
        <v>67500</v>
      </c>
      <c r="GY34" s="117">
        <v>306000</v>
      </c>
      <c r="GZ34" s="117">
        <v>0</v>
      </c>
      <c r="HA34" s="115">
        <v>436500</v>
      </c>
      <c r="HB34" s="119">
        <v>701300</v>
      </c>
      <c r="HC34" s="113">
        <v>0</v>
      </c>
      <c r="HD34" s="117">
        <v>0</v>
      </c>
      <c r="HE34" s="115">
        <v>0</v>
      </c>
      <c r="HF34" s="114">
        <v>0</v>
      </c>
      <c r="HG34" s="117">
        <v>969582</v>
      </c>
      <c r="HH34" s="117">
        <v>1651307</v>
      </c>
      <c r="HI34" s="117">
        <v>834475</v>
      </c>
      <c r="HJ34" s="117">
        <v>1364885</v>
      </c>
      <c r="HK34" s="117">
        <v>769032</v>
      </c>
      <c r="HL34" s="116">
        <v>5589281</v>
      </c>
      <c r="HM34" s="112">
        <v>5589281</v>
      </c>
      <c r="HN34" s="118">
        <v>128640</v>
      </c>
      <c r="HO34" s="117">
        <v>162060</v>
      </c>
      <c r="HP34" s="116">
        <v>290700</v>
      </c>
      <c r="HQ34" s="113">
        <v>0</v>
      </c>
      <c r="HR34" s="117">
        <v>1307016</v>
      </c>
      <c r="HS34" s="117">
        <v>1179086</v>
      </c>
      <c r="HT34" s="117">
        <v>916554</v>
      </c>
      <c r="HU34" s="117">
        <v>602023</v>
      </c>
      <c r="HV34" s="117">
        <v>359203</v>
      </c>
      <c r="HW34" s="115">
        <v>4363882</v>
      </c>
      <c r="HX34" s="119">
        <v>4654582</v>
      </c>
      <c r="HY34" s="166">
        <v>47700</v>
      </c>
      <c r="HZ34" s="152">
        <v>86004</v>
      </c>
      <c r="IA34" s="166">
        <v>133704</v>
      </c>
      <c r="IB34" s="151">
        <v>0</v>
      </c>
      <c r="IC34" s="152">
        <v>1816273</v>
      </c>
      <c r="ID34" s="153">
        <v>2262002</v>
      </c>
      <c r="IE34" s="154">
        <v>2284948</v>
      </c>
      <c r="IF34" s="152">
        <v>1534824</v>
      </c>
      <c r="IG34" s="154">
        <v>1422474</v>
      </c>
      <c r="IH34" s="155">
        <v>9320521</v>
      </c>
      <c r="II34" s="166">
        <v>9454225</v>
      </c>
      <c r="IJ34" s="259">
        <v>0</v>
      </c>
      <c r="IK34" s="266">
        <v>0</v>
      </c>
      <c r="IL34" s="267">
        <v>0</v>
      </c>
      <c r="IM34" s="157"/>
      <c r="IN34" s="123">
        <v>0</v>
      </c>
      <c r="IO34" s="123">
        <v>0</v>
      </c>
      <c r="IP34" s="123">
        <v>0</v>
      </c>
      <c r="IQ34" s="123">
        <v>0</v>
      </c>
      <c r="IR34" s="123">
        <v>0</v>
      </c>
      <c r="IS34" s="158">
        <v>0</v>
      </c>
      <c r="IT34" s="360">
        <v>0</v>
      </c>
      <c r="IU34" s="159">
        <v>0</v>
      </c>
      <c r="IV34" s="123">
        <v>0</v>
      </c>
      <c r="IW34" s="124">
        <v>0</v>
      </c>
      <c r="IX34" s="157"/>
      <c r="IY34" s="123">
        <v>0</v>
      </c>
      <c r="IZ34" s="123">
        <v>0</v>
      </c>
      <c r="JA34" s="123">
        <v>0</v>
      </c>
      <c r="JB34" s="123">
        <v>0</v>
      </c>
      <c r="JC34" s="123">
        <v>0</v>
      </c>
      <c r="JD34" s="124">
        <v>0</v>
      </c>
      <c r="JE34" s="125">
        <v>0</v>
      </c>
      <c r="JF34" s="159">
        <v>0</v>
      </c>
      <c r="JG34" s="123">
        <v>0</v>
      </c>
      <c r="JH34" s="158">
        <v>0</v>
      </c>
      <c r="JI34" s="122">
        <v>0</v>
      </c>
      <c r="JJ34" s="123">
        <v>778314</v>
      </c>
      <c r="JK34" s="123">
        <v>1089086</v>
      </c>
      <c r="JL34" s="123">
        <v>510471</v>
      </c>
      <c r="JM34" s="123">
        <v>95751</v>
      </c>
      <c r="JN34" s="123">
        <v>0</v>
      </c>
      <c r="JO34" s="124">
        <v>2473622</v>
      </c>
      <c r="JP34" s="360">
        <v>2473622</v>
      </c>
      <c r="JQ34" s="159">
        <v>0</v>
      </c>
      <c r="JR34" s="123">
        <v>0</v>
      </c>
      <c r="JS34" s="158">
        <v>0</v>
      </c>
      <c r="JT34" s="122">
        <v>0</v>
      </c>
      <c r="JU34" s="123">
        <v>0</v>
      </c>
      <c r="JV34" s="123">
        <v>189918</v>
      </c>
      <c r="JW34" s="123">
        <v>254719</v>
      </c>
      <c r="JX34" s="123">
        <v>56304</v>
      </c>
      <c r="JY34" s="123">
        <v>0</v>
      </c>
      <c r="JZ34" s="124">
        <v>500941</v>
      </c>
      <c r="KA34" s="360">
        <v>500941</v>
      </c>
      <c r="KB34" s="262">
        <v>47700</v>
      </c>
      <c r="KC34" s="256">
        <v>86004</v>
      </c>
      <c r="KD34" s="124">
        <v>133704</v>
      </c>
      <c r="KE34" s="122">
        <v>0</v>
      </c>
      <c r="KF34" s="123">
        <v>265111</v>
      </c>
      <c r="KG34" s="123">
        <v>179046</v>
      </c>
      <c r="KH34" s="123">
        <v>489726</v>
      </c>
      <c r="KI34" s="123">
        <v>294687</v>
      </c>
      <c r="KJ34" s="123">
        <v>0</v>
      </c>
      <c r="KK34" s="124">
        <v>1228570</v>
      </c>
      <c r="KL34" s="160">
        <v>1362274</v>
      </c>
      <c r="KM34" s="259">
        <v>0</v>
      </c>
      <c r="KN34" s="266">
        <v>0</v>
      </c>
      <c r="KO34" s="267">
        <v>0</v>
      </c>
      <c r="KP34" s="157"/>
      <c r="KQ34" s="123">
        <v>772848</v>
      </c>
      <c r="KR34" s="123">
        <v>803952</v>
      </c>
      <c r="KS34" s="123">
        <v>275571</v>
      </c>
      <c r="KT34" s="123">
        <v>280629</v>
      </c>
      <c r="KU34" s="123">
        <v>572040</v>
      </c>
      <c r="KV34" s="124">
        <v>2705040</v>
      </c>
      <c r="KW34" s="360">
        <v>2705040</v>
      </c>
      <c r="KX34" s="159">
        <v>0</v>
      </c>
      <c r="KY34" s="123">
        <v>0</v>
      </c>
      <c r="KZ34" s="124">
        <v>0</v>
      </c>
      <c r="LA34" s="157"/>
      <c r="LB34" s="123">
        <v>0</v>
      </c>
      <c r="LC34" s="123">
        <v>0</v>
      </c>
      <c r="LD34" s="123">
        <v>0</v>
      </c>
      <c r="LE34" s="123">
        <v>0</v>
      </c>
      <c r="LF34" s="123">
        <v>0</v>
      </c>
      <c r="LG34" s="124">
        <v>0</v>
      </c>
      <c r="LH34" s="125">
        <v>0</v>
      </c>
      <c r="LI34" s="159">
        <v>0</v>
      </c>
      <c r="LJ34" s="123">
        <v>0</v>
      </c>
      <c r="LK34" s="124">
        <v>0</v>
      </c>
      <c r="LL34" s="157"/>
      <c r="LM34" s="123">
        <v>0</v>
      </c>
      <c r="LN34" s="123">
        <v>0</v>
      </c>
      <c r="LO34" s="123">
        <v>754461</v>
      </c>
      <c r="LP34" s="123">
        <v>807453</v>
      </c>
      <c r="LQ34" s="123">
        <v>850434</v>
      </c>
      <c r="LR34" s="124">
        <v>2412348</v>
      </c>
      <c r="LS34" s="360">
        <v>2412348</v>
      </c>
      <c r="LT34" s="159">
        <v>0</v>
      </c>
      <c r="LU34" s="123">
        <v>0</v>
      </c>
      <c r="LV34" s="124">
        <v>0</v>
      </c>
      <c r="LW34" s="157"/>
      <c r="LX34" s="123">
        <v>0</v>
      </c>
      <c r="LY34" s="123">
        <v>0</v>
      </c>
      <c r="LZ34" s="123">
        <v>0</v>
      </c>
      <c r="MA34" s="123">
        <v>0</v>
      </c>
      <c r="MB34" s="123">
        <v>0</v>
      </c>
      <c r="MC34" s="124">
        <v>0</v>
      </c>
      <c r="MD34" s="125">
        <v>0</v>
      </c>
      <c r="ME34" s="159">
        <v>0</v>
      </c>
      <c r="MF34" s="123">
        <v>0</v>
      </c>
      <c r="MG34" s="124">
        <v>0</v>
      </c>
      <c r="MH34" s="157"/>
      <c r="MI34" s="123">
        <v>748231</v>
      </c>
      <c r="MJ34" s="123">
        <v>2904872</v>
      </c>
      <c r="MK34" s="123">
        <v>5711706</v>
      </c>
      <c r="ML34" s="123">
        <v>15182202</v>
      </c>
      <c r="MM34" s="123">
        <v>9154642</v>
      </c>
      <c r="MN34" s="124">
        <v>33701653</v>
      </c>
      <c r="MO34" s="160">
        <v>33701653</v>
      </c>
      <c r="MP34" s="159">
        <v>0</v>
      </c>
      <c r="MQ34" s="123">
        <v>0</v>
      </c>
      <c r="MR34" s="124">
        <v>0</v>
      </c>
      <c r="MS34" s="157"/>
      <c r="MT34" s="123">
        <v>0</v>
      </c>
      <c r="MU34" s="123">
        <v>250578</v>
      </c>
      <c r="MV34" s="123">
        <v>4448007</v>
      </c>
      <c r="MW34" s="123">
        <v>9755062</v>
      </c>
      <c r="MX34" s="123">
        <v>4890936</v>
      </c>
      <c r="MY34" s="124">
        <v>19344583</v>
      </c>
      <c r="MZ34" s="160">
        <v>19344583</v>
      </c>
      <c r="NA34" s="159">
        <v>0</v>
      </c>
      <c r="NB34" s="123">
        <v>0</v>
      </c>
      <c r="NC34" s="124">
        <v>0</v>
      </c>
      <c r="ND34" s="157"/>
      <c r="NE34" s="123">
        <v>748231</v>
      </c>
      <c r="NF34" s="123">
        <v>2654294</v>
      </c>
      <c r="NG34" s="123">
        <v>1263699</v>
      </c>
      <c r="NH34" s="123">
        <v>5427140</v>
      </c>
      <c r="NI34" s="123">
        <v>3538358</v>
      </c>
      <c r="NJ34" s="124">
        <v>13631722</v>
      </c>
      <c r="NK34" s="360">
        <v>13631722</v>
      </c>
      <c r="NL34" s="159">
        <v>0</v>
      </c>
      <c r="NM34" s="123">
        <v>0</v>
      </c>
      <c r="NN34" s="124">
        <v>0</v>
      </c>
      <c r="NO34" s="157"/>
      <c r="NP34" s="123">
        <v>0</v>
      </c>
      <c r="NQ34" s="123">
        <v>0</v>
      </c>
      <c r="NR34" s="123">
        <v>0</v>
      </c>
      <c r="NS34" s="123">
        <v>0</v>
      </c>
      <c r="NT34" s="123">
        <v>725348</v>
      </c>
      <c r="NU34" s="124">
        <v>725348</v>
      </c>
      <c r="NV34" s="125">
        <v>725348</v>
      </c>
      <c r="NW34" s="159">
        <v>0</v>
      </c>
      <c r="NX34" s="123">
        <v>0</v>
      </c>
      <c r="NY34" s="124">
        <v>0</v>
      </c>
      <c r="NZ34" s="157"/>
      <c r="OA34" s="123">
        <v>0</v>
      </c>
      <c r="OB34" s="123">
        <v>0</v>
      </c>
      <c r="OC34" s="123">
        <v>0</v>
      </c>
      <c r="OD34" s="123">
        <v>0</v>
      </c>
      <c r="OE34" s="123">
        <v>0</v>
      </c>
      <c r="OF34" s="124">
        <v>0</v>
      </c>
      <c r="OG34" s="125">
        <v>0</v>
      </c>
      <c r="OH34" s="159">
        <v>755549</v>
      </c>
      <c r="OI34" s="123">
        <v>872666</v>
      </c>
      <c r="OJ34" s="158">
        <v>1628215</v>
      </c>
      <c r="OK34" s="122">
        <v>0</v>
      </c>
      <c r="OL34" s="123">
        <v>10294398</v>
      </c>
      <c r="OM34" s="123">
        <v>15381112</v>
      </c>
      <c r="ON34" s="123">
        <v>16358152</v>
      </c>
      <c r="OO34" s="123">
        <v>25432716</v>
      </c>
      <c r="OP34" s="123">
        <v>16620746</v>
      </c>
      <c r="OQ34" s="124">
        <v>84087124</v>
      </c>
      <c r="OR34" s="160">
        <v>85715339</v>
      </c>
    </row>
    <row r="35" spans="1:408" ht="18.75" customHeight="1" x14ac:dyDescent="0.2">
      <c r="A35" s="63" t="s">
        <v>30</v>
      </c>
      <c r="B35" s="113">
        <v>463613</v>
      </c>
      <c r="C35" s="117">
        <v>639783</v>
      </c>
      <c r="D35" s="199">
        <v>1103396</v>
      </c>
      <c r="E35" s="200">
        <v>0</v>
      </c>
      <c r="F35" s="201">
        <v>6591229</v>
      </c>
      <c r="G35" s="201">
        <v>7995202</v>
      </c>
      <c r="H35" s="201">
        <v>8940802</v>
      </c>
      <c r="I35" s="201">
        <v>6858311</v>
      </c>
      <c r="J35" s="201">
        <v>4548307</v>
      </c>
      <c r="K35" s="202">
        <v>34933851</v>
      </c>
      <c r="L35" s="119">
        <v>36037247</v>
      </c>
      <c r="M35" s="113">
        <v>161682</v>
      </c>
      <c r="N35" s="117">
        <v>190650</v>
      </c>
      <c r="O35" s="116">
        <v>352332</v>
      </c>
      <c r="P35" s="113">
        <v>0</v>
      </c>
      <c r="Q35" s="117">
        <v>1438423</v>
      </c>
      <c r="R35" s="117">
        <v>2270781</v>
      </c>
      <c r="S35" s="117">
        <v>2948652</v>
      </c>
      <c r="T35" s="117">
        <v>2599141</v>
      </c>
      <c r="U35" s="117">
        <v>2550960</v>
      </c>
      <c r="V35" s="116">
        <v>11807957</v>
      </c>
      <c r="W35" s="119">
        <v>12160289</v>
      </c>
      <c r="X35" s="113">
        <v>0</v>
      </c>
      <c r="Y35" s="117">
        <v>0</v>
      </c>
      <c r="Z35" s="116">
        <v>0</v>
      </c>
      <c r="AA35" s="113">
        <v>0</v>
      </c>
      <c r="AB35" s="117">
        <v>547765</v>
      </c>
      <c r="AC35" s="117">
        <v>1163545</v>
      </c>
      <c r="AD35" s="117">
        <v>1936423</v>
      </c>
      <c r="AE35" s="117">
        <v>1465747</v>
      </c>
      <c r="AF35" s="117">
        <v>1669231</v>
      </c>
      <c r="AG35" s="116">
        <v>6782711</v>
      </c>
      <c r="AH35" s="119">
        <v>6782711</v>
      </c>
      <c r="AI35" s="113">
        <v>0</v>
      </c>
      <c r="AJ35" s="117">
        <v>0</v>
      </c>
      <c r="AK35" s="116">
        <v>0</v>
      </c>
      <c r="AL35" s="113">
        <v>0</v>
      </c>
      <c r="AM35" s="117">
        <v>0</v>
      </c>
      <c r="AN35" s="117">
        <v>26271</v>
      </c>
      <c r="AO35" s="117">
        <v>60840</v>
      </c>
      <c r="AP35" s="117">
        <v>299416</v>
      </c>
      <c r="AQ35" s="117">
        <v>296631</v>
      </c>
      <c r="AR35" s="116">
        <v>683158</v>
      </c>
      <c r="AS35" s="119">
        <v>683158</v>
      </c>
      <c r="AT35" s="113">
        <v>144276</v>
      </c>
      <c r="AU35" s="117">
        <v>142014</v>
      </c>
      <c r="AV35" s="116">
        <v>286290</v>
      </c>
      <c r="AW35" s="113">
        <v>0</v>
      </c>
      <c r="AX35" s="117">
        <v>611308</v>
      </c>
      <c r="AY35" s="117">
        <v>831615</v>
      </c>
      <c r="AZ35" s="117">
        <v>538065</v>
      </c>
      <c r="BA35" s="117">
        <v>538727</v>
      </c>
      <c r="BB35" s="117">
        <v>396296</v>
      </c>
      <c r="BC35" s="116">
        <v>2916011</v>
      </c>
      <c r="BD35" s="119">
        <v>3202301</v>
      </c>
      <c r="BE35" s="113">
        <v>0</v>
      </c>
      <c r="BF35" s="117">
        <v>33966</v>
      </c>
      <c r="BG35" s="115">
        <v>33966</v>
      </c>
      <c r="BH35" s="114">
        <v>0</v>
      </c>
      <c r="BI35" s="117">
        <v>89937</v>
      </c>
      <c r="BJ35" s="117">
        <v>31599</v>
      </c>
      <c r="BK35" s="117">
        <v>17208</v>
      </c>
      <c r="BL35" s="117">
        <v>58513</v>
      </c>
      <c r="BM35" s="117">
        <v>0</v>
      </c>
      <c r="BN35" s="116">
        <v>197257</v>
      </c>
      <c r="BO35" s="119">
        <v>231223</v>
      </c>
      <c r="BP35" s="113">
        <v>17406</v>
      </c>
      <c r="BQ35" s="117">
        <v>14670</v>
      </c>
      <c r="BR35" s="116">
        <v>32076</v>
      </c>
      <c r="BS35" s="113">
        <v>0</v>
      </c>
      <c r="BT35" s="117">
        <v>189413</v>
      </c>
      <c r="BU35" s="117">
        <v>217751</v>
      </c>
      <c r="BV35" s="117">
        <v>396116</v>
      </c>
      <c r="BW35" s="117">
        <v>236738</v>
      </c>
      <c r="BX35" s="117">
        <v>188802</v>
      </c>
      <c r="BY35" s="116">
        <v>1228820</v>
      </c>
      <c r="BZ35" s="119">
        <v>1260896</v>
      </c>
      <c r="CA35" s="113">
        <v>22194</v>
      </c>
      <c r="CB35" s="117">
        <v>43649</v>
      </c>
      <c r="CC35" s="116">
        <v>65843</v>
      </c>
      <c r="CD35" s="113">
        <v>0</v>
      </c>
      <c r="CE35" s="117">
        <v>2600652</v>
      </c>
      <c r="CF35" s="117">
        <v>2290939</v>
      </c>
      <c r="CG35" s="117">
        <v>2352716</v>
      </c>
      <c r="CH35" s="117">
        <v>1855859</v>
      </c>
      <c r="CI35" s="117">
        <v>84060</v>
      </c>
      <c r="CJ35" s="116">
        <v>9184226</v>
      </c>
      <c r="CK35" s="119">
        <v>9250069</v>
      </c>
      <c r="CL35" s="113">
        <v>0</v>
      </c>
      <c r="CM35" s="117">
        <v>0</v>
      </c>
      <c r="CN35" s="116">
        <v>0</v>
      </c>
      <c r="CO35" s="114">
        <v>0</v>
      </c>
      <c r="CP35" s="117">
        <v>2096354</v>
      </c>
      <c r="CQ35" s="117">
        <v>1517252</v>
      </c>
      <c r="CR35" s="117">
        <v>2209314</v>
      </c>
      <c r="CS35" s="117">
        <v>1139219</v>
      </c>
      <c r="CT35" s="117">
        <v>84060</v>
      </c>
      <c r="CU35" s="116">
        <v>7046199</v>
      </c>
      <c r="CV35" s="119">
        <v>7046199</v>
      </c>
      <c r="CW35" s="113">
        <v>22194</v>
      </c>
      <c r="CX35" s="117">
        <v>43649</v>
      </c>
      <c r="CY35" s="116">
        <v>65843</v>
      </c>
      <c r="CZ35" s="113">
        <v>0</v>
      </c>
      <c r="DA35" s="117">
        <v>504298</v>
      </c>
      <c r="DB35" s="117">
        <v>773687</v>
      </c>
      <c r="DC35" s="117">
        <v>143402</v>
      </c>
      <c r="DD35" s="117">
        <v>716640</v>
      </c>
      <c r="DE35" s="117">
        <v>0</v>
      </c>
      <c r="DF35" s="116">
        <v>2138027</v>
      </c>
      <c r="DG35" s="119">
        <v>2203870</v>
      </c>
      <c r="DH35" s="113">
        <v>0</v>
      </c>
      <c r="DI35" s="117">
        <v>0</v>
      </c>
      <c r="DJ35" s="115">
        <v>0</v>
      </c>
      <c r="DK35" s="114">
        <v>0</v>
      </c>
      <c r="DL35" s="117">
        <v>226996</v>
      </c>
      <c r="DM35" s="117">
        <v>285644</v>
      </c>
      <c r="DN35" s="117">
        <v>1261452</v>
      </c>
      <c r="DO35" s="117">
        <v>869582</v>
      </c>
      <c r="DP35" s="117">
        <v>602079</v>
      </c>
      <c r="DQ35" s="116">
        <v>3245753</v>
      </c>
      <c r="DR35" s="119">
        <v>3245753</v>
      </c>
      <c r="DS35" s="113">
        <v>0</v>
      </c>
      <c r="DT35" s="117">
        <v>0</v>
      </c>
      <c r="DU35" s="116">
        <v>0</v>
      </c>
      <c r="DV35" s="113">
        <v>0</v>
      </c>
      <c r="DW35" s="117">
        <v>226996</v>
      </c>
      <c r="DX35" s="117">
        <v>230119</v>
      </c>
      <c r="DY35" s="117">
        <v>1005843</v>
      </c>
      <c r="DZ35" s="117">
        <v>869582</v>
      </c>
      <c r="EA35" s="117">
        <v>567141</v>
      </c>
      <c r="EB35" s="116">
        <v>2899681</v>
      </c>
      <c r="EC35" s="119">
        <v>2899681</v>
      </c>
      <c r="ED35" s="113">
        <v>0</v>
      </c>
      <c r="EE35" s="115">
        <v>0</v>
      </c>
      <c r="EF35" s="116">
        <v>0</v>
      </c>
      <c r="EG35" s="113">
        <v>0</v>
      </c>
      <c r="EH35" s="117">
        <v>0</v>
      </c>
      <c r="EI35" s="117">
        <v>55525</v>
      </c>
      <c r="EJ35" s="117">
        <v>255609</v>
      </c>
      <c r="EK35" s="117">
        <v>0</v>
      </c>
      <c r="EL35" s="117">
        <v>34938</v>
      </c>
      <c r="EM35" s="115">
        <v>346072</v>
      </c>
      <c r="EN35" s="119">
        <v>346072</v>
      </c>
      <c r="EO35" s="113">
        <v>0</v>
      </c>
      <c r="EP35" s="117">
        <v>0</v>
      </c>
      <c r="EQ35" s="115">
        <v>0</v>
      </c>
      <c r="ER35" s="114">
        <v>0</v>
      </c>
      <c r="ES35" s="117">
        <v>0</v>
      </c>
      <c r="ET35" s="117">
        <v>0</v>
      </c>
      <c r="EU35" s="117">
        <v>0</v>
      </c>
      <c r="EV35" s="117">
        <v>0</v>
      </c>
      <c r="EW35" s="117">
        <v>0</v>
      </c>
      <c r="EX35" s="116">
        <v>0</v>
      </c>
      <c r="EY35" s="119">
        <v>0</v>
      </c>
      <c r="EZ35" s="113">
        <v>0</v>
      </c>
      <c r="FA35" s="117">
        <v>0</v>
      </c>
      <c r="FB35" s="115">
        <v>0</v>
      </c>
      <c r="FC35" s="395">
        <v>0</v>
      </c>
      <c r="FD35" s="117">
        <v>0</v>
      </c>
      <c r="FE35" s="117">
        <v>0</v>
      </c>
      <c r="FF35" s="117">
        <v>0</v>
      </c>
      <c r="FG35" s="117">
        <v>0</v>
      </c>
      <c r="FH35" s="117">
        <v>0</v>
      </c>
      <c r="FI35" s="116">
        <v>0</v>
      </c>
      <c r="FJ35" s="119">
        <v>0</v>
      </c>
      <c r="FK35" s="113">
        <v>104600</v>
      </c>
      <c r="FL35" s="117">
        <v>284214</v>
      </c>
      <c r="FM35" s="116">
        <v>388814</v>
      </c>
      <c r="FN35" s="113">
        <v>0</v>
      </c>
      <c r="FO35" s="117">
        <v>326529</v>
      </c>
      <c r="FP35" s="117">
        <v>811181</v>
      </c>
      <c r="FQ35" s="117">
        <v>834382</v>
      </c>
      <c r="FR35" s="117">
        <v>713350</v>
      </c>
      <c r="FS35" s="117">
        <v>340479</v>
      </c>
      <c r="FT35" s="116">
        <v>3025921</v>
      </c>
      <c r="FU35" s="119">
        <v>3414735</v>
      </c>
      <c r="FV35" s="118">
        <v>104600</v>
      </c>
      <c r="FW35" s="117">
        <v>144030</v>
      </c>
      <c r="FX35" s="115">
        <v>248630</v>
      </c>
      <c r="FY35" s="114">
        <v>0</v>
      </c>
      <c r="FZ35" s="117">
        <v>308709</v>
      </c>
      <c r="GA35" s="117">
        <v>787421</v>
      </c>
      <c r="GB35" s="117">
        <v>834382</v>
      </c>
      <c r="GC35" s="117">
        <v>652150</v>
      </c>
      <c r="GD35" s="117">
        <v>340479</v>
      </c>
      <c r="GE35" s="116">
        <v>2923141</v>
      </c>
      <c r="GF35" s="357">
        <v>3171771</v>
      </c>
      <c r="GG35" s="118">
        <v>0</v>
      </c>
      <c r="GH35" s="117">
        <v>21384</v>
      </c>
      <c r="GI35" s="115">
        <v>21384</v>
      </c>
      <c r="GJ35" s="114">
        <v>0</v>
      </c>
      <c r="GK35" s="117">
        <v>17820</v>
      </c>
      <c r="GL35" s="117">
        <v>23760</v>
      </c>
      <c r="GM35" s="117">
        <v>0</v>
      </c>
      <c r="GN35" s="117">
        <v>0</v>
      </c>
      <c r="GO35" s="117">
        <v>0</v>
      </c>
      <c r="GP35" s="116">
        <v>41580</v>
      </c>
      <c r="GQ35" s="119">
        <v>62964</v>
      </c>
      <c r="GR35" s="113">
        <v>0</v>
      </c>
      <c r="GS35" s="117">
        <v>118800</v>
      </c>
      <c r="GT35" s="116">
        <v>118800</v>
      </c>
      <c r="GU35" s="113">
        <v>0</v>
      </c>
      <c r="GV35" s="117">
        <v>0</v>
      </c>
      <c r="GW35" s="117">
        <v>0</v>
      </c>
      <c r="GX35" s="117">
        <v>0</v>
      </c>
      <c r="GY35" s="117">
        <v>61200</v>
      </c>
      <c r="GZ35" s="117">
        <v>0</v>
      </c>
      <c r="HA35" s="115">
        <v>61200</v>
      </c>
      <c r="HB35" s="119">
        <v>180000</v>
      </c>
      <c r="HC35" s="113">
        <v>58257</v>
      </c>
      <c r="HD35" s="117">
        <v>0</v>
      </c>
      <c r="HE35" s="115">
        <v>58257</v>
      </c>
      <c r="HF35" s="114">
        <v>0</v>
      </c>
      <c r="HG35" s="117">
        <v>881319</v>
      </c>
      <c r="HH35" s="117">
        <v>1340874</v>
      </c>
      <c r="HI35" s="117">
        <v>678120</v>
      </c>
      <c r="HJ35" s="117">
        <v>242212</v>
      </c>
      <c r="HK35" s="117">
        <v>690666</v>
      </c>
      <c r="HL35" s="116">
        <v>3833191</v>
      </c>
      <c r="HM35" s="112">
        <v>3891448</v>
      </c>
      <c r="HN35" s="118">
        <v>116880</v>
      </c>
      <c r="HO35" s="117">
        <v>121270</v>
      </c>
      <c r="HP35" s="116">
        <v>238150</v>
      </c>
      <c r="HQ35" s="113">
        <v>0</v>
      </c>
      <c r="HR35" s="117">
        <v>1117310</v>
      </c>
      <c r="HS35" s="117">
        <v>995783</v>
      </c>
      <c r="HT35" s="117">
        <v>865480</v>
      </c>
      <c r="HU35" s="117">
        <v>578167</v>
      </c>
      <c r="HV35" s="117">
        <v>280063</v>
      </c>
      <c r="HW35" s="115">
        <v>3836803</v>
      </c>
      <c r="HX35" s="119">
        <v>4074953</v>
      </c>
      <c r="HY35" s="148">
        <v>21716</v>
      </c>
      <c r="HZ35" s="149">
        <v>0</v>
      </c>
      <c r="IA35" s="150">
        <v>21716</v>
      </c>
      <c r="IB35" s="162">
        <v>0</v>
      </c>
      <c r="IC35" s="149">
        <v>3368945</v>
      </c>
      <c r="ID35" s="163">
        <v>2063844</v>
      </c>
      <c r="IE35" s="150">
        <v>3724344</v>
      </c>
      <c r="IF35" s="149">
        <v>1206495</v>
      </c>
      <c r="IG35" s="150">
        <v>289832</v>
      </c>
      <c r="IH35" s="164">
        <v>10653460</v>
      </c>
      <c r="II35" s="156">
        <v>10675176</v>
      </c>
      <c r="IJ35" s="259">
        <v>0</v>
      </c>
      <c r="IK35" s="266">
        <v>0</v>
      </c>
      <c r="IL35" s="267">
        <v>0</v>
      </c>
      <c r="IM35" s="157"/>
      <c r="IN35" s="123">
        <v>0</v>
      </c>
      <c r="IO35" s="123">
        <v>0</v>
      </c>
      <c r="IP35" s="123">
        <v>174681</v>
      </c>
      <c r="IQ35" s="123">
        <v>0</v>
      </c>
      <c r="IR35" s="123">
        <v>0</v>
      </c>
      <c r="IS35" s="158">
        <v>174681</v>
      </c>
      <c r="IT35" s="360">
        <v>174681</v>
      </c>
      <c r="IU35" s="159">
        <v>0</v>
      </c>
      <c r="IV35" s="123">
        <v>0</v>
      </c>
      <c r="IW35" s="124">
        <v>0</v>
      </c>
      <c r="IX35" s="157"/>
      <c r="IY35" s="123">
        <v>0</v>
      </c>
      <c r="IZ35" s="123">
        <v>0</v>
      </c>
      <c r="JA35" s="123">
        <v>0</v>
      </c>
      <c r="JB35" s="123">
        <v>0</v>
      </c>
      <c r="JC35" s="123">
        <v>0</v>
      </c>
      <c r="JD35" s="124">
        <v>0</v>
      </c>
      <c r="JE35" s="125">
        <v>0</v>
      </c>
      <c r="JF35" s="159">
        <v>0</v>
      </c>
      <c r="JG35" s="123">
        <v>0</v>
      </c>
      <c r="JH35" s="158">
        <v>0</v>
      </c>
      <c r="JI35" s="122">
        <v>0</v>
      </c>
      <c r="JJ35" s="123">
        <v>1262578</v>
      </c>
      <c r="JK35" s="123">
        <v>1305853</v>
      </c>
      <c r="JL35" s="123">
        <v>1037780</v>
      </c>
      <c r="JM35" s="123">
        <v>364248</v>
      </c>
      <c r="JN35" s="123">
        <v>0</v>
      </c>
      <c r="JO35" s="124">
        <v>3970459</v>
      </c>
      <c r="JP35" s="360">
        <v>3970459</v>
      </c>
      <c r="JQ35" s="159">
        <v>21716</v>
      </c>
      <c r="JR35" s="123">
        <v>0</v>
      </c>
      <c r="JS35" s="158">
        <v>21716</v>
      </c>
      <c r="JT35" s="122">
        <v>0</v>
      </c>
      <c r="JU35" s="123">
        <v>0</v>
      </c>
      <c r="JV35" s="123">
        <v>36925</v>
      </c>
      <c r="JW35" s="123">
        <v>146036</v>
      </c>
      <c r="JX35" s="123">
        <v>0</v>
      </c>
      <c r="JY35" s="123">
        <v>0</v>
      </c>
      <c r="JZ35" s="124">
        <v>182961</v>
      </c>
      <c r="KA35" s="360">
        <v>204677</v>
      </c>
      <c r="KB35" s="262">
        <v>0</v>
      </c>
      <c r="KC35" s="256">
        <v>0</v>
      </c>
      <c r="KD35" s="124">
        <v>0</v>
      </c>
      <c r="KE35" s="122">
        <v>0</v>
      </c>
      <c r="KF35" s="123">
        <v>0</v>
      </c>
      <c r="KG35" s="123">
        <v>0</v>
      </c>
      <c r="KH35" s="123">
        <v>264420</v>
      </c>
      <c r="KI35" s="123">
        <v>272043</v>
      </c>
      <c r="KJ35" s="123">
        <v>0</v>
      </c>
      <c r="KK35" s="124">
        <v>536463</v>
      </c>
      <c r="KL35" s="160">
        <v>536463</v>
      </c>
      <c r="KM35" s="259">
        <v>0</v>
      </c>
      <c r="KN35" s="266">
        <v>0</v>
      </c>
      <c r="KO35" s="267">
        <v>0</v>
      </c>
      <c r="KP35" s="157"/>
      <c r="KQ35" s="123">
        <v>2106367</v>
      </c>
      <c r="KR35" s="123">
        <v>721066</v>
      </c>
      <c r="KS35" s="123">
        <v>2101427</v>
      </c>
      <c r="KT35" s="123">
        <v>570204</v>
      </c>
      <c r="KU35" s="123">
        <v>289832</v>
      </c>
      <c r="KV35" s="124">
        <v>5788896</v>
      </c>
      <c r="KW35" s="360">
        <v>5788896</v>
      </c>
      <c r="KX35" s="159">
        <v>0</v>
      </c>
      <c r="KY35" s="123">
        <v>0</v>
      </c>
      <c r="KZ35" s="124">
        <v>0</v>
      </c>
      <c r="LA35" s="157"/>
      <c r="LB35" s="123">
        <v>0</v>
      </c>
      <c r="LC35" s="123">
        <v>0</v>
      </c>
      <c r="LD35" s="123">
        <v>0</v>
      </c>
      <c r="LE35" s="123">
        <v>0</v>
      </c>
      <c r="LF35" s="123">
        <v>0</v>
      </c>
      <c r="LG35" s="124">
        <v>0</v>
      </c>
      <c r="LH35" s="125">
        <v>0</v>
      </c>
      <c r="LI35" s="159">
        <v>0</v>
      </c>
      <c r="LJ35" s="123">
        <v>0</v>
      </c>
      <c r="LK35" s="124">
        <v>0</v>
      </c>
      <c r="LL35" s="157"/>
      <c r="LM35" s="123">
        <v>0</v>
      </c>
      <c r="LN35" s="123">
        <v>0</v>
      </c>
      <c r="LO35" s="123">
        <v>0</v>
      </c>
      <c r="LP35" s="123">
        <v>0</v>
      </c>
      <c r="LQ35" s="123">
        <v>0</v>
      </c>
      <c r="LR35" s="124">
        <v>0</v>
      </c>
      <c r="LS35" s="360">
        <v>0</v>
      </c>
      <c r="LT35" s="159">
        <v>0</v>
      </c>
      <c r="LU35" s="123">
        <v>0</v>
      </c>
      <c r="LV35" s="124">
        <v>0</v>
      </c>
      <c r="LW35" s="157"/>
      <c r="LX35" s="123">
        <v>0</v>
      </c>
      <c r="LY35" s="123">
        <v>0</v>
      </c>
      <c r="LZ35" s="123">
        <v>0</v>
      </c>
      <c r="MA35" s="123">
        <v>0</v>
      </c>
      <c r="MB35" s="123">
        <v>0</v>
      </c>
      <c r="MC35" s="124">
        <v>0</v>
      </c>
      <c r="MD35" s="125">
        <v>0</v>
      </c>
      <c r="ME35" s="159">
        <v>0</v>
      </c>
      <c r="MF35" s="123">
        <v>0</v>
      </c>
      <c r="MG35" s="124">
        <v>0</v>
      </c>
      <c r="MH35" s="157"/>
      <c r="MI35" s="123">
        <v>687596</v>
      </c>
      <c r="MJ35" s="123">
        <v>2714519</v>
      </c>
      <c r="MK35" s="123">
        <v>8399429</v>
      </c>
      <c r="ML35" s="123">
        <v>11482683</v>
      </c>
      <c r="MM35" s="123">
        <v>8741432</v>
      </c>
      <c r="MN35" s="124">
        <v>32025659</v>
      </c>
      <c r="MO35" s="160">
        <v>32025659</v>
      </c>
      <c r="MP35" s="159">
        <v>0</v>
      </c>
      <c r="MQ35" s="123">
        <v>0</v>
      </c>
      <c r="MR35" s="124">
        <v>0</v>
      </c>
      <c r="MS35" s="157"/>
      <c r="MT35" s="123">
        <v>227007</v>
      </c>
      <c r="MU35" s="123">
        <v>394104</v>
      </c>
      <c r="MV35" s="123">
        <v>5213227</v>
      </c>
      <c r="MW35" s="123">
        <v>5788192</v>
      </c>
      <c r="MX35" s="123">
        <v>4802646</v>
      </c>
      <c r="MY35" s="124">
        <v>16425176</v>
      </c>
      <c r="MZ35" s="160">
        <v>16425176</v>
      </c>
      <c r="NA35" s="159">
        <v>0</v>
      </c>
      <c r="NB35" s="123">
        <v>0</v>
      </c>
      <c r="NC35" s="124">
        <v>0</v>
      </c>
      <c r="ND35" s="157"/>
      <c r="NE35" s="123">
        <v>460589</v>
      </c>
      <c r="NF35" s="123">
        <v>2065679</v>
      </c>
      <c r="NG35" s="123">
        <v>3186202</v>
      </c>
      <c r="NH35" s="123">
        <v>5694491</v>
      </c>
      <c r="NI35" s="123">
        <v>3087561</v>
      </c>
      <c r="NJ35" s="124">
        <v>14494522</v>
      </c>
      <c r="NK35" s="360">
        <v>14494522</v>
      </c>
      <c r="NL35" s="159">
        <v>0</v>
      </c>
      <c r="NM35" s="123">
        <v>0</v>
      </c>
      <c r="NN35" s="124">
        <v>0</v>
      </c>
      <c r="NO35" s="157"/>
      <c r="NP35" s="123">
        <v>0</v>
      </c>
      <c r="NQ35" s="123">
        <v>0</v>
      </c>
      <c r="NR35" s="123">
        <v>0</v>
      </c>
      <c r="NS35" s="123">
        <v>0</v>
      </c>
      <c r="NT35" s="123">
        <v>0</v>
      </c>
      <c r="NU35" s="124">
        <v>0</v>
      </c>
      <c r="NV35" s="125">
        <v>0</v>
      </c>
      <c r="NW35" s="159">
        <v>0</v>
      </c>
      <c r="NX35" s="123">
        <v>0</v>
      </c>
      <c r="NY35" s="124">
        <v>0</v>
      </c>
      <c r="NZ35" s="157"/>
      <c r="OA35" s="123">
        <v>0</v>
      </c>
      <c r="OB35" s="123">
        <v>254736</v>
      </c>
      <c r="OC35" s="123">
        <v>0</v>
      </c>
      <c r="OD35" s="123">
        <v>0</v>
      </c>
      <c r="OE35" s="123">
        <v>851225</v>
      </c>
      <c r="OF35" s="124">
        <v>1105961</v>
      </c>
      <c r="OG35" s="125">
        <v>1105961</v>
      </c>
      <c r="OH35" s="159">
        <v>485329</v>
      </c>
      <c r="OI35" s="123">
        <v>639783</v>
      </c>
      <c r="OJ35" s="158">
        <v>1125112</v>
      </c>
      <c r="OK35" s="122">
        <v>0</v>
      </c>
      <c r="OL35" s="123">
        <v>10647770</v>
      </c>
      <c r="OM35" s="123">
        <v>12773565</v>
      </c>
      <c r="ON35" s="123">
        <v>21064575</v>
      </c>
      <c r="OO35" s="123">
        <v>19547489</v>
      </c>
      <c r="OP35" s="123">
        <v>13579571</v>
      </c>
      <c r="OQ35" s="124">
        <v>77612970</v>
      </c>
      <c r="OR35" s="160">
        <v>78738082</v>
      </c>
    </row>
    <row r="36" spans="1:408" ht="18.75" customHeight="1" x14ac:dyDescent="0.2">
      <c r="A36" s="63" t="s">
        <v>31</v>
      </c>
      <c r="B36" s="113">
        <v>238995</v>
      </c>
      <c r="C36" s="117">
        <v>954909</v>
      </c>
      <c r="D36" s="116">
        <v>1193904</v>
      </c>
      <c r="E36" s="112">
        <v>0</v>
      </c>
      <c r="F36" s="117">
        <v>7459951</v>
      </c>
      <c r="G36" s="117">
        <v>11082547</v>
      </c>
      <c r="H36" s="117">
        <v>8537804</v>
      </c>
      <c r="I36" s="117">
        <v>4304963</v>
      </c>
      <c r="J36" s="117">
        <v>5144270</v>
      </c>
      <c r="K36" s="198">
        <v>36529535</v>
      </c>
      <c r="L36" s="119">
        <v>37723439</v>
      </c>
      <c r="M36" s="113">
        <v>41122</v>
      </c>
      <c r="N36" s="117">
        <v>134071</v>
      </c>
      <c r="O36" s="116">
        <v>175193</v>
      </c>
      <c r="P36" s="113">
        <v>0</v>
      </c>
      <c r="Q36" s="117">
        <v>1455570</v>
      </c>
      <c r="R36" s="117">
        <v>1700398</v>
      </c>
      <c r="S36" s="117">
        <v>1588933</v>
      </c>
      <c r="T36" s="117">
        <v>1449086</v>
      </c>
      <c r="U36" s="117">
        <v>2464827</v>
      </c>
      <c r="V36" s="116">
        <v>8658814</v>
      </c>
      <c r="W36" s="119">
        <v>8834007</v>
      </c>
      <c r="X36" s="113">
        <v>0</v>
      </c>
      <c r="Y36" s="117">
        <v>0</v>
      </c>
      <c r="Z36" s="116">
        <v>0</v>
      </c>
      <c r="AA36" s="113">
        <v>0</v>
      </c>
      <c r="AB36" s="117">
        <v>672408</v>
      </c>
      <c r="AC36" s="117">
        <v>548304</v>
      </c>
      <c r="AD36" s="117">
        <v>588822</v>
      </c>
      <c r="AE36" s="117">
        <v>455698</v>
      </c>
      <c r="AF36" s="117">
        <v>996846</v>
      </c>
      <c r="AG36" s="116">
        <v>3262078</v>
      </c>
      <c r="AH36" s="119">
        <v>3262078</v>
      </c>
      <c r="AI36" s="113">
        <v>0</v>
      </c>
      <c r="AJ36" s="117">
        <v>0</v>
      </c>
      <c r="AK36" s="116">
        <v>0</v>
      </c>
      <c r="AL36" s="113">
        <v>0</v>
      </c>
      <c r="AM36" s="117">
        <v>0</v>
      </c>
      <c r="AN36" s="117">
        <v>43264</v>
      </c>
      <c r="AO36" s="117">
        <v>317708</v>
      </c>
      <c r="AP36" s="117">
        <v>377955</v>
      </c>
      <c r="AQ36" s="117">
        <v>403205</v>
      </c>
      <c r="AR36" s="116">
        <v>1142132</v>
      </c>
      <c r="AS36" s="119">
        <v>1142132</v>
      </c>
      <c r="AT36" s="113">
        <v>24220</v>
      </c>
      <c r="AU36" s="117">
        <v>76032</v>
      </c>
      <c r="AV36" s="116">
        <v>100252</v>
      </c>
      <c r="AW36" s="113">
        <v>0</v>
      </c>
      <c r="AX36" s="117">
        <v>489806</v>
      </c>
      <c r="AY36" s="117">
        <v>623670</v>
      </c>
      <c r="AZ36" s="117">
        <v>458727</v>
      </c>
      <c r="BA36" s="117">
        <v>461151</v>
      </c>
      <c r="BB36" s="117">
        <v>739398</v>
      </c>
      <c r="BC36" s="116">
        <v>2772752</v>
      </c>
      <c r="BD36" s="119">
        <v>2873004</v>
      </c>
      <c r="BE36" s="113">
        <v>16902</v>
      </c>
      <c r="BF36" s="117">
        <v>38716</v>
      </c>
      <c r="BG36" s="115">
        <v>55618</v>
      </c>
      <c r="BH36" s="114">
        <v>0</v>
      </c>
      <c r="BI36" s="117">
        <v>100728</v>
      </c>
      <c r="BJ36" s="117">
        <v>277648</v>
      </c>
      <c r="BK36" s="117">
        <v>62639</v>
      </c>
      <c r="BL36" s="117">
        <v>34416</v>
      </c>
      <c r="BM36" s="117">
        <v>234324</v>
      </c>
      <c r="BN36" s="116">
        <v>709755</v>
      </c>
      <c r="BO36" s="119">
        <v>765373</v>
      </c>
      <c r="BP36" s="113">
        <v>0</v>
      </c>
      <c r="BQ36" s="117">
        <v>19323</v>
      </c>
      <c r="BR36" s="116">
        <v>19323</v>
      </c>
      <c r="BS36" s="113">
        <v>0</v>
      </c>
      <c r="BT36" s="117">
        <v>192628</v>
      </c>
      <c r="BU36" s="117">
        <v>207512</v>
      </c>
      <c r="BV36" s="117">
        <v>161037</v>
      </c>
      <c r="BW36" s="117">
        <v>119866</v>
      </c>
      <c r="BX36" s="117">
        <v>91054</v>
      </c>
      <c r="BY36" s="116">
        <v>772097</v>
      </c>
      <c r="BZ36" s="119">
        <v>791420</v>
      </c>
      <c r="CA36" s="113">
        <v>0</v>
      </c>
      <c r="CB36" s="117">
        <v>41517</v>
      </c>
      <c r="CC36" s="116">
        <v>41517</v>
      </c>
      <c r="CD36" s="113">
        <v>0</v>
      </c>
      <c r="CE36" s="117">
        <v>2306023</v>
      </c>
      <c r="CF36" s="117">
        <v>4422869</v>
      </c>
      <c r="CG36" s="117">
        <v>2529297</v>
      </c>
      <c r="CH36" s="117">
        <v>826425</v>
      </c>
      <c r="CI36" s="117">
        <v>1024107</v>
      </c>
      <c r="CJ36" s="116">
        <v>11108721</v>
      </c>
      <c r="CK36" s="119">
        <v>11150238</v>
      </c>
      <c r="CL36" s="113">
        <v>0</v>
      </c>
      <c r="CM36" s="117">
        <v>0</v>
      </c>
      <c r="CN36" s="116">
        <v>0</v>
      </c>
      <c r="CO36" s="114">
        <v>0</v>
      </c>
      <c r="CP36" s="117">
        <v>2216635</v>
      </c>
      <c r="CQ36" s="117">
        <v>3522337</v>
      </c>
      <c r="CR36" s="117">
        <v>2029700</v>
      </c>
      <c r="CS36" s="117">
        <v>632714</v>
      </c>
      <c r="CT36" s="117">
        <v>691557</v>
      </c>
      <c r="CU36" s="116">
        <v>9092943</v>
      </c>
      <c r="CV36" s="119">
        <v>9092943</v>
      </c>
      <c r="CW36" s="113">
        <v>0</v>
      </c>
      <c r="CX36" s="117">
        <v>41517</v>
      </c>
      <c r="CY36" s="116">
        <v>41517</v>
      </c>
      <c r="CZ36" s="113">
        <v>0</v>
      </c>
      <c r="DA36" s="117">
        <v>89388</v>
      </c>
      <c r="DB36" s="117">
        <v>900532</v>
      </c>
      <c r="DC36" s="117">
        <v>499597</v>
      </c>
      <c r="DD36" s="117">
        <v>193711</v>
      </c>
      <c r="DE36" s="117">
        <v>332550</v>
      </c>
      <c r="DF36" s="116">
        <v>2015778</v>
      </c>
      <c r="DG36" s="119">
        <v>2057295</v>
      </c>
      <c r="DH36" s="113">
        <v>0</v>
      </c>
      <c r="DI36" s="117">
        <v>0</v>
      </c>
      <c r="DJ36" s="115">
        <v>0</v>
      </c>
      <c r="DK36" s="114">
        <v>0</v>
      </c>
      <c r="DL36" s="117">
        <v>349078</v>
      </c>
      <c r="DM36" s="117">
        <v>617013</v>
      </c>
      <c r="DN36" s="117">
        <v>1305011</v>
      </c>
      <c r="DO36" s="117">
        <v>549287</v>
      </c>
      <c r="DP36" s="117">
        <v>534845</v>
      </c>
      <c r="DQ36" s="116">
        <v>3355234</v>
      </c>
      <c r="DR36" s="119">
        <v>3355234</v>
      </c>
      <c r="DS36" s="113">
        <v>0</v>
      </c>
      <c r="DT36" s="117">
        <v>0</v>
      </c>
      <c r="DU36" s="116">
        <v>0</v>
      </c>
      <c r="DV36" s="113">
        <v>0</v>
      </c>
      <c r="DW36" s="117">
        <v>349078</v>
      </c>
      <c r="DX36" s="117">
        <v>576504</v>
      </c>
      <c r="DY36" s="117">
        <v>1079111</v>
      </c>
      <c r="DZ36" s="117">
        <v>549287</v>
      </c>
      <c r="EA36" s="117">
        <v>474086</v>
      </c>
      <c r="EB36" s="116">
        <v>3028066</v>
      </c>
      <c r="EC36" s="119">
        <v>3028066</v>
      </c>
      <c r="ED36" s="113">
        <v>0</v>
      </c>
      <c r="EE36" s="115">
        <v>0</v>
      </c>
      <c r="EF36" s="116">
        <v>0</v>
      </c>
      <c r="EG36" s="113">
        <v>0</v>
      </c>
      <c r="EH36" s="117">
        <v>0</v>
      </c>
      <c r="EI36" s="117">
        <v>40509</v>
      </c>
      <c r="EJ36" s="117">
        <v>225900</v>
      </c>
      <c r="EK36" s="117">
        <v>0</v>
      </c>
      <c r="EL36" s="117">
        <v>60759</v>
      </c>
      <c r="EM36" s="115">
        <v>327168</v>
      </c>
      <c r="EN36" s="119">
        <v>327168</v>
      </c>
      <c r="EO36" s="113">
        <v>0</v>
      </c>
      <c r="EP36" s="117">
        <v>0</v>
      </c>
      <c r="EQ36" s="115">
        <v>0</v>
      </c>
      <c r="ER36" s="114">
        <v>0</v>
      </c>
      <c r="ES36" s="117">
        <v>0</v>
      </c>
      <c r="ET36" s="117">
        <v>0</v>
      </c>
      <c r="EU36" s="117">
        <v>0</v>
      </c>
      <c r="EV36" s="117">
        <v>0</v>
      </c>
      <c r="EW36" s="117">
        <v>0</v>
      </c>
      <c r="EX36" s="116">
        <v>0</v>
      </c>
      <c r="EY36" s="119">
        <v>0</v>
      </c>
      <c r="EZ36" s="113">
        <v>0</v>
      </c>
      <c r="FA36" s="117">
        <v>0</v>
      </c>
      <c r="FB36" s="115">
        <v>0</v>
      </c>
      <c r="FC36" s="395">
        <v>0</v>
      </c>
      <c r="FD36" s="117">
        <v>0</v>
      </c>
      <c r="FE36" s="117">
        <v>0</v>
      </c>
      <c r="FF36" s="117">
        <v>0</v>
      </c>
      <c r="FG36" s="117">
        <v>0</v>
      </c>
      <c r="FH36" s="117">
        <v>0</v>
      </c>
      <c r="FI36" s="116">
        <v>0</v>
      </c>
      <c r="FJ36" s="119">
        <v>0</v>
      </c>
      <c r="FK36" s="113">
        <v>103982</v>
      </c>
      <c r="FL36" s="117">
        <v>355887</v>
      </c>
      <c r="FM36" s="116">
        <v>459869</v>
      </c>
      <c r="FN36" s="113">
        <v>0</v>
      </c>
      <c r="FO36" s="117">
        <v>627549</v>
      </c>
      <c r="FP36" s="117">
        <v>1119755</v>
      </c>
      <c r="FQ36" s="117">
        <v>709251</v>
      </c>
      <c r="FR36" s="117">
        <v>499138</v>
      </c>
      <c r="FS36" s="117">
        <v>575045</v>
      </c>
      <c r="FT36" s="116">
        <v>3530738</v>
      </c>
      <c r="FU36" s="119">
        <v>3990607</v>
      </c>
      <c r="FV36" s="118">
        <v>103982</v>
      </c>
      <c r="FW36" s="117">
        <v>292527</v>
      </c>
      <c r="FX36" s="115">
        <v>396509</v>
      </c>
      <c r="FY36" s="114">
        <v>0</v>
      </c>
      <c r="FZ36" s="117">
        <v>602799</v>
      </c>
      <c r="GA36" s="117">
        <v>1046405</v>
      </c>
      <c r="GB36" s="117">
        <v>666051</v>
      </c>
      <c r="GC36" s="117">
        <v>385288</v>
      </c>
      <c r="GD36" s="117">
        <v>575045</v>
      </c>
      <c r="GE36" s="116">
        <v>3275588</v>
      </c>
      <c r="GF36" s="357">
        <v>3672097</v>
      </c>
      <c r="GG36" s="118">
        <v>0</v>
      </c>
      <c r="GH36" s="117">
        <v>0</v>
      </c>
      <c r="GI36" s="115">
        <v>0</v>
      </c>
      <c r="GJ36" s="114">
        <v>0</v>
      </c>
      <c r="GK36" s="117">
        <v>0</v>
      </c>
      <c r="GL36" s="117">
        <v>26100</v>
      </c>
      <c r="GM36" s="117">
        <v>25200</v>
      </c>
      <c r="GN36" s="117">
        <v>0</v>
      </c>
      <c r="GO36" s="117">
        <v>0</v>
      </c>
      <c r="GP36" s="116">
        <v>51300</v>
      </c>
      <c r="GQ36" s="119">
        <v>51300</v>
      </c>
      <c r="GR36" s="113">
        <v>0</v>
      </c>
      <c r="GS36" s="117">
        <v>63360</v>
      </c>
      <c r="GT36" s="116">
        <v>63360</v>
      </c>
      <c r="GU36" s="113">
        <v>0</v>
      </c>
      <c r="GV36" s="117">
        <v>24750</v>
      </c>
      <c r="GW36" s="117">
        <v>47250</v>
      </c>
      <c r="GX36" s="117">
        <v>18000</v>
      </c>
      <c r="GY36" s="117">
        <v>113850</v>
      </c>
      <c r="GZ36" s="117">
        <v>0</v>
      </c>
      <c r="HA36" s="115">
        <v>203850</v>
      </c>
      <c r="HB36" s="119">
        <v>267210</v>
      </c>
      <c r="HC36" s="113">
        <v>0</v>
      </c>
      <c r="HD36" s="117">
        <v>232578</v>
      </c>
      <c r="HE36" s="115">
        <v>232578</v>
      </c>
      <c r="HF36" s="114">
        <v>0</v>
      </c>
      <c r="HG36" s="117">
        <v>1348195</v>
      </c>
      <c r="HH36" s="117">
        <v>1892464</v>
      </c>
      <c r="HI36" s="117">
        <v>1460823</v>
      </c>
      <c r="HJ36" s="117">
        <v>650422</v>
      </c>
      <c r="HK36" s="117">
        <v>208264</v>
      </c>
      <c r="HL36" s="116">
        <v>5560168</v>
      </c>
      <c r="HM36" s="112">
        <v>5792746</v>
      </c>
      <c r="HN36" s="118">
        <v>93891</v>
      </c>
      <c r="HO36" s="117">
        <v>190856</v>
      </c>
      <c r="HP36" s="116">
        <v>284747</v>
      </c>
      <c r="HQ36" s="113">
        <v>0</v>
      </c>
      <c r="HR36" s="117">
        <v>1373536</v>
      </c>
      <c r="HS36" s="117">
        <v>1330048</v>
      </c>
      <c r="HT36" s="117">
        <v>944489</v>
      </c>
      <c r="HU36" s="117">
        <v>330605</v>
      </c>
      <c r="HV36" s="117">
        <v>337182</v>
      </c>
      <c r="HW36" s="115">
        <v>4315860</v>
      </c>
      <c r="HX36" s="119">
        <v>4600607</v>
      </c>
      <c r="HY36" s="166">
        <v>0</v>
      </c>
      <c r="HZ36" s="152">
        <v>88207</v>
      </c>
      <c r="IA36" s="166">
        <v>88207</v>
      </c>
      <c r="IB36" s="151">
        <v>0</v>
      </c>
      <c r="IC36" s="152">
        <v>3373049</v>
      </c>
      <c r="ID36" s="153">
        <v>5819066</v>
      </c>
      <c r="IE36" s="154">
        <v>5754364</v>
      </c>
      <c r="IF36" s="152">
        <v>3098707</v>
      </c>
      <c r="IG36" s="154">
        <v>2239617</v>
      </c>
      <c r="IH36" s="155">
        <v>20284803</v>
      </c>
      <c r="II36" s="166">
        <v>20373010</v>
      </c>
      <c r="IJ36" s="259">
        <v>0</v>
      </c>
      <c r="IK36" s="266">
        <v>0</v>
      </c>
      <c r="IL36" s="267">
        <v>0</v>
      </c>
      <c r="IM36" s="157"/>
      <c r="IN36" s="123">
        <v>0</v>
      </c>
      <c r="IO36" s="123">
        <v>191219</v>
      </c>
      <c r="IP36" s="123">
        <v>0</v>
      </c>
      <c r="IQ36" s="123">
        <v>0</v>
      </c>
      <c r="IR36" s="123">
        <v>0</v>
      </c>
      <c r="IS36" s="158">
        <v>191219</v>
      </c>
      <c r="IT36" s="360">
        <v>191219</v>
      </c>
      <c r="IU36" s="159">
        <v>0</v>
      </c>
      <c r="IV36" s="123">
        <v>0</v>
      </c>
      <c r="IW36" s="124">
        <v>0</v>
      </c>
      <c r="IX36" s="157"/>
      <c r="IY36" s="123">
        <v>0</v>
      </c>
      <c r="IZ36" s="123">
        <v>0</v>
      </c>
      <c r="JA36" s="123">
        <v>0</v>
      </c>
      <c r="JB36" s="123">
        <v>0</v>
      </c>
      <c r="JC36" s="123">
        <v>0</v>
      </c>
      <c r="JD36" s="124">
        <v>0</v>
      </c>
      <c r="JE36" s="125">
        <v>0</v>
      </c>
      <c r="JF36" s="159">
        <v>0</v>
      </c>
      <c r="JG36" s="123">
        <v>0</v>
      </c>
      <c r="JH36" s="158">
        <v>0</v>
      </c>
      <c r="JI36" s="122">
        <v>0</v>
      </c>
      <c r="JJ36" s="123">
        <v>988868</v>
      </c>
      <c r="JK36" s="123">
        <v>730894</v>
      </c>
      <c r="JL36" s="123">
        <v>882124</v>
      </c>
      <c r="JM36" s="123">
        <v>6324</v>
      </c>
      <c r="JN36" s="123">
        <v>386010</v>
      </c>
      <c r="JO36" s="124">
        <v>2994220</v>
      </c>
      <c r="JP36" s="360">
        <v>2994220</v>
      </c>
      <c r="JQ36" s="159">
        <v>0</v>
      </c>
      <c r="JR36" s="123">
        <v>0</v>
      </c>
      <c r="JS36" s="158">
        <v>0</v>
      </c>
      <c r="JT36" s="122">
        <v>0</v>
      </c>
      <c r="JU36" s="123">
        <v>0</v>
      </c>
      <c r="JV36" s="123">
        <v>255501</v>
      </c>
      <c r="JW36" s="123">
        <v>132558</v>
      </c>
      <c r="JX36" s="123">
        <v>0</v>
      </c>
      <c r="JY36" s="123">
        <v>0</v>
      </c>
      <c r="JZ36" s="124">
        <v>388059</v>
      </c>
      <c r="KA36" s="360">
        <v>388059</v>
      </c>
      <c r="KB36" s="262">
        <v>0</v>
      </c>
      <c r="KC36" s="256">
        <v>88207</v>
      </c>
      <c r="KD36" s="124">
        <v>88207</v>
      </c>
      <c r="KE36" s="122">
        <v>0</v>
      </c>
      <c r="KF36" s="123">
        <v>690356</v>
      </c>
      <c r="KG36" s="123">
        <v>1755384</v>
      </c>
      <c r="KH36" s="123">
        <v>1578100</v>
      </c>
      <c r="KI36" s="123">
        <v>584261</v>
      </c>
      <c r="KJ36" s="123">
        <v>949978</v>
      </c>
      <c r="KK36" s="124">
        <v>5558079</v>
      </c>
      <c r="KL36" s="160">
        <v>5646286</v>
      </c>
      <c r="KM36" s="259">
        <v>0</v>
      </c>
      <c r="KN36" s="266">
        <v>0</v>
      </c>
      <c r="KO36" s="267">
        <v>0</v>
      </c>
      <c r="KP36" s="157"/>
      <c r="KQ36" s="123">
        <v>1693825</v>
      </c>
      <c r="KR36" s="123">
        <v>2886068</v>
      </c>
      <c r="KS36" s="123">
        <v>3161582</v>
      </c>
      <c r="KT36" s="123">
        <v>2508122</v>
      </c>
      <c r="KU36" s="123">
        <v>903629</v>
      </c>
      <c r="KV36" s="124">
        <v>11153226</v>
      </c>
      <c r="KW36" s="360">
        <v>11153226</v>
      </c>
      <c r="KX36" s="159">
        <v>0</v>
      </c>
      <c r="KY36" s="123">
        <v>0</v>
      </c>
      <c r="KZ36" s="124">
        <v>0</v>
      </c>
      <c r="LA36" s="157"/>
      <c r="LB36" s="123">
        <v>0</v>
      </c>
      <c r="LC36" s="123">
        <v>0</v>
      </c>
      <c r="LD36" s="123">
        <v>0</v>
      </c>
      <c r="LE36" s="123">
        <v>0</v>
      </c>
      <c r="LF36" s="123">
        <v>0</v>
      </c>
      <c r="LG36" s="124">
        <v>0</v>
      </c>
      <c r="LH36" s="125">
        <v>0</v>
      </c>
      <c r="LI36" s="159">
        <v>0</v>
      </c>
      <c r="LJ36" s="123">
        <v>0</v>
      </c>
      <c r="LK36" s="124">
        <v>0</v>
      </c>
      <c r="LL36" s="157"/>
      <c r="LM36" s="123">
        <v>0</v>
      </c>
      <c r="LN36" s="123">
        <v>0</v>
      </c>
      <c r="LO36" s="123">
        <v>0</v>
      </c>
      <c r="LP36" s="123">
        <v>0</v>
      </c>
      <c r="LQ36" s="123">
        <v>0</v>
      </c>
      <c r="LR36" s="124">
        <v>0</v>
      </c>
      <c r="LS36" s="360">
        <v>0</v>
      </c>
      <c r="LT36" s="159">
        <v>0</v>
      </c>
      <c r="LU36" s="123">
        <v>0</v>
      </c>
      <c r="LV36" s="124">
        <v>0</v>
      </c>
      <c r="LW36" s="157"/>
      <c r="LX36" s="123">
        <v>0</v>
      </c>
      <c r="LY36" s="123">
        <v>0</v>
      </c>
      <c r="LZ36" s="123">
        <v>0</v>
      </c>
      <c r="MA36" s="123">
        <v>0</v>
      </c>
      <c r="MB36" s="123">
        <v>0</v>
      </c>
      <c r="MC36" s="124">
        <v>0</v>
      </c>
      <c r="MD36" s="125">
        <v>0</v>
      </c>
      <c r="ME36" s="159">
        <v>0</v>
      </c>
      <c r="MF36" s="123">
        <v>0</v>
      </c>
      <c r="MG36" s="124">
        <v>0</v>
      </c>
      <c r="MH36" s="157"/>
      <c r="MI36" s="123">
        <v>508052</v>
      </c>
      <c r="MJ36" s="123">
        <v>4325501</v>
      </c>
      <c r="MK36" s="123">
        <v>8745514</v>
      </c>
      <c r="ML36" s="123">
        <v>9805880</v>
      </c>
      <c r="MM36" s="123">
        <v>6704293</v>
      </c>
      <c r="MN36" s="124">
        <v>30089240</v>
      </c>
      <c r="MO36" s="160">
        <v>30089240</v>
      </c>
      <c r="MP36" s="159">
        <v>0</v>
      </c>
      <c r="MQ36" s="123">
        <v>0</v>
      </c>
      <c r="MR36" s="124">
        <v>0</v>
      </c>
      <c r="MS36" s="157"/>
      <c r="MT36" s="123">
        <v>0</v>
      </c>
      <c r="MU36" s="123">
        <v>954554</v>
      </c>
      <c r="MV36" s="123">
        <v>5914029</v>
      </c>
      <c r="MW36" s="123">
        <v>5069392</v>
      </c>
      <c r="MX36" s="123">
        <v>5300378</v>
      </c>
      <c r="MY36" s="124">
        <v>17238353</v>
      </c>
      <c r="MZ36" s="160">
        <v>17238353</v>
      </c>
      <c r="NA36" s="159">
        <v>0</v>
      </c>
      <c r="NB36" s="123">
        <v>0</v>
      </c>
      <c r="NC36" s="124">
        <v>0</v>
      </c>
      <c r="ND36" s="157"/>
      <c r="NE36" s="123">
        <v>508052</v>
      </c>
      <c r="NF36" s="123">
        <v>3370947</v>
      </c>
      <c r="NG36" s="123">
        <v>2831485</v>
      </c>
      <c r="NH36" s="123">
        <v>4055812</v>
      </c>
      <c r="NI36" s="123">
        <v>940237</v>
      </c>
      <c r="NJ36" s="124">
        <v>11706533</v>
      </c>
      <c r="NK36" s="360">
        <v>11706533</v>
      </c>
      <c r="NL36" s="159">
        <v>0</v>
      </c>
      <c r="NM36" s="123">
        <v>0</v>
      </c>
      <c r="NN36" s="124">
        <v>0</v>
      </c>
      <c r="NO36" s="157"/>
      <c r="NP36" s="123">
        <v>0</v>
      </c>
      <c r="NQ36" s="123">
        <v>0</v>
      </c>
      <c r="NR36" s="123">
        <v>0</v>
      </c>
      <c r="NS36" s="123">
        <v>680676</v>
      </c>
      <c r="NT36" s="123">
        <v>0</v>
      </c>
      <c r="NU36" s="124">
        <v>680676</v>
      </c>
      <c r="NV36" s="125">
        <v>680676</v>
      </c>
      <c r="NW36" s="159">
        <v>0</v>
      </c>
      <c r="NX36" s="123">
        <v>0</v>
      </c>
      <c r="NY36" s="124">
        <v>0</v>
      </c>
      <c r="NZ36" s="157"/>
      <c r="OA36" s="123">
        <v>0</v>
      </c>
      <c r="OB36" s="123">
        <v>0</v>
      </c>
      <c r="OC36" s="123">
        <v>0</v>
      </c>
      <c r="OD36" s="123">
        <v>0</v>
      </c>
      <c r="OE36" s="123">
        <v>463678</v>
      </c>
      <c r="OF36" s="124">
        <v>463678</v>
      </c>
      <c r="OG36" s="125">
        <v>463678</v>
      </c>
      <c r="OH36" s="159">
        <v>238995</v>
      </c>
      <c r="OI36" s="123">
        <v>1043116</v>
      </c>
      <c r="OJ36" s="158">
        <v>1282111</v>
      </c>
      <c r="OK36" s="122">
        <v>0</v>
      </c>
      <c r="OL36" s="123">
        <v>11341052</v>
      </c>
      <c r="OM36" s="123">
        <v>21227114</v>
      </c>
      <c r="ON36" s="123">
        <v>23037682</v>
      </c>
      <c r="OO36" s="123">
        <v>17209550</v>
      </c>
      <c r="OP36" s="123">
        <v>14088180</v>
      </c>
      <c r="OQ36" s="124">
        <v>86903578</v>
      </c>
      <c r="OR36" s="160">
        <v>88185689</v>
      </c>
    </row>
    <row r="37" spans="1:408" ht="18.75" customHeight="1" x14ac:dyDescent="0.2">
      <c r="A37" s="63" t="s">
        <v>32</v>
      </c>
      <c r="B37" s="113">
        <v>594985</v>
      </c>
      <c r="C37" s="117">
        <v>880801</v>
      </c>
      <c r="D37" s="199">
        <v>1475786</v>
      </c>
      <c r="E37" s="200">
        <v>0</v>
      </c>
      <c r="F37" s="201">
        <v>9088733</v>
      </c>
      <c r="G37" s="201">
        <v>11139447</v>
      </c>
      <c r="H37" s="201">
        <v>8335363</v>
      </c>
      <c r="I37" s="201">
        <v>7377984</v>
      </c>
      <c r="J37" s="201">
        <v>5090674</v>
      </c>
      <c r="K37" s="202">
        <v>41032201</v>
      </c>
      <c r="L37" s="119">
        <v>42507987</v>
      </c>
      <c r="M37" s="113">
        <v>151126</v>
      </c>
      <c r="N37" s="117">
        <v>275581</v>
      </c>
      <c r="O37" s="116">
        <v>426707</v>
      </c>
      <c r="P37" s="113">
        <v>0</v>
      </c>
      <c r="Q37" s="117">
        <v>2582564</v>
      </c>
      <c r="R37" s="117">
        <v>2018162</v>
      </c>
      <c r="S37" s="117">
        <v>2536840</v>
      </c>
      <c r="T37" s="117">
        <v>2540334</v>
      </c>
      <c r="U37" s="117">
        <v>2794792</v>
      </c>
      <c r="V37" s="116">
        <v>12472692</v>
      </c>
      <c r="W37" s="119">
        <v>12899399</v>
      </c>
      <c r="X37" s="113">
        <v>0</v>
      </c>
      <c r="Y37" s="117">
        <v>0</v>
      </c>
      <c r="Z37" s="116">
        <v>0</v>
      </c>
      <c r="AA37" s="113">
        <v>0</v>
      </c>
      <c r="AB37" s="117">
        <v>1134567</v>
      </c>
      <c r="AC37" s="117">
        <v>886420</v>
      </c>
      <c r="AD37" s="117">
        <v>1505130</v>
      </c>
      <c r="AE37" s="117">
        <v>1294801</v>
      </c>
      <c r="AF37" s="117">
        <v>1641200</v>
      </c>
      <c r="AG37" s="116">
        <v>6462118</v>
      </c>
      <c r="AH37" s="119">
        <v>6462118</v>
      </c>
      <c r="AI37" s="113">
        <v>0</v>
      </c>
      <c r="AJ37" s="117">
        <v>0</v>
      </c>
      <c r="AK37" s="116">
        <v>0</v>
      </c>
      <c r="AL37" s="113">
        <v>0</v>
      </c>
      <c r="AM37" s="117">
        <v>0</v>
      </c>
      <c r="AN37" s="117">
        <v>0</v>
      </c>
      <c r="AO37" s="117">
        <v>160858</v>
      </c>
      <c r="AP37" s="117">
        <v>111447</v>
      </c>
      <c r="AQ37" s="117">
        <v>522000</v>
      </c>
      <c r="AR37" s="116">
        <v>794305</v>
      </c>
      <c r="AS37" s="119">
        <v>794305</v>
      </c>
      <c r="AT37" s="113">
        <v>136366</v>
      </c>
      <c r="AU37" s="117">
        <v>233377</v>
      </c>
      <c r="AV37" s="116">
        <v>369743</v>
      </c>
      <c r="AW37" s="113">
        <v>0</v>
      </c>
      <c r="AX37" s="117">
        <v>1044354</v>
      </c>
      <c r="AY37" s="117">
        <v>968404</v>
      </c>
      <c r="AZ37" s="117">
        <v>551018</v>
      </c>
      <c r="BA37" s="117">
        <v>807121</v>
      </c>
      <c r="BB37" s="117">
        <v>334616</v>
      </c>
      <c r="BC37" s="116">
        <v>3705513</v>
      </c>
      <c r="BD37" s="119">
        <v>4075256</v>
      </c>
      <c r="BE37" s="113">
        <v>8622</v>
      </c>
      <c r="BF37" s="117">
        <v>33804</v>
      </c>
      <c r="BG37" s="115">
        <v>42426</v>
      </c>
      <c r="BH37" s="114">
        <v>0</v>
      </c>
      <c r="BI37" s="117">
        <v>255322</v>
      </c>
      <c r="BJ37" s="117">
        <v>0</v>
      </c>
      <c r="BK37" s="117">
        <v>65008</v>
      </c>
      <c r="BL37" s="117">
        <v>34416</v>
      </c>
      <c r="BM37" s="117">
        <v>123885</v>
      </c>
      <c r="BN37" s="116">
        <v>478631</v>
      </c>
      <c r="BO37" s="119">
        <v>521057</v>
      </c>
      <c r="BP37" s="113">
        <v>6138</v>
      </c>
      <c r="BQ37" s="117">
        <v>8400</v>
      </c>
      <c r="BR37" s="116">
        <v>14538</v>
      </c>
      <c r="BS37" s="113">
        <v>0</v>
      </c>
      <c r="BT37" s="117">
        <v>148321</v>
      </c>
      <c r="BU37" s="117">
        <v>163338</v>
      </c>
      <c r="BV37" s="117">
        <v>254826</v>
      </c>
      <c r="BW37" s="117">
        <v>292549</v>
      </c>
      <c r="BX37" s="117">
        <v>173091</v>
      </c>
      <c r="BY37" s="116">
        <v>1032125</v>
      </c>
      <c r="BZ37" s="119">
        <v>1046663</v>
      </c>
      <c r="CA37" s="113">
        <v>0</v>
      </c>
      <c r="CB37" s="117">
        <v>0</v>
      </c>
      <c r="CC37" s="116">
        <v>0</v>
      </c>
      <c r="CD37" s="113">
        <v>0</v>
      </c>
      <c r="CE37" s="117">
        <v>3165176</v>
      </c>
      <c r="CF37" s="117">
        <v>4559634</v>
      </c>
      <c r="CG37" s="117">
        <v>2267312</v>
      </c>
      <c r="CH37" s="117">
        <v>1505981</v>
      </c>
      <c r="CI37" s="117">
        <v>406782</v>
      </c>
      <c r="CJ37" s="116">
        <v>11904885</v>
      </c>
      <c r="CK37" s="119">
        <v>11904885</v>
      </c>
      <c r="CL37" s="113">
        <v>0</v>
      </c>
      <c r="CM37" s="117">
        <v>0</v>
      </c>
      <c r="CN37" s="116">
        <v>0</v>
      </c>
      <c r="CO37" s="114">
        <v>0</v>
      </c>
      <c r="CP37" s="117">
        <v>2434239</v>
      </c>
      <c r="CQ37" s="117">
        <v>3696855</v>
      </c>
      <c r="CR37" s="117">
        <v>1976046</v>
      </c>
      <c r="CS37" s="117">
        <v>1152612</v>
      </c>
      <c r="CT37" s="117">
        <v>230526</v>
      </c>
      <c r="CU37" s="116">
        <v>9490278</v>
      </c>
      <c r="CV37" s="119">
        <v>9490278</v>
      </c>
      <c r="CW37" s="113">
        <v>0</v>
      </c>
      <c r="CX37" s="117">
        <v>0</v>
      </c>
      <c r="CY37" s="116">
        <v>0</v>
      </c>
      <c r="CZ37" s="113">
        <v>0</v>
      </c>
      <c r="DA37" s="117">
        <v>730937</v>
      </c>
      <c r="DB37" s="117">
        <v>862779</v>
      </c>
      <c r="DC37" s="117">
        <v>291266</v>
      </c>
      <c r="DD37" s="117">
        <v>353369</v>
      </c>
      <c r="DE37" s="117">
        <v>176256</v>
      </c>
      <c r="DF37" s="116">
        <v>2414607</v>
      </c>
      <c r="DG37" s="119">
        <v>2414607</v>
      </c>
      <c r="DH37" s="113">
        <v>12887</v>
      </c>
      <c r="DI37" s="117">
        <v>20758</v>
      </c>
      <c r="DJ37" s="115">
        <v>33645</v>
      </c>
      <c r="DK37" s="114">
        <v>0</v>
      </c>
      <c r="DL37" s="117">
        <v>147785</v>
      </c>
      <c r="DM37" s="117">
        <v>1222471</v>
      </c>
      <c r="DN37" s="117">
        <v>854000</v>
      </c>
      <c r="DO37" s="117">
        <v>546876</v>
      </c>
      <c r="DP37" s="117">
        <v>428019</v>
      </c>
      <c r="DQ37" s="116">
        <v>3199151</v>
      </c>
      <c r="DR37" s="119">
        <v>3232796</v>
      </c>
      <c r="DS37" s="113">
        <v>12887</v>
      </c>
      <c r="DT37" s="117">
        <v>20758</v>
      </c>
      <c r="DU37" s="116">
        <v>33645</v>
      </c>
      <c r="DV37" s="113">
        <v>0</v>
      </c>
      <c r="DW37" s="117">
        <v>147785</v>
      </c>
      <c r="DX37" s="117">
        <v>787995</v>
      </c>
      <c r="DY37" s="117">
        <v>784357</v>
      </c>
      <c r="DZ37" s="117">
        <v>242827</v>
      </c>
      <c r="EA37" s="117">
        <v>65727</v>
      </c>
      <c r="EB37" s="116">
        <v>2028691</v>
      </c>
      <c r="EC37" s="119">
        <v>2062336</v>
      </c>
      <c r="ED37" s="113">
        <v>0</v>
      </c>
      <c r="EE37" s="115">
        <v>0</v>
      </c>
      <c r="EF37" s="116">
        <v>0</v>
      </c>
      <c r="EG37" s="113">
        <v>0</v>
      </c>
      <c r="EH37" s="117">
        <v>0</v>
      </c>
      <c r="EI37" s="117">
        <v>434476</v>
      </c>
      <c r="EJ37" s="117">
        <v>69643</v>
      </c>
      <c r="EK37" s="117">
        <v>304049</v>
      </c>
      <c r="EL37" s="117">
        <v>362292</v>
      </c>
      <c r="EM37" s="115">
        <v>1170460</v>
      </c>
      <c r="EN37" s="119">
        <v>1170460</v>
      </c>
      <c r="EO37" s="113">
        <v>0</v>
      </c>
      <c r="EP37" s="117">
        <v>0</v>
      </c>
      <c r="EQ37" s="115">
        <v>0</v>
      </c>
      <c r="ER37" s="114">
        <v>0</v>
      </c>
      <c r="ES37" s="117">
        <v>0</v>
      </c>
      <c r="ET37" s="117">
        <v>0</v>
      </c>
      <c r="EU37" s="117">
        <v>0</v>
      </c>
      <c r="EV37" s="117">
        <v>0</v>
      </c>
      <c r="EW37" s="117">
        <v>0</v>
      </c>
      <c r="EX37" s="116">
        <v>0</v>
      </c>
      <c r="EY37" s="119">
        <v>0</v>
      </c>
      <c r="EZ37" s="113">
        <v>0</v>
      </c>
      <c r="FA37" s="117">
        <v>0</v>
      </c>
      <c r="FB37" s="115">
        <v>0</v>
      </c>
      <c r="FC37" s="395">
        <v>0</v>
      </c>
      <c r="FD37" s="117">
        <v>0</v>
      </c>
      <c r="FE37" s="117">
        <v>0</v>
      </c>
      <c r="FF37" s="117">
        <v>0</v>
      </c>
      <c r="FG37" s="117">
        <v>0</v>
      </c>
      <c r="FH37" s="117">
        <v>0</v>
      </c>
      <c r="FI37" s="116">
        <v>0</v>
      </c>
      <c r="FJ37" s="119">
        <v>0</v>
      </c>
      <c r="FK37" s="113">
        <v>130365</v>
      </c>
      <c r="FL37" s="117">
        <v>283403</v>
      </c>
      <c r="FM37" s="116">
        <v>413768</v>
      </c>
      <c r="FN37" s="113">
        <v>0</v>
      </c>
      <c r="FO37" s="117">
        <v>593573</v>
      </c>
      <c r="FP37" s="117">
        <v>930756</v>
      </c>
      <c r="FQ37" s="117">
        <v>647659</v>
      </c>
      <c r="FR37" s="117">
        <v>633895</v>
      </c>
      <c r="FS37" s="117">
        <v>434506</v>
      </c>
      <c r="FT37" s="116">
        <v>3240389</v>
      </c>
      <c r="FU37" s="119">
        <v>3654157</v>
      </c>
      <c r="FV37" s="118">
        <v>130365</v>
      </c>
      <c r="FW37" s="117">
        <v>283403</v>
      </c>
      <c r="FX37" s="115">
        <v>413768</v>
      </c>
      <c r="FY37" s="114">
        <v>0</v>
      </c>
      <c r="FZ37" s="117">
        <v>593573</v>
      </c>
      <c r="GA37" s="117">
        <v>930756</v>
      </c>
      <c r="GB37" s="117">
        <v>647659</v>
      </c>
      <c r="GC37" s="117">
        <v>633895</v>
      </c>
      <c r="GD37" s="117">
        <v>434506</v>
      </c>
      <c r="GE37" s="116">
        <v>3240389</v>
      </c>
      <c r="GF37" s="357">
        <v>3654157</v>
      </c>
      <c r="GG37" s="118">
        <v>0</v>
      </c>
      <c r="GH37" s="117">
        <v>0</v>
      </c>
      <c r="GI37" s="115">
        <v>0</v>
      </c>
      <c r="GJ37" s="114">
        <v>0</v>
      </c>
      <c r="GK37" s="117">
        <v>0</v>
      </c>
      <c r="GL37" s="117">
        <v>0</v>
      </c>
      <c r="GM37" s="117">
        <v>0</v>
      </c>
      <c r="GN37" s="117">
        <v>0</v>
      </c>
      <c r="GO37" s="117">
        <v>0</v>
      </c>
      <c r="GP37" s="116">
        <v>0</v>
      </c>
      <c r="GQ37" s="119">
        <v>0</v>
      </c>
      <c r="GR37" s="113">
        <v>0</v>
      </c>
      <c r="GS37" s="117">
        <v>0</v>
      </c>
      <c r="GT37" s="116">
        <v>0</v>
      </c>
      <c r="GU37" s="113">
        <v>0</v>
      </c>
      <c r="GV37" s="117">
        <v>0</v>
      </c>
      <c r="GW37" s="117">
        <v>0</v>
      </c>
      <c r="GX37" s="117">
        <v>0</v>
      </c>
      <c r="GY37" s="117">
        <v>0</v>
      </c>
      <c r="GZ37" s="117">
        <v>0</v>
      </c>
      <c r="HA37" s="115">
        <v>0</v>
      </c>
      <c r="HB37" s="119">
        <v>0</v>
      </c>
      <c r="HC37" s="113">
        <v>182347</v>
      </c>
      <c r="HD37" s="117">
        <v>75866</v>
      </c>
      <c r="HE37" s="115">
        <v>258213</v>
      </c>
      <c r="HF37" s="114">
        <v>0</v>
      </c>
      <c r="HG37" s="117">
        <v>666283</v>
      </c>
      <c r="HH37" s="117">
        <v>926834</v>
      </c>
      <c r="HI37" s="117">
        <v>1301071</v>
      </c>
      <c r="HJ37" s="117">
        <v>1598374</v>
      </c>
      <c r="HK37" s="117">
        <v>724552</v>
      </c>
      <c r="HL37" s="116">
        <v>5217114</v>
      </c>
      <c r="HM37" s="112">
        <v>5475327</v>
      </c>
      <c r="HN37" s="118">
        <v>118260</v>
      </c>
      <c r="HO37" s="117">
        <v>225193</v>
      </c>
      <c r="HP37" s="116">
        <v>343453</v>
      </c>
      <c r="HQ37" s="113">
        <v>0</v>
      </c>
      <c r="HR37" s="117">
        <v>1933352</v>
      </c>
      <c r="HS37" s="117">
        <v>1481590</v>
      </c>
      <c r="HT37" s="117">
        <v>728481</v>
      </c>
      <c r="HU37" s="117">
        <v>552524</v>
      </c>
      <c r="HV37" s="117">
        <v>302023</v>
      </c>
      <c r="HW37" s="115">
        <v>4997970</v>
      </c>
      <c r="HX37" s="119">
        <v>5341423</v>
      </c>
      <c r="HY37" s="148">
        <v>0</v>
      </c>
      <c r="HZ37" s="149">
        <v>0</v>
      </c>
      <c r="IA37" s="150">
        <v>0</v>
      </c>
      <c r="IB37" s="162">
        <v>0</v>
      </c>
      <c r="IC37" s="149">
        <v>3447239</v>
      </c>
      <c r="ID37" s="163">
        <v>4223565</v>
      </c>
      <c r="IE37" s="150">
        <v>6716786</v>
      </c>
      <c r="IF37" s="149">
        <v>6492372</v>
      </c>
      <c r="IG37" s="150">
        <v>2831887</v>
      </c>
      <c r="IH37" s="164">
        <v>23711849</v>
      </c>
      <c r="II37" s="156">
        <v>23711849</v>
      </c>
      <c r="IJ37" s="259">
        <v>0</v>
      </c>
      <c r="IK37" s="266">
        <v>0</v>
      </c>
      <c r="IL37" s="267">
        <v>0</v>
      </c>
      <c r="IM37" s="157"/>
      <c r="IN37" s="123">
        <v>180623</v>
      </c>
      <c r="IO37" s="123">
        <v>0</v>
      </c>
      <c r="IP37" s="123">
        <v>341946</v>
      </c>
      <c r="IQ37" s="123">
        <v>326664</v>
      </c>
      <c r="IR37" s="123">
        <v>0</v>
      </c>
      <c r="IS37" s="158">
        <v>849233</v>
      </c>
      <c r="IT37" s="360">
        <v>849233</v>
      </c>
      <c r="IU37" s="159">
        <v>0</v>
      </c>
      <c r="IV37" s="123">
        <v>0</v>
      </c>
      <c r="IW37" s="124">
        <v>0</v>
      </c>
      <c r="IX37" s="157"/>
      <c r="IY37" s="123">
        <v>0</v>
      </c>
      <c r="IZ37" s="123">
        <v>0</v>
      </c>
      <c r="JA37" s="123">
        <v>0</v>
      </c>
      <c r="JB37" s="123">
        <v>0</v>
      </c>
      <c r="JC37" s="123">
        <v>0</v>
      </c>
      <c r="JD37" s="124">
        <v>0</v>
      </c>
      <c r="JE37" s="125">
        <v>0</v>
      </c>
      <c r="JF37" s="159">
        <v>0</v>
      </c>
      <c r="JG37" s="123">
        <v>0</v>
      </c>
      <c r="JH37" s="158">
        <v>0</v>
      </c>
      <c r="JI37" s="122">
        <v>0</v>
      </c>
      <c r="JJ37" s="123">
        <v>2565493</v>
      </c>
      <c r="JK37" s="123">
        <v>1996868</v>
      </c>
      <c r="JL37" s="123">
        <v>756710</v>
      </c>
      <c r="JM37" s="123">
        <v>415599</v>
      </c>
      <c r="JN37" s="123">
        <v>59251</v>
      </c>
      <c r="JO37" s="124">
        <v>5793921</v>
      </c>
      <c r="JP37" s="360">
        <v>5793921</v>
      </c>
      <c r="JQ37" s="159">
        <v>0</v>
      </c>
      <c r="JR37" s="123">
        <v>0</v>
      </c>
      <c r="JS37" s="158">
        <v>0</v>
      </c>
      <c r="JT37" s="122">
        <v>0</v>
      </c>
      <c r="JU37" s="123">
        <v>76920</v>
      </c>
      <c r="JV37" s="123">
        <v>0</v>
      </c>
      <c r="JW37" s="123">
        <v>168651</v>
      </c>
      <c r="JX37" s="123">
        <v>0</v>
      </c>
      <c r="JY37" s="123">
        <v>260196</v>
      </c>
      <c r="JZ37" s="124">
        <v>505767</v>
      </c>
      <c r="KA37" s="360">
        <v>505767</v>
      </c>
      <c r="KB37" s="262">
        <v>0</v>
      </c>
      <c r="KC37" s="256">
        <v>0</v>
      </c>
      <c r="KD37" s="124">
        <v>0</v>
      </c>
      <c r="KE37" s="122">
        <v>0</v>
      </c>
      <c r="KF37" s="123">
        <v>124839</v>
      </c>
      <c r="KG37" s="123">
        <v>0</v>
      </c>
      <c r="KH37" s="123">
        <v>489645</v>
      </c>
      <c r="KI37" s="123">
        <v>535383</v>
      </c>
      <c r="KJ37" s="123">
        <v>0</v>
      </c>
      <c r="KK37" s="124">
        <v>1149867</v>
      </c>
      <c r="KL37" s="160">
        <v>1149867</v>
      </c>
      <c r="KM37" s="259">
        <v>0</v>
      </c>
      <c r="KN37" s="266">
        <v>0</v>
      </c>
      <c r="KO37" s="267">
        <v>0</v>
      </c>
      <c r="KP37" s="157"/>
      <c r="KQ37" s="123">
        <v>499364</v>
      </c>
      <c r="KR37" s="123">
        <v>2069022</v>
      </c>
      <c r="KS37" s="123">
        <v>2895567</v>
      </c>
      <c r="KT37" s="123">
        <v>1908360</v>
      </c>
      <c r="KU37" s="123">
        <v>1545149</v>
      </c>
      <c r="KV37" s="124">
        <v>8917462</v>
      </c>
      <c r="KW37" s="360">
        <v>8917462</v>
      </c>
      <c r="KX37" s="159">
        <v>0</v>
      </c>
      <c r="KY37" s="123">
        <v>0</v>
      </c>
      <c r="KZ37" s="124">
        <v>0</v>
      </c>
      <c r="LA37" s="157"/>
      <c r="LB37" s="123">
        <v>0</v>
      </c>
      <c r="LC37" s="123">
        <v>0</v>
      </c>
      <c r="LD37" s="123">
        <v>0</v>
      </c>
      <c r="LE37" s="123">
        <v>0</v>
      </c>
      <c r="LF37" s="123">
        <v>0</v>
      </c>
      <c r="LG37" s="124">
        <v>0</v>
      </c>
      <c r="LH37" s="125">
        <v>0</v>
      </c>
      <c r="LI37" s="159">
        <v>0</v>
      </c>
      <c r="LJ37" s="123">
        <v>0</v>
      </c>
      <c r="LK37" s="124">
        <v>0</v>
      </c>
      <c r="LL37" s="157"/>
      <c r="LM37" s="123">
        <v>0</v>
      </c>
      <c r="LN37" s="123">
        <v>157675</v>
      </c>
      <c r="LO37" s="123">
        <v>2064267</v>
      </c>
      <c r="LP37" s="123">
        <v>3306366</v>
      </c>
      <c r="LQ37" s="123">
        <v>967291</v>
      </c>
      <c r="LR37" s="124">
        <v>6495599</v>
      </c>
      <c r="LS37" s="360">
        <v>6495599</v>
      </c>
      <c r="LT37" s="159">
        <v>0</v>
      </c>
      <c r="LU37" s="123">
        <v>0</v>
      </c>
      <c r="LV37" s="124">
        <v>0</v>
      </c>
      <c r="LW37" s="157"/>
      <c r="LX37" s="123">
        <v>0</v>
      </c>
      <c r="LY37" s="123">
        <v>0</v>
      </c>
      <c r="LZ37" s="123">
        <v>0</v>
      </c>
      <c r="MA37" s="123">
        <v>0</v>
      </c>
      <c r="MB37" s="123">
        <v>0</v>
      </c>
      <c r="MC37" s="124">
        <v>0</v>
      </c>
      <c r="MD37" s="125">
        <v>0</v>
      </c>
      <c r="ME37" s="159">
        <v>0</v>
      </c>
      <c r="MF37" s="123">
        <v>0</v>
      </c>
      <c r="MG37" s="124">
        <v>0</v>
      </c>
      <c r="MH37" s="157"/>
      <c r="MI37" s="123">
        <v>952785</v>
      </c>
      <c r="MJ37" s="123">
        <v>2454583</v>
      </c>
      <c r="MK37" s="123">
        <v>6864001</v>
      </c>
      <c r="ML37" s="123">
        <v>9546988</v>
      </c>
      <c r="MM37" s="123">
        <v>4228347</v>
      </c>
      <c r="MN37" s="124">
        <v>24046704</v>
      </c>
      <c r="MO37" s="160">
        <v>24046704</v>
      </c>
      <c r="MP37" s="159">
        <v>0</v>
      </c>
      <c r="MQ37" s="123">
        <v>0</v>
      </c>
      <c r="MR37" s="124">
        <v>0</v>
      </c>
      <c r="MS37" s="157"/>
      <c r="MT37" s="123">
        <v>226386</v>
      </c>
      <c r="MU37" s="123">
        <v>259828</v>
      </c>
      <c r="MV37" s="123">
        <v>2789370</v>
      </c>
      <c r="MW37" s="123">
        <v>6250577</v>
      </c>
      <c r="MX37" s="123">
        <v>1714668</v>
      </c>
      <c r="MY37" s="124">
        <v>11240829</v>
      </c>
      <c r="MZ37" s="160">
        <v>11240829</v>
      </c>
      <c r="NA37" s="159">
        <v>0</v>
      </c>
      <c r="NB37" s="123">
        <v>0</v>
      </c>
      <c r="NC37" s="124">
        <v>0</v>
      </c>
      <c r="ND37" s="157"/>
      <c r="NE37" s="123">
        <v>726399</v>
      </c>
      <c r="NF37" s="123">
        <v>2194755</v>
      </c>
      <c r="NG37" s="123">
        <v>4074631</v>
      </c>
      <c r="NH37" s="123">
        <v>3296411</v>
      </c>
      <c r="NI37" s="123">
        <v>2513679</v>
      </c>
      <c r="NJ37" s="124">
        <v>12805875</v>
      </c>
      <c r="NK37" s="360">
        <v>12805875</v>
      </c>
      <c r="NL37" s="159">
        <v>0</v>
      </c>
      <c r="NM37" s="123">
        <v>0</v>
      </c>
      <c r="NN37" s="124">
        <v>0</v>
      </c>
      <c r="NO37" s="157"/>
      <c r="NP37" s="123">
        <v>0</v>
      </c>
      <c r="NQ37" s="123">
        <v>0</v>
      </c>
      <c r="NR37" s="123">
        <v>0</v>
      </c>
      <c r="NS37" s="123">
        <v>0</v>
      </c>
      <c r="NT37" s="123">
        <v>0</v>
      </c>
      <c r="NU37" s="124">
        <v>0</v>
      </c>
      <c r="NV37" s="125">
        <v>0</v>
      </c>
      <c r="NW37" s="159">
        <v>0</v>
      </c>
      <c r="NX37" s="123">
        <v>0</v>
      </c>
      <c r="NY37" s="124">
        <v>0</v>
      </c>
      <c r="NZ37" s="157"/>
      <c r="OA37" s="123">
        <v>0</v>
      </c>
      <c r="OB37" s="123">
        <v>0</v>
      </c>
      <c r="OC37" s="123">
        <v>0</v>
      </c>
      <c r="OD37" s="123">
        <v>0</v>
      </c>
      <c r="OE37" s="123">
        <v>0</v>
      </c>
      <c r="OF37" s="124">
        <v>0</v>
      </c>
      <c r="OG37" s="125">
        <v>0</v>
      </c>
      <c r="OH37" s="159">
        <v>594985</v>
      </c>
      <c r="OI37" s="123">
        <v>880801</v>
      </c>
      <c r="OJ37" s="158">
        <v>1475786</v>
      </c>
      <c r="OK37" s="122">
        <v>0</v>
      </c>
      <c r="OL37" s="123">
        <v>13488757</v>
      </c>
      <c r="OM37" s="123">
        <v>17817595</v>
      </c>
      <c r="ON37" s="123">
        <v>21916150</v>
      </c>
      <c r="OO37" s="123">
        <v>23417344</v>
      </c>
      <c r="OP37" s="123">
        <v>12150908</v>
      </c>
      <c r="OQ37" s="124">
        <v>88790754</v>
      </c>
      <c r="OR37" s="160">
        <v>90266540</v>
      </c>
    </row>
    <row r="38" spans="1:408" ht="18.75" customHeight="1" x14ac:dyDescent="0.2">
      <c r="A38" s="63" t="s">
        <v>33</v>
      </c>
      <c r="B38" s="113">
        <v>1039549</v>
      </c>
      <c r="C38" s="117">
        <v>2755221</v>
      </c>
      <c r="D38" s="116">
        <v>3794770</v>
      </c>
      <c r="E38" s="112">
        <v>0</v>
      </c>
      <c r="F38" s="117">
        <v>8654288</v>
      </c>
      <c r="G38" s="117">
        <v>8176110</v>
      </c>
      <c r="H38" s="117">
        <v>5654246</v>
      </c>
      <c r="I38" s="117">
        <v>4834124</v>
      </c>
      <c r="J38" s="117">
        <v>3979421</v>
      </c>
      <c r="K38" s="198">
        <v>31298189</v>
      </c>
      <c r="L38" s="119">
        <v>35092959</v>
      </c>
      <c r="M38" s="113">
        <v>237924</v>
      </c>
      <c r="N38" s="117">
        <v>1131845</v>
      </c>
      <c r="O38" s="116">
        <v>1369769</v>
      </c>
      <c r="P38" s="113">
        <v>0</v>
      </c>
      <c r="Q38" s="117">
        <v>2894239</v>
      </c>
      <c r="R38" s="117">
        <v>2222732</v>
      </c>
      <c r="S38" s="117">
        <v>1541326</v>
      </c>
      <c r="T38" s="117">
        <v>1810039</v>
      </c>
      <c r="U38" s="117">
        <v>1871522</v>
      </c>
      <c r="V38" s="116">
        <v>10339858</v>
      </c>
      <c r="W38" s="119">
        <v>11709627</v>
      </c>
      <c r="X38" s="113">
        <v>0</v>
      </c>
      <c r="Y38" s="117">
        <v>0</v>
      </c>
      <c r="Z38" s="116">
        <v>0</v>
      </c>
      <c r="AA38" s="113">
        <v>0</v>
      </c>
      <c r="AB38" s="117">
        <v>1283799</v>
      </c>
      <c r="AC38" s="117">
        <v>1036060</v>
      </c>
      <c r="AD38" s="117">
        <v>627262</v>
      </c>
      <c r="AE38" s="117">
        <v>1038568</v>
      </c>
      <c r="AF38" s="117">
        <v>1110685</v>
      </c>
      <c r="AG38" s="116">
        <v>5096374</v>
      </c>
      <c r="AH38" s="119">
        <v>5096374</v>
      </c>
      <c r="AI38" s="113">
        <v>0</v>
      </c>
      <c r="AJ38" s="117">
        <v>0</v>
      </c>
      <c r="AK38" s="116">
        <v>0</v>
      </c>
      <c r="AL38" s="113">
        <v>0</v>
      </c>
      <c r="AM38" s="117">
        <v>0</v>
      </c>
      <c r="AN38" s="117">
        <v>26821</v>
      </c>
      <c r="AO38" s="117">
        <v>126639</v>
      </c>
      <c r="AP38" s="117">
        <v>150048</v>
      </c>
      <c r="AQ38" s="117">
        <v>218481</v>
      </c>
      <c r="AR38" s="116">
        <v>521989</v>
      </c>
      <c r="AS38" s="119">
        <v>521989</v>
      </c>
      <c r="AT38" s="113">
        <v>0</v>
      </c>
      <c r="AU38" s="117">
        <v>43661</v>
      </c>
      <c r="AV38" s="116">
        <v>43661</v>
      </c>
      <c r="AW38" s="113">
        <v>0</v>
      </c>
      <c r="AX38" s="117">
        <v>461740</v>
      </c>
      <c r="AY38" s="117">
        <v>312751</v>
      </c>
      <c r="AZ38" s="117">
        <v>303375</v>
      </c>
      <c r="BA38" s="117">
        <v>278241</v>
      </c>
      <c r="BB38" s="117">
        <v>357053</v>
      </c>
      <c r="BC38" s="116">
        <v>1713160</v>
      </c>
      <c r="BD38" s="119">
        <v>1756821</v>
      </c>
      <c r="BE38" s="113">
        <v>109314</v>
      </c>
      <c r="BF38" s="117">
        <v>969087</v>
      </c>
      <c r="BG38" s="115">
        <v>1078401</v>
      </c>
      <c r="BH38" s="114">
        <v>0</v>
      </c>
      <c r="BI38" s="117">
        <v>826276</v>
      </c>
      <c r="BJ38" s="117">
        <v>463750</v>
      </c>
      <c r="BK38" s="117">
        <v>212952</v>
      </c>
      <c r="BL38" s="117">
        <v>204996</v>
      </c>
      <c r="BM38" s="117">
        <v>60162</v>
      </c>
      <c r="BN38" s="116">
        <v>1768136</v>
      </c>
      <c r="BO38" s="119">
        <v>2846537</v>
      </c>
      <c r="BP38" s="113">
        <v>128610</v>
      </c>
      <c r="BQ38" s="117">
        <v>119097</v>
      </c>
      <c r="BR38" s="116">
        <v>247707</v>
      </c>
      <c r="BS38" s="113">
        <v>0</v>
      </c>
      <c r="BT38" s="117">
        <v>322424</v>
      </c>
      <c r="BU38" s="117">
        <v>383350</v>
      </c>
      <c r="BV38" s="117">
        <v>271098</v>
      </c>
      <c r="BW38" s="117">
        <v>138186</v>
      </c>
      <c r="BX38" s="117">
        <v>125141</v>
      </c>
      <c r="BY38" s="116">
        <v>1240199</v>
      </c>
      <c r="BZ38" s="119">
        <v>1487906</v>
      </c>
      <c r="CA38" s="113">
        <v>190711</v>
      </c>
      <c r="CB38" s="117">
        <v>578043</v>
      </c>
      <c r="CC38" s="116">
        <v>768754</v>
      </c>
      <c r="CD38" s="113">
        <v>0</v>
      </c>
      <c r="CE38" s="117">
        <v>1459241</v>
      </c>
      <c r="CF38" s="117">
        <v>1348290</v>
      </c>
      <c r="CG38" s="117">
        <v>744010</v>
      </c>
      <c r="CH38" s="117">
        <v>593867</v>
      </c>
      <c r="CI38" s="117">
        <v>403967</v>
      </c>
      <c r="CJ38" s="116">
        <v>4549375</v>
      </c>
      <c r="CK38" s="119">
        <v>5318129</v>
      </c>
      <c r="CL38" s="113">
        <v>0</v>
      </c>
      <c r="CM38" s="117">
        <v>0</v>
      </c>
      <c r="CN38" s="116">
        <v>0</v>
      </c>
      <c r="CO38" s="114">
        <v>0</v>
      </c>
      <c r="CP38" s="117">
        <v>613458</v>
      </c>
      <c r="CQ38" s="117">
        <v>277812</v>
      </c>
      <c r="CR38" s="117">
        <v>371405</v>
      </c>
      <c r="CS38" s="117">
        <v>593867</v>
      </c>
      <c r="CT38" s="117">
        <v>307477</v>
      </c>
      <c r="CU38" s="116">
        <v>2164019</v>
      </c>
      <c r="CV38" s="119">
        <v>2164019</v>
      </c>
      <c r="CW38" s="113">
        <v>190711</v>
      </c>
      <c r="CX38" s="117">
        <v>578043</v>
      </c>
      <c r="CY38" s="116">
        <v>768754</v>
      </c>
      <c r="CZ38" s="113">
        <v>0</v>
      </c>
      <c r="DA38" s="117">
        <v>845783</v>
      </c>
      <c r="DB38" s="117">
        <v>1070478</v>
      </c>
      <c r="DC38" s="117">
        <v>372605</v>
      </c>
      <c r="DD38" s="117">
        <v>0</v>
      </c>
      <c r="DE38" s="117">
        <v>96490</v>
      </c>
      <c r="DF38" s="116">
        <v>2385356</v>
      </c>
      <c r="DG38" s="119">
        <v>3154110</v>
      </c>
      <c r="DH38" s="113">
        <v>0</v>
      </c>
      <c r="DI38" s="117">
        <v>0</v>
      </c>
      <c r="DJ38" s="115">
        <v>0</v>
      </c>
      <c r="DK38" s="114">
        <v>0</v>
      </c>
      <c r="DL38" s="117">
        <v>413453</v>
      </c>
      <c r="DM38" s="117">
        <v>353954</v>
      </c>
      <c r="DN38" s="117">
        <v>422160</v>
      </c>
      <c r="DO38" s="117">
        <v>626899</v>
      </c>
      <c r="DP38" s="117">
        <v>86289</v>
      </c>
      <c r="DQ38" s="116">
        <v>1902755</v>
      </c>
      <c r="DR38" s="119">
        <v>1902755</v>
      </c>
      <c r="DS38" s="113">
        <v>0</v>
      </c>
      <c r="DT38" s="117">
        <v>0</v>
      </c>
      <c r="DU38" s="116">
        <v>0</v>
      </c>
      <c r="DV38" s="113">
        <v>0</v>
      </c>
      <c r="DW38" s="117">
        <v>142136</v>
      </c>
      <c r="DX38" s="117">
        <v>167444</v>
      </c>
      <c r="DY38" s="117">
        <v>133877</v>
      </c>
      <c r="DZ38" s="117">
        <v>626899</v>
      </c>
      <c r="EA38" s="117">
        <v>86289</v>
      </c>
      <c r="EB38" s="116">
        <v>1156645</v>
      </c>
      <c r="EC38" s="119">
        <v>1156645</v>
      </c>
      <c r="ED38" s="113">
        <v>0</v>
      </c>
      <c r="EE38" s="115">
        <v>0</v>
      </c>
      <c r="EF38" s="116">
        <v>0</v>
      </c>
      <c r="EG38" s="113">
        <v>0</v>
      </c>
      <c r="EH38" s="117">
        <v>271317</v>
      </c>
      <c r="EI38" s="117">
        <v>186510</v>
      </c>
      <c r="EJ38" s="117">
        <v>288283</v>
      </c>
      <c r="EK38" s="117">
        <v>0</v>
      </c>
      <c r="EL38" s="117">
        <v>0</v>
      </c>
      <c r="EM38" s="115">
        <v>746110</v>
      </c>
      <c r="EN38" s="119">
        <v>746110</v>
      </c>
      <c r="EO38" s="113">
        <v>0</v>
      </c>
      <c r="EP38" s="117">
        <v>0</v>
      </c>
      <c r="EQ38" s="115">
        <v>0</v>
      </c>
      <c r="ER38" s="114">
        <v>0</v>
      </c>
      <c r="ES38" s="117">
        <v>0</v>
      </c>
      <c r="ET38" s="117">
        <v>0</v>
      </c>
      <c r="EU38" s="117">
        <v>0</v>
      </c>
      <c r="EV38" s="117">
        <v>0</v>
      </c>
      <c r="EW38" s="117">
        <v>0</v>
      </c>
      <c r="EX38" s="116">
        <v>0</v>
      </c>
      <c r="EY38" s="119">
        <v>0</v>
      </c>
      <c r="EZ38" s="113">
        <v>0</v>
      </c>
      <c r="FA38" s="117">
        <v>0</v>
      </c>
      <c r="FB38" s="115">
        <v>0</v>
      </c>
      <c r="FC38" s="395">
        <v>0</v>
      </c>
      <c r="FD38" s="117">
        <v>0</v>
      </c>
      <c r="FE38" s="117">
        <v>0</v>
      </c>
      <c r="FF38" s="117">
        <v>0</v>
      </c>
      <c r="FG38" s="117">
        <v>0</v>
      </c>
      <c r="FH38" s="117">
        <v>0</v>
      </c>
      <c r="FI38" s="116">
        <v>0</v>
      </c>
      <c r="FJ38" s="119">
        <v>0</v>
      </c>
      <c r="FK38" s="113">
        <v>216906</v>
      </c>
      <c r="FL38" s="117">
        <v>235007</v>
      </c>
      <c r="FM38" s="116">
        <v>451913</v>
      </c>
      <c r="FN38" s="113">
        <v>0</v>
      </c>
      <c r="FO38" s="117">
        <v>670080</v>
      </c>
      <c r="FP38" s="117">
        <v>610641</v>
      </c>
      <c r="FQ38" s="117">
        <v>359237</v>
      </c>
      <c r="FR38" s="117">
        <v>246807</v>
      </c>
      <c r="FS38" s="117">
        <v>339542</v>
      </c>
      <c r="FT38" s="116">
        <v>2226307</v>
      </c>
      <c r="FU38" s="119">
        <v>2678220</v>
      </c>
      <c r="FV38" s="118">
        <v>143466</v>
      </c>
      <c r="FW38" s="117">
        <v>219662</v>
      </c>
      <c r="FX38" s="115">
        <v>363128</v>
      </c>
      <c r="FY38" s="114">
        <v>0</v>
      </c>
      <c r="FZ38" s="117">
        <v>433280</v>
      </c>
      <c r="GA38" s="117">
        <v>610641</v>
      </c>
      <c r="GB38" s="117">
        <v>309341</v>
      </c>
      <c r="GC38" s="117">
        <v>232407</v>
      </c>
      <c r="GD38" s="117">
        <v>300734</v>
      </c>
      <c r="GE38" s="116">
        <v>1886403</v>
      </c>
      <c r="GF38" s="357">
        <v>2249531</v>
      </c>
      <c r="GG38" s="118">
        <v>26730</v>
      </c>
      <c r="GH38" s="117">
        <v>15345</v>
      </c>
      <c r="GI38" s="115">
        <v>42075</v>
      </c>
      <c r="GJ38" s="114">
        <v>0</v>
      </c>
      <c r="GK38" s="117">
        <v>0</v>
      </c>
      <c r="GL38" s="117">
        <v>0</v>
      </c>
      <c r="GM38" s="117">
        <v>49896</v>
      </c>
      <c r="GN38" s="117">
        <v>0</v>
      </c>
      <c r="GO38" s="117">
        <v>38808</v>
      </c>
      <c r="GP38" s="116">
        <v>88704</v>
      </c>
      <c r="GQ38" s="119">
        <v>130779</v>
      </c>
      <c r="GR38" s="113">
        <v>46710</v>
      </c>
      <c r="GS38" s="117">
        <v>0</v>
      </c>
      <c r="GT38" s="116">
        <v>46710</v>
      </c>
      <c r="GU38" s="113">
        <v>0</v>
      </c>
      <c r="GV38" s="117">
        <v>236800</v>
      </c>
      <c r="GW38" s="117">
        <v>0</v>
      </c>
      <c r="GX38" s="117">
        <v>0</v>
      </c>
      <c r="GY38" s="117">
        <v>14400</v>
      </c>
      <c r="GZ38" s="117">
        <v>0</v>
      </c>
      <c r="HA38" s="115">
        <v>251200</v>
      </c>
      <c r="HB38" s="119">
        <v>297910</v>
      </c>
      <c r="HC38" s="113">
        <v>233814</v>
      </c>
      <c r="HD38" s="117">
        <v>563673</v>
      </c>
      <c r="HE38" s="115">
        <v>797487</v>
      </c>
      <c r="HF38" s="114">
        <v>0</v>
      </c>
      <c r="HG38" s="117">
        <v>1924426</v>
      </c>
      <c r="HH38" s="117">
        <v>2841360</v>
      </c>
      <c r="HI38" s="117">
        <v>2240794</v>
      </c>
      <c r="HJ38" s="117">
        <v>1286404</v>
      </c>
      <c r="HK38" s="117">
        <v>1019720</v>
      </c>
      <c r="HL38" s="116">
        <v>9312704</v>
      </c>
      <c r="HM38" s="112">
        <v>10110191</v>
      </c>
      <c r="HN38" s="118">
        <v>160194</v>
      </c>
      <c r="HO38" s="117">
        <v>246653</v>
      </c>
      <c r="HP38" s="116">
        <v>406847</v>
      </c>
      <c r="HQ38" s="113">
        <v>0</v>
      </c>
      <c r="HR38" s="117">
        <v>1292849</v>
      </c>
      <c r="HS38" s="117">
        <v>799133</v>
      </c>
      <c r="HT38" s="117">
        <v>346719</v>
      </c>
      <c r="HU38" s="117">
        <v>270108</v>
      </c>
      <c r="HV38" s="117">
        <v>258381</v>
      </c>
      <c r="HW38" s="115">
        <v>2967190</v>
      </c>
      <c r="HX38" s="119">
        <v>3374037</v>
      </c>
      <c r="HY38" s="166">
        <v>0</v>
      </c>
      <c r="HZ38" s="152">
        <v>240278</v>
      </c>
      <c r="IA38" s="166">
        <v>240278</v>
      </c>
      <c r="IB38" s="162">
        <v>0</v>
      </c>
      <c r="IC38" s="149">
        <v>3149558</v>
      </c>
      <c r="ID38" s="163">
        <v>2991169</v>
      </c>
      <c r="IE38" s="150">
        <v>5090322</v>
      </c>
      <c r="IF38" s="149">
        <v>1660868</v>
      </c>
      <c r="IG38" s="150">
        <v>1034989</v>
      </c>
      <c r="IH38" s="164">
        <v>13926906</v>
      </c>
      <c r="II38" s="166">
        <v>14167184</v>
      </c>
      <c r="IJ38" s="259">
        <v>0</v>
      </c>
      <c r="IK38" s="266">
        <v>0</v>
      </c>
      <c r="IL38" s="267">
        <v>0</v>
      </c>
      <c r="IM38" s="157"/>
      <c r="IN38" s="123">
        <v>0</v>
      </c>
      <c r="IO38" s="123">
        <v>0</v>
      </c>
      <c r="IP38" s="123">
        <v>0</v>
      </c>
      <c r="IQ38" s="123">
        <v>0</v>
      </c>
      <c r="IR38" s="123">
        <v>0</v>
      </c>
      <c r="IS38" s="158">
        <v>0</v>
      </c>
      <c r="IT38" s="360">
        <v>0</v>
      </c>
      <c r="IU38" s="159">
        <v>0</v>
      </c>
      <c r="IV38" s="123">
        <v>0</v>
      </c>
      <c r="IW38" s="124">
        <v>0</v>
      </c>
      <c r="IX38" s="157"/>
      <c r="IY38" s="123">
        <v>0</v>
      </c>
      <c r="IZ38" s="123">
        <v>0</v>
      </c>
      <c r="JA38" s="123">
        <v>0</v>
      </c>
      <c r="JB38" s="123">
        <v>0</v>
      </c>
      <c r="JC38" s="123">
        <v>0</v>
      </c>
      <c r="JD38" s="124">
        <v>0</v>
      </c>
      <c r="JE38" s="125">
        <v>0</v>
      </c>
      <c r="JF38" s="159">
        <v>0</v>
      </c>
      <c r="JG38" s="123">
        <v>0</v>
      </c>
      <c r="JH38" s="158">
        <v>0</v>
      </c>
      <c r="JI38" s="122">
        <v>0</v>
      </c>
      <c r="JJ38" s="123">
        <v>1747166</v>
      </c>
      <c r="JK38" s="123">
        <v>699643</v>
      </c>
      <c r="JL38" s="123">
        <v>386416</v>
      </c>
      <c r="JM38" s="123">
        <v>468024</v>
      </c>
      <c r="JN38" s="123">
        <v>116994</v>
      </c>
      <c r="JO38" s="124">
        <v>3418243</v>
      </c>
      <c r="JP38" s="360">
        <v>3418243</v>
      </c>
      <c r="JQ38" s="159">
        <v>0</v>
      </c>
      <c r="JR38" s="123">
        <v>0</v>
      </c>
      <c r="JS38" s="158">
        <v>0</v>
      </c>
      <c r="JT38" s="122">
        <v>0</v>
      </c>
      <c r="JU38" s="123">
        <v>72972</v>
      </c>
      <c r="JV38" s="123">
        <v>0</v>
      </c>
      <c r="JW38" s="123">
        <v>0</v>
      </c>
      <c r="JX38" s="123">
        <v>0</v>
      </c>
      <c r="JY38" s="123">
        <v>0</v>
      </c>
      <c r="JZ38" s="124">
        <v>72972</v>
      </c>
      <c r="KA38" s="360">
        <v>72972</v>
      </c>
      <c r="KB38" s="262">
        <v>0</v>
      </c>
      <c r="KC38" s="256">
        <v>0</v>
      </c>
      <c r="KD38" s="124">
        <v>0</v>
      </c>
      <c r="KE38" s="122">
        <v>0</v>
      </c>
      <c r="KF38" s="123">
        <v>0</v>
      </c>
      <c r="KG38" s="123">
        <v>0</v>
      </c>
      <c r="KH38" s="123">
        <v>0</v>
      </c>
      <c r="KI38" s="123">
        <v>0</v>
      </c>
      <c r="KJ38" s="123">
        <v>0</v>
      </c>
      <c r="KK38" s="124">
        <v>0</v>
      </c>
      <c r="KL38" s="160">
        <v>0</v>
      </c>
      <c r="KM38" s="259">
        <v>0</v>
      </c>
      <c r="KN38" s="266">
        <v>240278</v>
      </c>
      <c r="KO38" s="267">
        <v>240278</v>
      </c>
      <c r="KP38" s="157"/>
      <c r="KQ38" s="123">
        <v>750948</v>
      </c>
      <c r="KR38" s="123">
        <v>795933</v>
      </c>
      <c r="KS38" s="123">
        <v>2153698</v>
      </c>
      <c r="KT38" s="123">
        <v>278132</v>
      </c>
      <c r="KU38" s="123">
        <v>567180</v>
      </c>
      <c r="KV38" s="124">
        <v>4545891</v>
      </c>
      <c r="KW38" s="360">
        <v>4786169</v>
      </c>
      <c r="KX38" s="159">
        <v>0</v>
      </c>
      <c r="KY38" s="123">
        <v>0</v>
      </c>
      <c r="KZ38" s="124">
        <v>0</v>
      </c>
      <c r="LA38" s="157"/>
      <c r="LB38" s="123">
        <v>0</v>
      </c>
      <c r="LC38" s="123">
        <v>0</v>
      </c>
      <c r="LD38" s="123">
        <v>0</v>
      </c>
      <c r="LE38" s="123">
        <v>0</v>
      </c>
      <c r="LF38" s="123">
        <v>0</v>
      </c>
      <c r="LG38" s="124">
        <v>0</v>
      </c>
      <c r="LH38" s="125">
        <v>0</v>
      </c>
      <c r="LI38" s="159">
        <v>0</v>
      </c>
      <c r="LJ38" s="123">
        <v>0</v>
      </c>
      <c r="LK38" s="124">
        <v>0</v>
      </c>
      <c r="LL38" s="157"/>
      <c r="LM38" s="123">
        <v>0</v>
      </c>
      <c r="LN38" s="123">
        <v>0</v>
      </c>
      <c r="LO38" s="123">
        <v>0</v>
      </c>
      <c r="LP38" s="123">
        <v>0</v>
      </c>
      <c r="LQ38" s="123">
        <v>0</v>
      </c>
      <c r="LR38" s="124">
        <v>0</v>
      </c>
      <c r="LS38" s="360">
        <v>0</v>
      </c>
      <c r="LT38" s="159">
        <v>0</v>
      </c>
      <c r="LU38" s="123">
        <v>0</v>
      </c>
      <c r="LV38" s="124">
        <v>0</v>
      </c>
      <c r="LW38" s="157"/>
      <c r="LX38" s="123">
        <v>578472</v>
      </c>
      <c r="LY38" s="123">
        <v>1495593</v>
      </c>
      <c r="LZ38" s="123">
        <v>2550208</v>
      </c>
      <c r="MA38" s="123">
        <v>914712</v>
      </c>
      <c r="MB38" s="123">
        <v>350815</v>
      </c>
      <c r="MC38" s="124">
        <v>5889800</v>
      </c>
      <c r="MD38" s="125">
        <v>5889800</v>
      </c>
      <c r="ME38" s="159">
        <v>0</v>
      </c>
      <c r="MF38" s="123">
        <v>0</v>
      </c>
      <c r="MG38" s="124">
        <v>0</v>
      </c>
      <c r="MH38" s="157"/>
      <c r="MI38" s="123">
        <v>3451207</v>
      </c>
      <c r="MJ38" s="123">
        <v>4865799</v>
      </c>
      <c r="MK38" s="123">
        <v>13433694</v>
      </c>
      <c r="ML38" s="123">
        <v>14800772</v>
      </c>
      <c r="MM38" s="123">
        <v>14253388</v>
      </c>
      <c r="MN38" s="124">
        <v>50804860</v>
      </c>
      <c r="MO38" s="160">
        <v>50804860</v>
      </c>
      <c r="MP38" s="159">
        <v>0</v>
      </c>
      <c r="MQ38" s="123">
        <v>0</v>
      </c>
      <c r="MR38" s="124">
        <v>0</v>
      </c>
      <c r="MS38" s="157"/>
      <c r="MT38" s="123">
        <v>0</v>
      </c>
      <c r="MU38" s="123">
        <v>1777136</v>
      </c>
      <c r="MV38" s="123">
        <v>7241405</v>
      </c>
      <c r="MW38" s="123">
        <v>7103275</v>
      </c>
      <c r="MX38" s="123">
        <v>9846557</v>
      </c>
      <c r="MY38" s="124">
        <v>25968373</v>
      </c>
      <c r="MZ38" s="160">
        <v>25968373</v>
      </c>
      <c r="NA38" s="159">
        <v>0</v>
      </c>
      <c r="NB38" s="123">
        <v>0</v>
      </c>
      <c r="NC38" s="124">
        <v>0</v>
      </c>
      <c r="ND38" s="157"/>
      <c r="NE38" s="123">
        <v>2644846</v>
      </c>
      <c r="NF38" s="123">
        <v>1946197</v>
      </c>
      <c r="NG38" s="123">
        <v>3814258</v>
      </c>
      <c r="NH38" s="123">
        <v>5789181</v>
      </c>
      <c r="NI38" s="123">
        <v>2122377</v>
      </c>
      <c r="NJ38" s="124">
        <v>16316859</v>
      </c>
      <c r="NK38" s="360">
        <v>16316859</v>
      </c>
      <c r="NL38" s="159">
        <v>0</v>
      </c>
      <c r="NM38" s="123">
        <v>0</v>
      </c>
      <c r="NN38" s="124">
        <v>0</v>
      </c>
      <c r="NO38" s="157"/>
      <c r="NP38" s="123">
        <v>0</v>
      </c>
      <c r="NQ38" s="123">
        <v>0</v>
      </c>
      <c r="NR38" s="123">
        <v>0</v>
      </c>
      <c r="NS38" s="123">
        <v>0</v>
      </c>
      <c r="NT38" s="123">
        <v>0</v>
      </c>
      <c r="NU38" s="124">
        <v>0</v>
      </c>
      <c r="NV38" s="125">
        <v>0</v>
      </c>
      <c r="NW38" s="159">
        <v>0</v>
      </c>
      <c r="NX38" s="123">
        <v>0</v>
      </c>
      <c r="NY38" s="124">
        <v>0</v>
      </c>
      <c r="NZ38" s="157"/>
      <c r="OA38" s="123">
        <v>806361</v>
      </c>
      <c r="OB38" s="123">
        <v>1142466</v>
      </c>
      <c r="OC38" s="123">
        <v>2378031</v>
      </c>
      <c r="OD38" s="123">
        <v>1908316</v>
      </c>
      <c r="OE38" s="123">
        <v>2284454</v>
      </c>
      <c r="OF38" s="124">
        <v>8519628</v>
      </c>
      <c r="OG38" s="125">
        <v>8519628</v>
      </c>
      <c r="OH38" s="159">
        <v>1039549</v>
      </c>
      <c r="OI38" s="123">
        <v>2995499</v>
      </c>
      <c r="OJ38" s="158">
        <v>4035048</v>
      </c>
      <c r="OK38" s="122">
        <v>0</v>
      </c>
      <c r="OL38" s="123">
        <v>15255053</v>
      </c>
      <c r="OM38" s="123">
        <v>16033078</v>
      </c>
      <c r="ON38" s="123">
        <v>24178262</v>
      </c>
      <c r="OO38" s="123">
        <v>21295764</v>
      </c>
      <c r="OP38" s="123">
        <v>19267798</v>
      </c>
      <c r="OQ38" s="124">
        <v>96029955</v>
      </c>
      <c r="OR38" s="160">
        <v>100065003</v>
      </c>
    </row>
    <row r="39" spans="1:408" ht="18.75" customHeight="1" x14ac:dyDescent="0.2">
      <c r="A39" s="63" t="s">
        <v>34</v>
      </c>
      <c r="B39" s="113">
        <v>322347</v>
      </c>
      <c r="C39" s="117">
        <v>876459</v>
      </c>
      <c r="D39" s="199">
        <v>1198806</v>
      </c>
      <c r="E39" s="200">
        <v>0</v>
      </c>
      <c r="F39" s="201">
        <v>7528255</v>
      </c>
      <c r="G39" s="201">
        <v>5124056</v>
      </c>
      <c r="H39" s="201">
        <v>4193091</v>
      </c>
      <c r="I39" s="201">
        <v>4537230</v>
      </c>
      <c r="J39" s="201">
        <v>3087632</v>
      </c>
      <c r="K39" s="202">
        <v>24470264</v>
      </c>
      <c r="L39" s="119">
        <v>25669070</v>
      </c>
      <c r="M39" s="113">
        <v>26748</v>
      </c>
      <c r="N39" s="117">
        <v>122039</v>
      </c>
      <c r="O39" s="116">
        <v>148787</v>
      </c>
      <c r="P39" s="113">
        <v>0</v>
      </c>
      <c r="Q39" s="117">
        <v>1445494</v>
      </c>
      <c r="R39" s="117">
        <v>924668</v>
      </c>
      <c r="S39" s="117">
        <v>683861</v>
      </c>
      <c r="T39" s="117">
        <v>1041387</v>
      </c>
      <c r="U39" s="117">
        <v>1951727</v>
      </c>
      <c r="V39" s="116">
        <v>6047137</v>
      </c>
      <c r="W39" s="119">
        <v>6195924</v>
      </c>
      <c r="X39" s="113">
        <v>0</v>
      </c>
      <c r="Y39" s="117">
        <v>0</v>
      </c>
      <c r="Z39" s="116">
        <v>0</v>
      </c>
      <c r="AA39" s="113">
        <v>0</v>
      </c>
      <c r="AB39" s="117">
        <v>586758</v>
      </c>
      <c r="AC39" s="117">
        <v>380060</v>
      </c>
      <c r="AD39" s="117">
        <v>326451</v>
      </c>
      <c r="AE39" s="117">
        <v>806622</v>
      </c>
      <c r="AF39" s="117">
        <v>991067</v>
      </c>
      <c r="AG39" s="116">
        <v>3090958</v>
      </c>
      <c r="AH39" s="119">
        <v>3090958</v>
      </c>
      <c r="AI39" s="113">
        <v>0</v>
      </c>
      <c r="AJ39" s="117">
        <v>0</v>
      </c>
      <c r="AK39" s="116">
        <v>0</v>
      </c>
      <c r="AL39" s="113">
        <v>0</v>
      </c>
      <c r="AM39" s="117">
        <v>0</v>
      </c>
      <c r="AN39" s="117">
        <v>0</v>
      </c>
      <c r="AO39" s="117">
        <v>0</v>
      </c>
      <c r="AP39" s="117">
        <v>50661</v>
      </c>
      <c r="AQ39" s="117">
        <v>440757</v>
      </c>
      <c r="AR39" s="116">
        <v>491418</v>
      </c>
      <c r="AS39" s="119">
        <v>491418</v>
      </c>
      <c r="AT39" s="113">
        <v>0</v>
      </c>
      <c r="AU39" s="117">
        <v>43874</v>
      </c>
      <c r="AV39" s="116">
        <v>43874</v>
      </c>
      <c r="AW39" s="113">
        <v>0</v>
      </c>
      <c r="AX39" s="117">
        <v>265899</v>
      </c>
      <c r="AY39" s="117">
        <v>245511</v>
      </c>
      <c r="AZ39" s="117">
        <v>92989</v>
      </c>
      <c r="BA39" s="117">
        <v>0</v>
      </c>
      <c r="BB39" s="117">
        <v>246339</v>
      </c>
      <c r="BC39" s="116">
        <v>850738</v>
      </c>
      <c r="BD39" s="119">
        <v>894612</v>
      </c>
      <c r="BE39" s="113">
        <v>0</v>
      </c>
      <c r="BF39" s="117">
        <v>44856</v>
      </c>
      <c r="BG39" s="115">
        <v>44856</v>
      </c>
      <c r="BH39" s="114">
        <v>0</v>
      </c>
      <c r="BI39" s="117">
        <v>267978</v>
      </c>
      <c r="BJ39" s="117">
        <v>121444</v>
      </c>
      <c r="BK39" s="117">
        <v>0</v>
      </c>
      <c r="BL39" s="117">
        <v>30690</v>
      </c>
      <c r="BM39" s="117">
        <v>39438</v>
      </c>
      <c r="BN39" s="116">
        <v>459550</v>
      </c>
      <c r="BO39" s="119">
        <v>504406</v>
      </c>
      <c r="BP39" s="113">
        <v>26748</v>
      </c>
      <c r="BQ39" s="117">
        <v>33309</v>
      </c>
      <c r="BR39" s="116">
        <v>60057</v>
      </c>
      <c r="BS39" s="113">
        <v>0</v>
      </c>
      <c r="BT39" s="117">
        <v>324859</v>
      </c>
      <c r="BU39" s="117">
        <v>177653</v>
      </c>
      <c r="BV39" s="117">
        <v>264421</v>
      </c>
      <c r="BW39" s="117">
        <v>153414</v>
      </c>
      <c r="BX39" s="117">
        <v>234126</v>
      </c>
      <c r="BY39" s="116">
        <v>1154473</v>
      </c>
      <c r="BZ39" s="119">
        <v>1214530</v>
      </c>
      <c r="CA39" s="113">
        <v>24264</v>
      </c>
      <c r="CB39" s="117">
        <v>339673</v>
      </c>
      <c r="CC39" s="116">
        <v>363937</v>
      </c>
      <c r="CD39" s="113">
        <v>0</v>
      </c>
      <c r="CE39" s="117">
        <v>3123377</v>
      </c>
      <c r="CF39" s="117">
        <v>1735429</v>
      </c>
      <c r="CG39" s="117">
        <v>1862052</v>
      </c>
      <c r="CH39" s="117">
        <v>1642294</v>
      </c>
      <c r="CI39" s="117">
        <v>441981</v>
      </c>
      <c r="CJ39" s="116">
        <v>8805133</v>
      </c>
      <c r="CK39" s="119">
        <v>9169070</v>
      </c>
      <c r="CL39" s="113">
        <v>0</v>
      </c>
      <c r="CM39" s="117">
        <v>0</v>
      </c>
      <c r="CN39" s="116">
        <v>0</v>
      </c>
      <c r="CO39" s="114">
        <v>0</v>
      </c>
      <c r="CP39" s="117">
        <v>2551266</v>
      </c>
      <c r="CQ39" s="117">
        <v>1410610</v>
      </c>
      <c r="CR39" s="117">
        <v>1629219</v>
      </c>
      <c r="CS39" s="117">
        <v>1208305</v>
      </c>
      <c r="CT39" s="117">
        <v>349704</v>
      </c>
      <c r="CU39" s="116">
        <v>7149104</v>
      </c>
      <c r="CV39" s="119">
        <v>7149104</v>
      </c>
      <c r="CW39" s="113">
        <v>24264</v>
      </c>
      <c r="CX39" s="117">
        <v>339673</v>
      </c>
      <c r="CY39" s="116">
        <v>363937</v>
      </c>
      <c r="CZ39" s="113">
        <v>0</v>
      </c>
      <c r="DA39" s="117">
        <v>572111</v>
      </c>
      <c r="DB39" s="117">
        <v>324819</v>
      </c>
      <c r="DC39" s="117">
        <v>232833</v>
      </c>
      <c r="DD39" s="117">
        <v>433989</v>
      </c>
      <c r="DE39" s="117">
        <v>92277</v>
      </c>
      <c r="DF39" s="116">
        <v>1656029</v>
      </c>
      <c r="DG39" s="119">
        <v>2019966</v>
      </c>
      <c r="DH39" s="113">
        <v>0</v>
      </c>
      <c r="DI39" s="117">
        <v>0</v>
      </c>
      <c r="DJ39" s="115">
        <v>0</v>
      </c>
      <c r="DK39" s="114">
        <v>0</v>
      </c>
      <c r="DL39" s="117">
        <v>180675</v>
      </c>
      <c r="DM39" s="117">
        <v>80703</v>
      </c>
      <c r="DN39" s="117">
        <v>-166103</v>
      </c>
      <c r="DO39" s="117">
        <v>218412</v>
      </c>
      <c r="DP39" s="117">
        <v>0</v>
      </c>
      <c r="DQ39" s="116">
        <v>313687</v>
      </c>
      <c r="DR39" s="119">
        <v>313687</v>
      </c>
      <c r="DS39" s="113">
        <v>0</v>
      </c>
      <c r="DT39" s="117">
        <v>0</v>
      </c>
      <c r="DU39" s="116">
        <v>0</v>
      </c>
      <c r="DV39" s="113">
        <v>0</v>
      </c>
      <c r="DW39" s="117">
        <v>180675</v>
      </c>
      <c r="DX39" s="117">
        <v>0</v>
      </c>
      <c r="DY39" s="117">
        <v>-166103</v>
      </c>
      <c r="DZ39" s="117">
        <v>218412</v>
      </c>
      <c r="EA39" s="117">
        <v>0</v>
      </c>
      <c r="EB39" s="116">
        <v>232984</v>
      </c>
      <c r="EC39" s="119">
        <v>232984</v>
      </c>
      <c r="ED39" s="113">
        <v>0</v>
      </c>
      <c r="EE39" s="115">
        <v>0</v>
      </c>
      <c r="EF39" s="116">
        <v>0</v>
      </c>
      <c r="EG39" s="113">
        <v>0</v>
      </c>
      <c r="EH39" s="117">
        <v>0</v>
      </c>
      <c r="EI39" s="117">
        <v>80703</v>
      </c>
      <c r="EJ39" s="117">
        <v>0</v>
      </c>
      <c r="EK39" s="117">
        <v>0</v>
      </c>
      <c r="EL39" s="117">
        <v>0</v>
      </c>
      <c r="EM39" s="115">
        <v>80703</v>
      </c>
      <c r="EN39" s="119">
        <v>80703</v>
      </c>
      <c r="EO39" s="113">
        <v>0</v>
      </c>
      <c r="EP39" s="117">
        <v>0</v>
      </c>
      <c r="EQ39" s="115">
        <v>0</v>
      </c>
      <c r="ER39" s="114">
        <v>0</v>
      </c>
      <c r="ES39" s="117">
        <v>0</v>
      </c>
      <c r="ET39" s="117">
        <v>0</v>
      </c>
      <c r="EU39" s="117">
        <v>0</v>
      </c>
      <c r="EV39" s="117">
        <v>0</v>
      </c>
      <c r="EW39" s="117">
        <v>0</v>
      </c>
      <c r="EX39" s="116">
        <v>0</v>
      </c>
      <c r="EY39" s="119">
        <v>0</v>
      </c>
      <c r="EZ39" s="113">
        <v>0</v>
      </c>
      <c r="FA39" s="117">
        <v>0</v>
      </c>
      <c r="FB39" s="115">
        <v>0</v>
      </c>
      <c r="FC39" s="395">
        <v>0</v>
      </c>
      <c r="FD39" s="117">
        <v>0</v>
      </c>
      <c r="FE39" s="117">
        <v>0</v>
      </c>
      <c r="FF39" s="117">
        <v>0</v>
      </c>
      <c r="FG39" s="117">
        <v>0</v>
      </c>
      <c r="FH39" s="117">
        <v>0</v>
      </c>
      <c r="FI39" s="116">
        <v>0</v>
      </c>
      <c r="FJ39" s="119">
        <v>0</v>
      </c>
      <c r="FK39" s="113">
        <v>90810</v>
      </c>
      <c r="FL39" s="117">
        <v>179430</v>
      </c>
      <c r="FM39" s="116">
        <v>270240</v>
      </c>
      <c r="FN39" s="113">
        <v>0</v>
      </c>
      <c r="FO39" s="117">
        <v>447220</v>
      </c>
      <c r="FP39" s="117">
        <v>457108</v>
      </c>
      <c r="FQ39" s="117">
        <v>324499</v>
      </c>
      <c r="FR39" s="117">
        <v>419562</v>
      </c>
      <c r="FS39" s="117">
        <v>236367</v>
      </c>
      <c r="FT39" s="116">
        <v>1884756</v>
      </c>
      <c r="FU39" s="119">
        <v>2154996</v>
      </c>
      <c r="FV39" s="118">
        <v>80910</v>
      </c>
      <c r="FW39" s="117">
        <v>115080</v>
      </c>
      <c r="FX39" s="115">
        <v>195990</v>
      </c>
      <c r="FY39" s="114">
        <v>0</v>
      </c>
      <c r="FZ39" s="117">
        <v>447220</v>
      </c>
      <c r="GA39" s="117">
        <v>432952</v>
      </c>
      <c r="GB39" s="117">
        <v>299551</v>
      </c>
      <c r="GC39" s="117">
        <v>419562</v>
      </c>
      <c r="GD39" s="117">
        <v>236367</v>
      </c>
      <c r="GE39" s="116">
        <v>1835652</v>
      </c>
      <c r="GF39" s="357">
        <v>2031642</v>
      </c>
      <c r="GG39" s="118">
        <v>0</v>
      </c>
      <c r="GH39" s="117">
        <v>0</v>
      </c>
      <c r="GI39" s="115">
        <v>0</v>
      </c>
      <c r="GJ39" s="114">
        <v>0</v>
      </c>
      <c r="GK39" s="117">
        <v>0</v>
      </c>
      <c r="GL39" s="117">
        <v>14256</v>
      </c>
      <c r="GM39" s="117">
        <v>24948</v>
      </c>
      <c r="GN39" s="117">
        <v>0</v>
      </c>
      <c r="GO39" s="117">
        <v>0</v>
      </c>
      <c r="GP39" s="116">
        <v>39204</v>
      </c>
      <c r="GQ39" s="119">
        <v>39204</v>
      </c>
      <c r="GR39" s="113">
        <v>9900</v>
      </c>
      <c r="GS39" s="117">
        <v>64350</v>
      </c>
      <c r="GT39" s="116">
        <v>74250</v>
      </c>
      <c r="GU39" s="113">
        <v>0</v>
      </c>
      <c r="GV39" s="117">
        <v>0</v>
      </c>
      <c r="GW39" s="117">
        <v>9900</v>
      </c>
      <c r="GX39" s="117">
        <v>0</v>
      </c>
      <c r="GY39" s="117">
        <v>0</v>
      </c>
      <c r="GZ39" s="117">
        <v>0</v>
      </c>
      <c r="HA39" s="115">
        <v>9900</v>
      </c>
      <c r="HB39" s="119">
        <v>84150</v>
      </c>
      <c r="HC39" s="113">
        <v>119205</v>
      </c>
      <c r="HD39" s="117">
        <v>106677</v>
      </c>
      <c r="HE39" s="115">
        <v>225882</v>
      </c>
      <c r="HF39" s="114">
        <v>0</v>
      </c>
      <c r="HG39" s="117">
        <v>1224658</v>
      </c>
      <c r="HH39" s="117">
        <v>1309082</v>
      </c>
      <c r="HI39" s="117">
        <v>1080528</v>
      </c>
      <c r="HJ39" s="117">
        <v>931154</v>
      </c>
      <c r="HK39" s="117">
        <v>264393</v>
      </c>
      <c r="HL39" s="116">
        <v>4809815</v>
      </c>
      <c r="HM39" s="112">
        <v>5035697</v>
      </c>
      <c r="HN39" s="118">
        <v>61320</v>
      </c>
      <c r="HO39" s="117">
        <v>128640</v>
      </c>
      <c r="HP39" s="116">
        <v>189960</v>
      </c>
      <c r="HQ39" s="113">
        <v>0</v>
      </c>
      <c r="HR39" s="117">
        <v>1106831</v>
      </c>
      <c r="HS39" s="117">
        <v>617066</v>
      </c>
      <c r="HT39" s="117">
        <v>408254</v>
      </c>
      <c r="HU39" s="117">
        <v>284421</v>
      </c>
      <c r="HV39" s="117">
        <v>193164</v>
      </c>
      <c r="HW39" s="115">
        <v>2609736</v>
      </c>
      <c r="HX39" s="119">
        <v>2799696</v>
      </c>
      <c r="HY39" s="148">
        <v>140607</v>
      </c>
      <c r="HZ39" s="149">
        <v>79686</v>
      </c>
      <c r="IA39" s="150">
        <v>220293</v>
      </c>
      <c r="IB39" s="162">
        <v>0</v>
      </c>
      <c r="IC39" s="149">
        <v>4076858</v>
      </c>
      <c r="ID39" s="163">
        <v>3406068</v>
      </c>
      <c r="IE39" s="150">
        <v>2833333</v>
      </c>
      <c r="IF39" s="149">
        <v>2437510</v>
      </c>
      <c r="IG39" s="150">
        <v>1590840</v>
      </c>
      <c r="IH39" s="164">
        <v>14344609</v>
      </c>
      <c r="II39" s="156">
        <v>14564902</v>
      </c>
      <c r="IJ39" s="259">
        <v>0</v>
      </c>
      <c r="IK39" s="266">
        <v>0</v>
      </c>
      <c r="IL39" s="267">
        <v>0</v>
      </c>
      <c r="IM39" s="157"/>
      <c r="IN39" s="123">
        <v>0</v>
      </c>
      <c r="IO39" s="123">
        <v>0</v>
      </c>
      <c r="IP39" s="123">
        <v>0</v>
      </c>
      <c r="IQ39" s="123">
        <v>0</v>
      </c>
      <c r="IR39" s="123">
        <v>0</v>
      </c>
      <c r="IS39" s="158">
        <v>0</v>
      </c>
      <c r="IT39" s="360">
        <v>0</v>
      </c>
      <c r="IU39" s="159">
        <v>0</v>
      </c>
      <c r="IV39" s="123">
        <v>0</v>
      </c>
      <c r="IW39" s="124">
        <v>0</v>
      </c>
      <c r="IX39" s="157"/>
      <c r="IY39" s="123">
        <v>0</v>
      </c>
      <c r="IZ39" s="123">
        <v>0</v>
      </c>
      <c r="JA39" s="123">
        <v>0</v>
      </c>
      <c r="JB39" s="123">
        <v>0</v>
      </c>
      <c r="JC39" s="123">
        <v>0</v>
      </c>
      <c r="JD39" s="124">
        <v>0</v>
      </c>
      <c r="JE39" s="125">
        <v>0</v>
      </c>
      <c r="JF39" s="159">
        <v>0</v>
      </c>
      <c r="JG39" s="123">
        <v>0</v>
      </c>
      <c r="JH39" s="158">
        <v>0</v>
      </c>
      <c r="JI39" s="122">
        <v>0</v>
      </c>
      <c r="JJ39" s="123">
        <v>1040792</v>
      </c>
      <c r="JK39" s="123">
        <v>289881</v>
      </c>
      <c r="JL39" s="123">
        <v>341100</v>
      </c>
      <c r="JM39" s="123">
        <v>155175</v>
      </c>
      <c r="JN39" s="123">
        <v>271431</v>
      </c>
      <c r="JO39" s="124">
        <v>2098379</v>
      </c>
      <c r="JP39" s="360">
        <v>2098379</v>
      </c>
      <c r="JQ39" s="159">
        <v>0</v>
      </c>
      <c r="JR39" s="123">
        <v>0</v>
      </c>
      <c r="JS39" s="158">
        <v>0</v>
      </c>
      <c r="JT39" s="122">
        <v>0</v>
      </c>
      <c r="JU39" s="123">
        <v>0</v>
      </c>
      <c r="JV39" s="123">
        <v>0</v>
      </c>
      <c r="JW39" s="123">
        <v>0</v>
      </c>
      <c r="JX39" s="123">
        <v>91740</v>
      </c>
      <c r="JY39" s="123">
        <v>0</v>
      </c>
      <c r="JZ39" s="124">
        <v>91740</v>
      </c>
      <c r="KA39" s="360">
        <v>91740</v>
      </c>
      <c r="KB39" s="262">
        <v>140607</v>
      </c>
      <c r="KC39" s="256">
        <v>79686</v>
      </c>
      <c r="KD39" s="124">
        <v>220293</v>
      </c>
      <c r="KE39" s="122">
        <v>0</v>
      </c>
      <c r="KF39" s="123">
        <v>819810</v>
      </c>
      <c r="KG39" s="123">
        <v>1251486</v>
      </c>
      <c r="KH39" s="123">
        <v>576189</v>
      </c>
      <c r="KI39" s="123">
        <v>635368</v>
      </c>
      <c r="KJ39" s="123">
        <v>126441</v>
      </c>
      <c r="KK39" s="124">
        <v>3409294</v>
      </c>
      <c r="KL39" s="160">
        <v>3629587</v>
      </c>
      <c r="KM39" s="259">
        <v>0</v>
      </c>
      <c r="KN39" s="266">
        <v>0</v>
      </c>
      <c r="KO39" s="267">
        <v>0</v>
      </c>
      <c r="KP39" s="157"/>
      <c r="KQ39" s="123">
        <v>1260765</v>
      </c>
      <c r="KR39" s="123">
        <v>526464</v>
      </c>
      <c r="KS39" s="123">
        <v>541638</v>
      </c>
      <c r="KT39" s="123">
        <v>827685</v>
      </c>
      <c r="KU39" s="123">
        <v>843804</v>
      </c>
      <c r="KV39" s="124">
        <v>4000356</v>
      </c>
      <c r="KW39" s="360">
        <v>4000356</v>
      </c>
      <c r="KX39" s="159">
        <v>0</v>
      </c>
      <c r="KY39" s="123">
        <v>0</v>
      </c>
      <c r="KZ39" s="124">
        <v>0</v>
      </c>
      <c r="LA39" s="157"/>
      <c r="LB39" s="123">
        <v>0</v>
      </c>
      <c r="LC39" s="123">
        <v>0</v>
      </c>
      <c r="LD39" s="123">
        <v>0</v>
      </c>
      <c r="LE39" s="123">
        <v>0</v>
      </c>
      <c r="LF39" s="123">
        <v>0</v>
      </c>
      <c r="LG39" s="124">
        <v>0</v>
      </c>
      <c r="LH39" s="125">
        <v>0</v>
      </c>
      <c r="LI39" s="159">
        <v>0</v>
      </c>
      <c r="LJ39" s="123">
        <v>0</v>
      </c>
      <c r="LK39" s="124">
        <v>0</v>
      </c>
      <c r="LL39" s="157"/>
      <c r="LM39" s="123">
        <v>0</v>
      </c>
      <c r="LN39" s="123">
        <v>0</v>
      </c>
      <c r="LO39" s="123">
        <v>0</v>
      </c>
      <c r="LP39" s="123">
        <v>0</v>
      </c>
      <c r="LQ39" s="123">
        <v>0</v>
      </c>
      <c r="LR39" s="124">
        <v>0</v>
      </c>
      <c r="LS39" s="360">
        <v>0</v>
      </c>
      <c r="LT39" s="159">
        <v>0</v>
      </c>
      <c r="LU39" s="123">
        <v>0</v>
      </c>
      <c r="LV39" s="124">
        <v>0</v>
      </c>
      <c r="LW39" s="157"/>
      <c r="LX39" s="123">
        <v>955491</v>
      </c>
      <c r="LY39" s="123">
        <v>1338237</v>
      </c>
      <c r="LZ39" s="123">
        <v>1374406</v>
      </c>
      <c r="MA39" s="123">
        <v>727542</v>
      </c>
      <c r="MB39" s="123">
        <v>349164</v>
      </c>
      <c r="MC39" s="124">
        <v>4744840</v>
      </c>
      <c r="MD39" s="125">
        <v>4744840</v>
      </c>
      <c r="ME39" s="159">
        <v>0</v>
      </c>
      <c r="MF39" s="123">
        <v>0</v>
      </c>
      <c r="MG39" s="124">
        <v>0</v>
      </c>
      <c r="MH39" s="157"/>
      <c r="MI39" s="123">
        <v>1611151</v>
      </c>
      <c r="MJ39" s="123">
        <v>3184452</v>
      </c>
      <c r="MK39" s="123">
        <v>5950988</v>
      </c>
      <c r="ML39" s="123">
        <v>8974578</v>
      </c>
      <c r="MM39" s="123">
        <v>7737729</v>
      </c>
      <c r="MN39" s="124">
        <v>27458898</v>
      </c>
      <c r="MO39" s="160">
        <v>27458898</v>
      </c>
      <c r="MP39" s="159">
        <v>0</v>
      </c>
      <c r="MQ39" s="123">
        <v>0</v>
      </c>
      <c r="MR39" s="124">
        <v>0</v>
      </c>
      <c r="MS39" s="157"/>
      <c r="MT39" s="123">
        <v>0</v>
      </c>
      <c r="MU39" s="123">
        <v>0</v>
      </c>
      <c r="MV39" s="123">
        <v>1828135</v>
      </c>
      <c r="MW39" s="123">
        <v>5538486</v>
      </c>
      <c r="MX39" s="123">
        <v>6622791</v>
      </c>
      <c r="MY39" s="124">
        <v>13989412</v>
      </c>
      <c r="MZ39" s="160">
        <v>13989412</v>
      </c>
      <c r="NA39" s="159">
        <v>0</v>
      </c>
      <c r="NB39" s="123">
        <v>0</v>
      </c>
      <c r="NC39" s="124">
        <v>0</v>
      </c>
      <c r="ND39" s="157"/>
      <c r="NE39" s="123">
        <v>1611151</v>
      </c>
      <c r="NF39" s="123">
        <v>2931957</v>
      </c>
      <c r="NG39" s="123">
        <v>4122853</v>
      </c>
      <c r="NH39" s="123">
        <v>2765898</v>
      </c>
      <c r="NI39" s="123">
        <v>1114938</v>
      </c>
      <c r="NJ39" s="124">
        <v>12546797</v>
      </c>
      <c r="NK39" s="360">
        <v>12546797</v>
      </c>
      <c r="NL39" s="159">
        <v>0</v>
      </c>
      <c r="NM39" s="123">
        <v>0</v>
      </c>
      <c r="NN39" s="124">
        <v>0</v>
      </c>
      <c r="NO39" s="157"/>
      <c r="NP39" s="123">
        <v>0</v>
      </c>
      <c r="NQ39" s="123">
        <v>0</v>
      </c>
      <c r="NR39" s="123">
        <v>0</v>
      </c>
      <c r="NS39" s="123">
        <v>0</v>
      </c>
      <c r="NT39" s="123">
        <v>0</v>
      </c>
      <c r="NU39" s="124">
        <v>0</v>
      </c>
      <c r="NV39" s="125">
        <v>0</v>
      </c>
      <c r="NW39" s="159">
        <v>0</v>
      </c>
      <c r="NX39" s="123">
        <v>0</v>
      </c>
      <c r="NY39" s="124">
        <v>0</v>
      </c>
      <c r="NZ39" s="157"/>
      <c r="OA39" s="123">
        <v>0</v>
      </c>
      <c r="OB39" s="123">
        <v>252495</v>
      </c>
      <c r="OC39" s="123">
        <v>0</v>
      </c>
      <c r="OD39" s="123">
        <v>670194</v>
      </c>
      <c r="OE39" s="123">
        <v>0</v>
      </c>
      <c r="OF39" s="124">
        <v>922689</v>
      </c>
      <c r="OG39" s="125">
        <v>922689</v>
      </c>
      <c r="OH39" s="159">
        <v>462954</v>
      </c>
      <c r="OI39" s="123">
        <v>956145</v>
      </c>
      <c r="OJ39" s="158">
        <v>1419099</v>
      </c>
      <c r="OK39" s="122">
        <v>0</v>
      </c>
      <c r="OL39" s="123">
        <v>13216264</v>
      </c>
      <c r="OM39" s="123">
        <v>11714576</v>
      </c>
      <c r="ON39" s="123">
        <v>12977412</v>
      </c>
      <c r="OO39" s="123">
        <v>15949318</v>
      </c>
      <c r="OP39" s="123">
        <v>12416201</v>
      </c>
      <c r="OQ39" s="124">
        <v>66273771</v>
      </c>
      <c r="OR39" s="160">
        <v>67692870</v>
      </c>
    </row>
    <row r="40" spans="1:408" ht="18.75" customHeight="1" x14ac:dyDescent="0.2">
      <c r="A40" s="63" t="s">
        <v>35</v>
      </c>
      <c r="B40" s="113">
        <v>1994326</v>
      </c>
      <c r="C40" s="117">
        <v>4561641</v>
      </c>
      <c r="D40" s="116">
        <v>6555967</v>
      </c>
      <c r="E40" s="112">
        <v>0</v>
      </c>
      <c r="F40" s="117">
        <v>28838607</v>
      </c>
      <c r="G40" s="117">
        <v>27007903</v>
      </c>
      <c r="H40" s="117">
        <v>20650261</v>
      </c>
      <c r="I40" s="117">
        <v>20895644</v>
      </c>
      <c r="J40" s="117">
        <v>9574641</v>
      </c>
      <c r="K40" s="198">
        <v>106967056</v>
      </c>
      <c r="L40" s="119">
        <v>113523023</v>
      </c>
      <c r="M40" s="113">
        <v>357563</v>
      </c>
      <c r="N40" s="117">
        <v>676240</v>
      </c>
      <c r="O40" s="116">
        <v>1033803</v>
      </c>
      <c r="P40" s="113">
        <v>0</v>
      </c>
      <c r="Q40" s="117">
        <v>6102579</v>
      </c>
      <c r="R40" s="117">
        <v>6527398</v>
      </c>
      <c r="S40" s="117">
        <v>4500279</v>
      </c>
      <c r="T40" s="117">
        <v>6786772</v>
      </c>
      <c r="U40" s="117">
        <v>4641851</v>
      </c>
      <c r="V40" s="116">
        <v>28558879</v>
      </c>
      <c r="W40" s="119">
        <v>29592682</v>
      </c>
      <c r="X40" s="113">
        <v>0</v>
      </c>
      <c r="Y40" s="117">
        <v>0</v>
      </c>
      <c r="Z40" s="116">
        <v>0</v>
      </c>
      <c r="AA40" s="113">
        <v>0</v>
      </c>
      <c r="AB40" s="117">
        <v>3151850</v>
      </c>
      <c r="AC40" s="117">
        <v>3498924</v>
      </c>
      <c r="AD40" s="117">
        <v>2732001</v>
      </c>
      <c r="AE40" s="117">
        <v>4161673</v>
      </c>
      <c r="AF40" s="117">
        <v>2845582</v>
      </c>
      <c r="AG40" s="116">
        <v>16390030</v>
      </c>
      <c r="AH40" s="119">
        <v>16390030</v>
      </c>
      <c r="AI40" s="113">
        <v>0</v>
      </c>
      <c r="AJ40" s="117">
        <v>0</v>
      </c>
      <c r="AK40" s="116">
        <v>0</v>
      </c>
      <c r="AL40" s="113">
        <v>0</v>
      </c>
      <c r="AM40" s="117">
        <v>0</v>
      </c>
      <c r="AN40" s="117">
        <v>278595</v>
      </c>
      <c r="AO40" s="117">
        <v>249777</v>
      </c>
      <c r="AP40" s="117">
        <v>728046</v>
      </c>
      <c r="AQ40" s="117">
        <v>827352</v>
      </c>
      <c r="AR40" s="116">
        <v>2083770</v>
      </c>
      <c r="AS40" s="119">
        <v>2083770</v>
      </c>
      <c r="AT40" s="113">
        <v>64422</v>
      </c>
      <c r="AU40" s="117">
        <v>252540</v>
      </c>
      <c r="AV40" s="116">
        <v>316962</v>
      </c>
      <c r="AW40" s="113">
        <v>0</v>
      </c>
      <c r="AX40" s="117">
        <v>1311331</v>
      </c>
      <c r="AY40" s="117">
        <v>1242854</v>
      </c>
      <c r="AZ40" s="117">
        <v>420094</v>
      </c>
      <c r="BA40" s="117">
        <v>714271</v>
      </c>
      <c r="BB40" s="117">
        <v>526538</v>
      </c>
      <c r="BC40" s="116">
        <v>4215088</v>
      </c>
      <c r="BD40" s="119">
        <v>4532050</v>
      </c>
      <c r="BE40" s="113">
        <v>16902</v>
      </c>
      <c r="BF40" s="117">
        <v>84510</v>
      </c>
      <c r="BG40" s="115">
        <v>101412</v>
      </c>
      <c r="BH40" s="114">
        <v>0</v>
      </c>
      <c r="BI40" s="117">
        <v>571985</v>
      </c>
      <c r="BJ40" s="117">
        <v>364884</v>
      </c>
      <c r="BK40" s="117">
        <v>183554</v>
      </c>
      <c r="BL40" s="117">
        <v>166383</v>
      </c>
      <c r="BM40" s="117">
        <v>96552</v>
      </c>
      <c r="BN40" s="116">
        <v>1383358</v>
      </c>
      <c r="BO40" s="119">
        <v>1484770</v>
      </c>
      <c r="BP40" s="113">
        <v>276239</v>
      </c>
      <c r="BQ40" s="117">
        <v>339190</v>
      </c>
      <c r="BR40" s="116">
        <v>615429</v>
      </c>
      <c r="BS40" s="113">
        <v>0</v>
      </c>
      <c r="BT40" s="117">
        <v>1067413</v>
      </c>
      <c r="BU40" s="117">
        <v>1142141</v>
      </c>
      <c r="BV40" s="117">
        <v>914853</v>
      </c>
      <c r="BW40" s="117">
        <v>1016399</v>
      </c>
      <c r="BX40" s="117">
        <v>345827</v>
      </c>
      <c r="BY40" s="116">
        <v>4486633</v>
      </c>
      <c r="BZ40" s="119">
        <v>5102062</v>
      </c>
      <c r="CA40" s="113">
        <v>260715</v>
      </c>
      <c r="CB40" s="117">
        <v>1253941</v>
      </c>
      <c r="CC40" s="116">
        <v>1514656</v>
      </c>
      <c r="CD40" s="113">
        <v>0</v>
      </c>
      <c r="CE40" s="117">
        <v>10761363</v>
      </c>
      <c r="CF40" s="117">
        <v>9144567</v>
      </c>
      <c r="CG40" s="117">
        <v>6938380</v>
      </c>
      <c r="CH40" s="117">
        <v>4726362</v>
      </c>
      <c r="CI40" s="117">
        <v>1837460</v>
      </c>
      <c r="CJ40" s="116">
        <v>33408132</v>
      </c>
      <c r="CK40" s="119">
        <v>34922788</v>
      </c>
      <c r="CL40" s="113">
        <v>0</v>
      </c>
      <c r="CM40" s="117">
        <v>0</v>
      </c>
      <c r="CN40" s="116">
        <v>0</v>
      </c>
      <c r="CO40" s="114">
        <v>0</v>
      </c>
      <c r="CP40" s="117">
        <v>7972409</v>
      </c>
      <c r="CQ40" s="117">
        <v>7239777</v>
      </c>
      <c r="CR40" s="117">
        <v>5923243</v>
      </c>
      <c r="CS40" s="117">
        <v>3299690</v>
      </c>
      <c r="CT40" s="117">
        <v>1775538</v>
      </c>
      <c r="CU40" s="116">
        <v>26210657</v>
      </c>
      <c r="CV40" s="119">
        <v>26210657</v>
      </c>
      <c r="CW40" s="113">
        <v>260715</v>
      </c>
      <c r="CX40" s="117">
        <v>1253941</v>
      </c>
      <c r="CY40" s="116">
        <v>1514656</v>
      </c>
      <c r="CZ40" s="113">
        <v>0</v>
      </c>
      <c r="DA40" s="117">
        <v>2788954</v>
      </c>
      <c r="DB40" s="117">
        <v>1904790</v>
      </c>
      <c r="DC40" s="117">
        <v>1015137</v>
      </c>
      <c r="DD40" s="117">
        <v>1426672</v>
      </c>
      <c r="DE40" s="117">
        <v>61922</v>
      </c>
      <c r="DF40" s="116">
        <v>7197475</v>
      </c>
      <c r="DG40" s="119">
        <v>8712131</v>
      </c>
      <c r="DH40" s="113">
        <v>0</v>
      </c>
      <c r="DI40" s="117">
        <v>0</v>
      </c>
      <c r="DJ40" s="115">
        <v>0</v>
      </c>
      <c r="DK40" s="114">
        <v>0</v>
      </c>
      <c r="DL40" s="117">
        <v>343332</v>
      </c>
      <c r="DM40" s="117">
        <v>930655</v>
      </c>
      <c r="DN40" s="117">
        <v>1272789</v>
      </c>
      <c r="DO40" s="117">
        <v>914268</v>
      </c>
      <c r="DP40" s="117">
        <v>185733</v>
      </c>
      <c r="DQ40" s="116">
        <v>3646777</v>
      </c>
      <c r="DR40" s="119">
        <v>3646777</v>
      </c>
      <c r="DS40" s="113">
        <v>0</v>
      </c>
      <c r="DT40" s="117">
        <v>0</v>
      </c>
      <c r="DU40" s="116">
        <v>0</v>
      </c>
      <c r="DV40" s="113">
        <v>0</v>
      </c>
      <c r="DW40" s="117">
        <v>192852</v>
      </c>
      <c r="DX40" s="117">
        <v>776530</v>
      </c>
      <c r="DY40" s="117">
        <v>1272789</v>
      </c>
      <c r="DZ40" s="117">
        <v>666540</v>
      </c>
      <c r="EA40" s="117">
        <v>185733</v>
      </c>
      <c r="EB40" s="116">
        <v>3094444</v>
      </c>
      <c r="EC40" s="119">
        <v>3094444</v>
      </c>
      <c r="ED40" s="113">
        <v>0</v>
      </c>
      <c r="EE40" s="115">
        <v>0</v>
      </c>
      <c r="EF40" s="116">
        <v>0</v>
      </c>
      <c r="EG40" s="113">
        <v>0</v>
      </c>
      <c r="EH40" s="117">
        <v>150480</v>
      </c>
      <c r="EI40" s="117">
        <v>154125</v>
      </c>
      <c r="EJ40" s="117">
        <v>0</v>
      </c>
      <c r="EK40" s="117">
        <v>247728</v>
      </c>
      <c r="EL40" s="117">
        <v>0</v>
      </c>
      <c r="EM40" s="115">
        <v>552333</v>
      </c>
      <c r="EN40" s="119">
        <v>552333</v>
      </c>
      <c r="EO40" s="113">
        <v>0</v>
      </c>
      <c r="EP40" s="117">
        <v>0</v>
      </c>
      <c r="EQ40" s="115">
        <v>0</v>
      </c>
      <c r="ER40" s="114">
        <v>0</v>
      </c>
      <c r="ES40" s="117">
        <v>0</v>
      </c>
      <c r="ET40" s="117">
        <v>0</v>
      </c>
      <c r="EU40" s="117">
        <v>0</v>
      </c>
      <c r="EV40" s="117">
        <v>0</v>
      </c>
      <c r="EW40" s="117">
        <v>0</v>
      </c>
      <c r="EX40" s="116">
        <v>0</v>
      </c>
      <c r="EY40" s="119">
        <v>0</v>
      </c>
      <c r="EZ40" s="113">
        <v>0</v>
      </c>
      <c r="FA40" s="117">
        <v>0</v>
      </c>
      <c r="FB40" s="115">
        <v>0</v>
      </c>
      <c r="FC40" s="395">
        <v>0</v>
      </c>
      <c r="FD40" s="117">
        <v>0</v>
      </c>
      <c r="FE40" s="117">
        <v>0</v>
      </c>
      <c r="FF40" s="117">
        <v>0</v>
      </c>
      <c r="FG40" s="117">
        <v>0</v>
      </c>
      <c r="FH40" s="117">
        <v>0</v>
      </c>
      <c r="FI40" s="116">
        <v>0</v>
      </c>
      <c r="FJ40" s="119">
        <v>0</v>
      </c>
      <c r="FK40" s="113">
        <v>147209</v>
      </c>
      <c r="FL40" s="117">
        <v>451306</v>
      </c>
      <c r="FM40" s="116">
        <v>598515</v>
      </c>
      <c r="FN40" s="113">
        <v>0</v>
      </c>
      <c r="FO40" s="117">
        <v>1243438</v>
      </c>
      <c r="FP40" s="117">
        <v>2104337</v>
      </c>
      <c r="FQ40" s="117">
        <v>1588721</v>
      </c>
      <c r="FR40" s="117">
        <v>1277039</v>
      </c>
      <c r="FS40" s="117">
        <v>416356</v>
      </c>
      <c r="FT40" s="116">
        <v>6629891</v>
      </c>
      <c r="FU40" s="119">
        <v>7228406</v>
      </c>
      <c r="FV40" s="118">
        <v>126221</v>
      </c>
      <c r="FW40" s="117">
        <v>451306</v>
      </c>
      <c r="FX40" s="115">
        <v>577527</v>
      </c>
      <c r="FY40" s="114">
        <v>0</v>
      </c>
      <c r="FZ40" s="117">
        <v>887368</v>
      </c>
      <c r="GA40" s="117">
        <v>1853340</v>
      </c>
      <c r="GB40" s="117">
        <v>1280806</v>
      </c>
      <c r="GC40" s="117">
        <v>1188137</v>
      </c>
      <c r="GD40" s="117">
        <v>416356</v>
      </c>
      <c r="GE40" s="116">
        <v>5626007</v>
      </c>
      <c r="GF40" s="357">
        <v>6203534</v>
      </c>
      <c r="GG40" s="118">
        <v>20988</v>
      </c>
      <c r="GH40" s="117">
        <v>0</v>
      </c>
      <c r="GI40" s="115">
        <v>20988</v>
      </c>
      <c r="GJ40" s="114">
        <v>0</v>
      </c>
      <c r="GK40" s="117">
        <v>85980</v>
      </c>
      <c r="GL40" s="117">
        <v>44748</v>
      </c>
      <c r="GM40" s="117">
        <v>127915</v>
      </c>
      <c r="GN40" s="117">
        <v>88902</v>
      </c>
      <c r="GO40" s="117">
        <v>0</v>
      </c>
      <c r="GP40" s="116">
        <v>347545</v>
      </c>
      <c r="GQ40" s="119">
        <v>368533</v>
      </c>
      <c r="GR40" s="113">
        <v>0</v>
      </c>
      <c r="GS40" s="117">
        <v>0</v>
      </c>
      <c r="GT40" s="116">
        <v>0</v>
      </c>
      <c r="GU40" s="113">
        <v>0</v>
      </c>
      <c r="GV40" s="117">
        <v>270090</v>
      </c>
      <c r="GW40" s="117">
        <v>206249</v>
      </c>
      <c r="GX40" s="117">
        <v>180000</v>
      </c>
      <c r="GY40" s="117">
        <v>0</v>
      </c>
      <c r="GZ40" s="117">
        <v>0</v>
      </c>
      <c r="HA40" s="115">
        <v>656339</v>
      </c>
      <c r="HB40" s="119">
        <v>656339</v>
      </c>
      <c r="HC40" s="113">
        <v>1063779</v>
      </c>
      <c r="HD40" s="117">
        <v>1749294</v>
      </c>
      <c r="HE40" s="115">
        <v>2813073</v>
      </c>
      <c r="HF40" s="114">
        <v>0</v>
      </c>
      <c r="HG40" s="117">
        <v>6370904</v>
      </c>
      <c r="HH40" s="117">
        <v>5680508</v>
      </c>
      <c r="HI40" s="117">
        <v>4642810</v>
      </c>
      <c r="HJ40" s="117">
        <v>5961123</v>
      </c>
      <c r="HK40" s="117">
        <v>2055171</v>
      </c>
      <c r="HL40" s="116">
        <v>24710516</v>
      </c>
      <c r="HM40" s="112">
        <v>27523589</v>
      </c>
      <c r="HN40" s="118">
        <v>165060</v>
      </c>
      <c r="HO40" s="117">
        <v>430860</v>
      </c>
      <c r="HP40" s="116">
        <v>595920</v>
      </c>
      <c r="HQ40" s="113">
        <v>0</v>
      </c>
      <c r="HR40" s="117">
        <v>4016991</v>
      </c>
      <c r="HS40" s="117">
        <v>2620438</v>
      </c>
      <c r="HT40" s="117">
        <v>1707282</v>
      </c>
      <c r="HU40" s="117">
        <v>1230080</v>
      </c>
      <c r="HV40" s="117">
        <v>438070</v>
      </c>
      <c r="HW40" s="115">
        <v>10012861</v>
      </c>
      <c r="HX40" s="119">
        <v>10608781</v>
      </c>
      <c r="HY40" s="166">
        <v>44928</v>
      </c>
      <c r="HZ40" s="152">
        <v>399042</v>
      </c>
      <c r="IA40" s="166">
        <v>443970</v>
      </c>
      <c r="IB40" s="162">
        <v>0</v>
      </c>
      <c r="IC40" s="149">
        <v>5167813</v>
      </c>
      <c r="ID40" s="163">
        <v>6998407</v>
      </c>
      <c r="IE40" s="150">
        <v>7901287</v>
      </c>
      <c r="IF40" s="149">
        <v>5342037</v>
      </c>
      <c r="IG40" s="150">
        <v>2139849</v>
      </c>
      <c r="IH40" s="164">
        <v>27549393</v>
      </c>
      <c r="II40" s="166">
        <v>27993363</v>
      </c>
      <c r="IJ40" s="259">
        <v>0</v>
      </c>
      <c r="IK40" s="266">
        <v>0</v>
      </c>
      <c r="IL40" s="267">
        <v>0</v>
      </c>
      <c r="IM40" s="157"/>
      <c r="IN40" s="123">
        <v>0</v>
      </c>
      <c r="IO40" s="123">
        <v>67000</v>
      </c>
      <c r="IP40" s="123">
        <v>363978</v>
      </c>
      <c r="IQ40" s="123">
        <v>228231</v>
      </c>
      <c r="IR40" s="123">
        <v>0</v>
      </c>
      <c r="IS40" s="158">
        <v>659209</v>
      </c>
      <c r="IT40" s="360">
        <v>659209</v>
      </c>
      <c r="IU40" s="159">
        <v>0</v>
      </c>
      <c r="IV40" s="123">
        <v>0</v>
      </c>
      <c r="IW40" s="124">
        <v>0</v>
      </c>
      <c r="IX40" s="157"/>
      <c r="IY40" s="123">
        <v>0</v>
      </c>
      <c r="IZ40" s="123">
        <v>0</v>
      </c>
      <c r="JA40" s="123">
        <v>0</v>
      </c>
      <c r="JB40" s="123">
        <v>0</v>
      </c>
      <c r="JC40" s="123">
        <v>0</v>
      </c>
      <c r="JD40" s="124">
        <v>0</v>
      </c>
      <c r="JE40" s="125">
        <v>0</v>
      </c>
      <c r="JF40" s="159">
        <v>0</v>
      </c>
      <c r="JG40" s="123">
        <v>0</v>
      </c>
      <c r="JH40" s="158">
        <v>0</v>
      </c>
      <c r="JI40" s="122">
        <v>0</v>
      </c>
      <c r="JJ40" s="123">
        <v>1486950</v>
      </c>
      <c r="JK40" s="123">
        <v>1649338</v>
      </c>
      <c r="JL40" s="123">
        <v>1795203</v>
      </c>
      <c r="JM40" s="123">
        <v>1569116</v>
      </c>
      <c r="JN40" s="123">
        <v>272889</v>
      </c>
      <c r="JO40" s="124">
        <v>6773496</v>
      </c>
      <c r="JP40" s="360">
        <v>6773496</v>
      </c>
      <c r="JQ40" s="159">
        <v>0</v>
      </c>
      <c r="JR40" s="123">
        <v>0</v>
      </c>
      <c r="JS40" s="158">
        <v>0</v>
      </c>
      <c r="JT40" s="122">
        <v>0</v>
      </c>
      <c r="JU40" s="123">
        <v>0</v>
      </c>
      <c r="JV40" s="123">
        <v>0</v>
      </c>
      <c r="JW40" s="123">
        <v>0</v>
      </c>
      <c r="JX40" s="123">
        <v>0</v>
      </c>
      <c r="JY40" s="123">
        <v>0</v>
      </c>
      <c r="JZ40" s="124">
        <v>0</v>
      </c>
      <c r="KA40" s="360">
        <v>0</v>
      </c>
      <c r="KB40" s="262">
        <v>44928</v>
      </c>
      <c r="KC40" s="256">
        <v>160182</v>
      </c>
      <c r="KD40" s="124">
        <v>205110</v>
      </c>
      <c r="KE40" s="122">
        <v>0</v>
      </c>
      <c r="KF40" s="123">
        <v>1146544</v>
      </c>
      <c r="KG40" s="123">
        <v>1077633</v>
      </c>
      <c r="KH40" s="123">
        <v>1447830</v>
      </c>
      <c r="KI40" s="123">
        <v>503937</v>
      </c>
      <c r="KJ40" s="123">
        <v>300348</v>
      </c>
      <c r="KK40" s="124">
        <v>4476292</v>
      </c>
      <c r="KL40" s="160">
        <v>4681402</v>
      </c>
      <c r="KM40" s="259">
        <v>0</v>
      </c>
      <c r="KN40" s="266">
        <v>238860</v>
      </c>
      <c r="KO40" s="267">
        <v>238860</v>
      </c>
      <c r="KP40" s="157"/>
      <c r="KQ40" s="123">
        <v>2534319</v>
      </c>
      <c r="KR40" s="123">
        <v>4204436</v>
      </c>
      <c r="KS40" s="123">
        <v>4294276</v>
      </c>
      <c r="KT40" s="123">
        <v>3040753</v>
      </c>
      <c r="KU40" s="123">
        <v>1566612</v>
      </c>
      <c r="KV40" s="124">
        <v>15640396</v>
      </c>
      <c r="KW40" s="360">
        <v>15879256</v>
      </c>
      <c r="KX40" s="159">
        <v>0</v>
      </c>
      <c r="KY40" s="123">
        <v>0</v>
      </c>
      <c r="KZ40" s="124">
        <v>0</v>
      </c>
      <c r="LA40" s="157"/>
      <c r="LB40" s="123">
        <v>0</v>
      </c>
      <c r="LC40" s="123">
        <v>0</v>
      </c>
      <c r="LD40" s="123">
        <v>0</v>
      </c>
      <c r="LE40" s="123">
        <v>0</v>
      </c>
      <c r="LF40" s="123">
        <v>0</v>
      </c>
      <c r="LG40" s="124">
        <v>0</v>
      </c>
      <c r="LH40" s="125">
        <v>0</v>
      </c>
      <c r="LI40" s="159">
        <v>0</v>
      </c>
      <c r="LJ40" s="123">
        <v>0</v>
      </c>
      <c r="LK40" s="124">
        <v>0</v>
      </c>
      <c r="LL40" s="157"/>
      <c r="LM40" s="123">
        <v>0</v>
      </c>
      <c r="LN40" s="123">
        <v>0</v>
      </c>
      <c r="LO40" s="123">
        <v>0</v>
      </c>
      <c r="LP40" s="123">
        <v>0</v>
      </c>
      <c r="LQ40" s="123">
        <v>0</v>
      </c>
      <c r="LR40" s="124">
        <v>0</v>
      </c>
      <c r="LS40" s="360">
        <v>0</v>
      </c>
      <c r="LT40" s="159">
        <v>0</v>
      </c>
      <c r="LU40" s="123">
        <v>0</v>
      </c>
      <c r="LV40" s="124">
        <v>0</v>
      </c>
      <c r="LW40" s="157"/>
      <c r="LX40" s="123">
        <v>0</v>
      </c>
      <c r="LY40" s="123">
        <v>0</v>
      </c>
      <c r="LZ40" s="123">
        <v>0</v>
      </c>
      <c r="MA40" s="123">
        <v>0</v>
      </c>
      <c r="MB40" s="123">
        <v>0</v>
      </c>
      <c r="MC40" s="124">
        <v>0</v>
      </c>
      <c r="MD40" s="125">
        <v>0</v>
      </c>
      <c r="ME40" s="159">
        <v>0</v>
      </c>
      <c r="MF40" s="123">
        <v>0</v>
      </c>
      <c r="MG40" s="124">
        <v>0</v>
      </c>
      <c r="MH40" s="157"/>
      <c r="MI40" s="123">
        <v>5352247</v>
      </c>
      <c r="MJ40" s="123">
        <v>7199967</v>
      </c>
      <c r="MK40" s="123">
        <v>16739407</v>
      </c>
      <c r="ML40" s="123">
        <v>22688938</v>
      </c>
      <c r="MM40" s="123">
        <v>16697340</v>
      </c>
      <c r="MN40" s="124">
        <v>68677899</v>
      </c>
      <c r="MO40" s="160">
        <v>68677899</v>
      </c>
      <c r="MP40" s="159">
        <v>0</v>
      </c>
      <c r="MQ40" s="123">
        <v>0</v>
      </c>
      <c r="MR40" s="124">
        <v>0</v>
      </c>
      <c r="MS40" s="157"/>
      <c r="MT40" s="123">
        <v>199125</v>
      </c>
      <c r="MU40" s="123">
        <v>440370</v>
      </c>
      <c r="MV40" s="123">
        <v>7596097</v>
      </c>
      <c r="MW40" s="123">
        <v>13439817</v>
      </c>
      <c r="MX40" s="123">
        <v>9834174</v>
      </c>
      <c r="MY40" s="124">
        <v>31509583</v>
      </c>
      <c r="MZ40" s="160">
        <v>31509583</v>
      </c>
      <c r="NA40" s="159">
        <v>0</v>
      </c>
      <c r="NB40" s="123">
        <v>0</v>
      </c>
      <c r="NC40" s="124">
        <v>0</v>
      </c>
      <c r="ND40" s="157"/>
      <c r="NE40" s="123">
        <v>4679965</v>
      </c>
      <c r="NF40" s="123">
        <v>6254652</v>
      </c>
      <c r="NG40" s="123">
        <v>7892274</v>
      </c>
      <c r="NH40" s="123">
        <v>5509531</v>
      </c>
      <c r="NI40" s="123">
        <v>3362291</v>
      </c>
      <c r="NJ40" s="124">
        <v>27698713</v>
      </c>
      <c r="NK40" s="360">
        <v>27698713</v>
      </c>
      <c r="NL40" s="159">
        <v>0</v>
      </c>
      <c r="NM40" s="123">
        <v>0</v>
      </c>
      <c r="NN40" s="124">
        <v>0</v>
      </c>
      <c r="NO40" s="157"/>
      <c r="NP40" s="123">
        <v>0</v>
      </c>
      <c r="NQ40" s="123">
        <v>0</v>
      </c>
      <c r="NR40" s="123">
        <v>0</v>
      </c>
      <c r="NS40" s="123">
        <v>0</v>
      </c>
      <c r="NT40" s="123">
        <v>0</v>
      </c>
      <c r="NU40" s="124">
        <v>0</v>
      </c>
      <c r="NV40" s="125">
        <v>0</v>
      </c>
      <c r="NW40" s="159">
        <v>0</v>
      </c>
      <c r="NX40" s="123">
        <v>0</v>
      </c>
      <c r="NY40" s="124">
        <v>0</v>
      </c>
      <c r="NZ40" s="157"/>
      <c r="OA40" s="123">
        <v>473157</v>
      </c>
      <c r="OB40" s="123">
        <v>504945</v>
      </c>
      <c r="OC40" s="123">
        <v>1251036</v>
      </c>
      <c r="OD40" s="123">
        <v>3739590</v>
      </c>
      <c r="OE40" s="123">
        <v>3500875</v>
      </c>
      <c r="OF40" s="124">
        <v>9469603</v>
      </c>
      <c r="OG40" s="125">
        <v>9469603</v>
      </c>
      <c r="OH40" s="159">
        <v>2039254</v>
      </c>
      <c r="OI40" s="123">
        <v>4960683</v>
      </c>
      <c r="OJ40" s="158">
        <v>6999937</v>
      </c>
      <c r="OK40" s="122">
        <v>0</v>
      </c>
      <c r="OL40" s="123">
        <v>39358667</v>
      </c>
      <c r="OM40" s="123">
        <v>41206277</v>
      </c>
      <c r="ON40" s="123">
        <v>45290955</v>
      </c>
      <c r="OO40" s="123">
        <v>48926619</v>
      </c>
      <c r="OP40" s="123">
        <v>28411830</v>
      </c>
      <c r="OQ40" s="124">
        <v>203194348</v>
      </c>
      <c r="OR40" s="160">
        <v>210194285</v>
      </c>
    </row>
    <row r="41" spans="1:408" ht="18.75" customHeight="1" x14ac:dyDescent="0.2">
      <c r="A41" s="63" t="s">
        <v>36</v>
      </c>
      <c r="B41" s="113">
        <v>1061626</v>
      </c>
      <c r="C41" s="117">
        <v>2737096</v>
      </c>
      <c r="D41" s="116">
        <v>3798722</v>
      </c>
      <c r="E41" s="112">
        <v>0</v>
      </c>
      <c r="F41" s="117">
        <v>21128711</v>
      </c>
      <c r="G41" s="117">
        <v>28231653</v>
      </c>
      <c r="H41" s="117">
        <v>25405406</v>
      </c>
      <c r="I41" s="117">
        <v>20980174</v>
      </c>
      <c r="J41" s="117">
        <v>15460531</v>
      </c>
      <c r="K41" s="198">
        <v>111206475</v>
      </c>
      <c r="L41" s="119">
        <v>115005197</v>
      </c>
      <c r="M41" s="113">
        <v>444721</v>
      </c>
      <c r="N41" s="117">
        <v>788549</v>
      </c>
      <c r="O41" s="116">
        <v>1233270</v>
      </c>
      <c r="P41" s="113">
        <v>0</v>
      </c>
      <c r="Q41" s="117">
        <v>5349704</v>
      </c>
      <c r="R41" s="117">
        <v>8955631</v>
      </c>
      <c r="S41" s="117">
        <v>7782831</v>
      </c>
      <c r="T41" s="117">
        <v>8814113</v>
      </c>
      <c r="U41" s="117">
        <v>9161933</v>
      </c>
      <c r="V41" s="116">
        <v>40064212</v>
      </c>
      <c r="W41" s="119">
        <v>41297482</v>
      </c>
      <c r="X41" s="113">
        <v>0</v>
      </c>
      <c r="Y41" s="117">
        <v>0</v>
      </c>
      <c r="Z41" s="116">
        <v>0</v>
      </c>
      <c r="AA41" s="113">
        <v>0</v>
      </c>
      <c r="AB41" s="117">
        <v>2694941</v>
      </c>
      <c r="AC41" s="117">
        <v>4246436</v>
      </c>
      <c r="AD41" s="117">
        <v>4289480</v>
      </c>
      <c r="AE41" s="117">
        <v>4703659</v>
      </c>
      <c r="AF41" s="117">
        <v>4700020</v>
      </c>
      <c r="AG41" s="116">
        <v>20634536</v>
      </c>
      <c r="AH41" s="119">
        <v>20634536</v>
      </c>
      <c r="AI41" s="113">
        <v>0</v>
      </c>
      <c r="AJ41" s="117">
        <v>24614</v>
      </c>
      <c r="AK41" s="116">
        <v>24614</v>
      </c>
      <c r="AL41" s="113">
        <v>0</v>
      </c>
      <c r="AM41" s="117">
        <v>201106</v>
      </c>
      <c r="AN41" s="117">
        <v>491593</v>
      </c>
      <c r="AO41" s="117">
        <v>371860</v>
      </c>
      <c r="AP41" s="117">
        <v>695982</v>
      </c>
      <c r="AQ41" s="117">
        <v>1070255</v>
      </c>
      <c r="AR41" s="116">
        <v>2830796</v>
      </c>
      <c r="AS41" s="119">
        <v>2855410</v>
      </c>
      <c r="AT41" s="113">
        <v>349222</v>
      </c>
      <c r="AU41" s="117">
        <v>706617</v>
      </c>
      <c r="AV41" s="116">
        <v>1055839</v>
      </c>
      <c r="AW41" s="113">
        <v>0</v>
      </c>
      <c r="AX41" s="117">
        <v>2069363</v>
      </c>
      <c r="AY41" s="117">
        <v>3277330</v>
      </c>
      <c r="AZ41" s="117">
        <v>1950688</v>
      </c>
      <c r="BA41" s="117">
        <v>2532996</v>
      </c>
      <c r="BB41" s="117">
        <v>2668126</v>
      </c>
      <c r="BC41" s="116">
        <v>12498503</v>
      </c>
      <c r="BD41" s="119">
        <v>13554342</v>
      </c>
      <c r="BE41" s="113">
        <v>45043</v>
      </c>
      <c r="BF41" s="117">
        <v>0</v>
      </c>
      <c r="BG41" s="115">
        <v>45043</v>
      </c>
      <c r="BH41" s="114">
        <v>0</v>
      </c>
      <c r="BI41" s="117">
        <v>0</v>
      </c>
      <c r="BJ41" s="117">
        <v>39661</v>
      </c>
      <c r="BK41" s="117">
        <v>18017</v>
      </c>
      <c r="BL41" s="117">
        <v>114508</v>
      </c>
      <c r="BM41" s="117">
        <v>83841</v>
      </c>
      <c r="BN41" s="116">
        <v>256027</v>
      </c>
      <c r="BO41" s="119">
        <v>301070</v>
      </c>
      <c r="BP41" s="113">
        <v>50456</v>
      </c>
      <c r="BQ41" s="117">
        <v>57318</v>
      </c>
      <c r="BR41" s="116">
        <v>107774</v>
      </c>
      <c r="BS41" s="113">
        <v>0</v>
      </c>
      <c r="BT41" s="117">
        <v>384294</v>
      </c>
      <c r="BU41" s="117">
        <v>900611</v>
      </c>
      <c r="BV41" s="117">
        <v>1152786</v>
      </c>
      <c r="BW41" s="117">
        <v>766968</v>
      </c>
      <c r="BX41" s="117">
        <v>639691</v>
      </c>
      <c r="BY41" s="116">
        <v>3844350</v>
      </c>
      <c r="BZ41" s="119">
        <v>3952124</v>
      </c>
      <c r="CA41" s="113">
        <v>108562</v>
      </c>
      <c r="CB41" s="117">
        <v>409319</v>
      </c>
      <c r="CC41" s="116">
        <v>517881</v>
      </c>
      <c r="CD41" s="113">
        <v>0</v>
      </c>
      <c r="CE41" s="117">
        <v>7300708</v>
      </c>
      <c r="CF41" s="117">
        <v>10347942</v>
      </c>
      <c r="CG41" s="117">
        <v>7429254</v>
      </c>
      <c r="CH41" s="117">
        <v>4687128</v>
      </c>
      <c r="CI41" s="117">
        <v>1607591</v>
      </c>
      <c r="CJ41" s="116">
        <v>31372623</v>
      </c>
      <c r="CK41" s="119">
        <v>31890504</v>
      </c>
      <c r="CL41" s="113">
        <v>0</v>
      </c>
      <c r="CM41" s="117">
        <v>0</v>
      </c>
      <c r="CN41" s="116">
        <v>0</v>
      </c>
      <c r="CO41" s="114">
        <v>0</v>
      </c>
      <c r="CP41" s="117">
        <v>5676309</v>
      </c>
      <c r="CQ41" s="117">
        <v>8478899</v>
      </c>
      <c r="CR41" s="117">
        <v>5951693</v>
      </c>
      <c r="CS41" s="117">
        <v>4053957</v>
      </c>
      <c r="CT41" s="117">
        <v>1539759</v>
      </c>
      <c r="CU41" s="116">
        <v>25700617</v>
      </c>
      <c r="CV41" s="119">
        <v>25700617</v>
      </c>
      <c r="CW41" s="113">
        <v>108562</v>
      </c>
      <c r="CX41" s="117">
        <v>409319</v>
      </c>
      <c r="CY41" s="116">
        <v>517881</v>
      </c>
      <c r="CZ41" s="113">
        <v>0</v>
      </c>
      <c r="DA41" s="117">
        <v>1624399</v>
      </c>
      <c r="DB41" s="117">
        <v>1869043</v>
      </c>
      <c r="DC41" s="117">
        <v>1477561</v>
      </c>
      <c r="DD41" s="117">
        <v>633171</v>
      </c>
      <c r="DE41" s="117">
        <v>67832</v>
      </c>
      <c r="DF41" s="116">
        <v>5672006</v>
      </c>
      <c r="DG41" s="119">
        <v>6189887</v>
      </c>
      <c r="DH41" s="113">
        <v>0</v>
      </c>
      <c r="DI41" s="117">
        <v>0</v>
      </c>
      <c r="DJ41" s="115">
        <v>0</v>
      </c>
      <c r="DK41" s="114">
        <v>0</v>
      </c>
      <c r="DL41" s="117">
        <v>1661050</v>
      </c>
      <c r="DM41" s="117">
        <v>1135985</v>
      </c>
      <c r="DN41" s="117">
        <v>3087565</v>
      </c>
      <c r="DO41" s="117">
        <v>2645502</v>
      </c>
      <c r="DP41" s="117">
        <v>974457</v>
      </c>
      <c r="DQ41" s="116">
        <v>9504559</v>
      </c>
      <c r="DR41" s="119">
        <v>9504559</v>
      </c>
      <c r="DS41" s="113">
        <v>0</v>
      </c>
      <c r="DT41" s="117">
        <v>0</v>
      </c>
      <c r="DU41" s="116">
        <v>0</v>
      </c>
      <c r="DV41" s="113">
        <v>0</v>
      </c>
      <c r="DW41" s="117">
        <v>1661050</v>
      </c>
      <c r="DX41" s="117">
        <v>1013758</v>
      </c>
      <c r="DY41" s="117">
        <v>3048303</v>
      </c>
      <c r="DZ41" s="117">
        <v>2568962</v>
      </c>
      <c r="EA41" s="117">
        <v>974457</v>
      </c>
      <c r="EB41" s="116">
        <v>9266530</v>
      </c>
      <c r="EC41" s="119">
        <v>9266530</v>
      </c>
      <c r="ED41" s="113">
        <v>0</v>
      </c>
      <c r="EE41" s="115">
        <v>0</v>
      </c>
      <c r="EF41" s="116">
        <v>0</v>
      </c>
      <c r="EG41" s="113">
        <v>0</v>
      </c>
      <c r="EH41" s="117">
        <v>0</v>
      </c>
      <c r="EI41" s="117">
        <v>122227</v>
      </c>
      <c r="EJ41" s="117">
        <v>39262</v>
      </c>
      <c r="EK41" s="117">
        <v>76540</v>
      </c>
      <c r="EL41" s="117">
        <v>0</v>
      </c>
      <c r="EM41" s="115">
        <v>238029</v>
      </c>
      <c r="EN41" s="119">
        <v>238029</v>
      </c>
      <c r="EO41" s="113">
        <v>0</v>
      </c>
      <c r="EP41" s="117">
        <v>0</v>
      </c>
      <c r="EQ41" s="115">
        <v>0</v>
      </c>
      <c r="ER41" s="114">
        <v>0</v>
      </c>
      <c r="ES41" s="117">
        <v>0</v>
      </c>
      <c r="ET41" s="117">
        <v>0</v>
      </c>
      <c r="EU41" s="117">
        <v>0</v>
      </c>
      <c r="EV41" s="117">
        <v>0</v>
      </c>
      <c r="EW41" s="117">
        <v>0</v>
      </c>
      <c r="EX41" s="116">
        <v>0</v>
      </c>
      <c r="EY41" s="119">
        <v>0</v>
      </c>
      <c r="EZ41" s="113">
        <v>0</v>
      </c>
      <c r="FA41" s="117">
        <v>0</v>
      </c>
      <c r="FB41" s="115">
        <v>0</v>
      </c>
      <c r="FC41" s="395">
        <v>0</v>
      </c>
      <c r="FD41" s="117">
        <v>0</v>
      </c>
      <c r="FE41" s="117">
        <v>0</v>
      </c>
      <c r="FF41" s="117">
        <v>0</v>
      </c>
      <c r="FG41" s="117">
        <v>0</v>
      </c>
      <c r="FH41" s="117">
        <v>0</v>
      </c>
      <c r="FI41" s="116">
        <v>0</v>
      </c>
      <c r="FJ41" s="119">
        <v>0</v>
      </c>
      <c r="FK41" s="113">
        <v>233468</v>
      </c>
      <c r="FL41" s="117">
        <v>932135</v>
      </c>
      <c r="FM41" s="116">
        <v>1165603</v>
      </c>
      <c r="FN41" s="113">
        <v>0</v>
      </c>
      <c r="FO41" s="117">
        <v>1829307</v>
      </c>
      <c r="FP41" s="117">
        <v>2226662</v>
      </c>
      <c r="FQ41" s="117">
        <v>1693368</v>
      </c>
      <c r="FR41" s="117">
        <v>1599755</v>
      </c>
      <c r="FS41" s="117">
        <v>986788</v>
      </c>
      <c r="FT41" s="116">
        <v>8335880</v>
      </c>
      <c r="FU41" s="119">
        <v>9501483</v>
      </c>
      <c r="FV41" s="118">
        <v>152918</v>
      </c>
      <c r="FW41" s="117">
        <v>613535</v>
      </c>
      <c r="FX41" s="115">
        <v>766453</v>
      </c>
      <c r="FY41" s="114">
        <v>0</v>
      </c>
      <c r="FZ41" s="117">
        <v>1286647</v>
      </c>
      <c r="GA41" s="117">
        <v>1913854</v>
      </c>
      <c r="GB41" s="117">
        <v>1693368</v>
      </c>
      <c r="GC41" s="117">
        <v>1562927</v>
      </c>
      <c r="GD41" s="117">
        <v>970948</v>
      </c>
      <c r="GE41" s="116">
        <v>7427744</v>
      </c>
      <c r="GF41" s="357">
        <v>8194197</v>
      </c>
      <c r="GG41" s="118">
        <v>63450</v>
      </c>
      <c r="GH41" s="117">
        <v>25200</v>
      </c>
      <c r="GI41" s="115">
        <v>88650</v>
      </c>
      <c r="GJ41" s="114">
        <v>0</v>
      </c>
      <c r="GK41" s="117">
        <v>13600</v>
      </c>
      <c r="GL41" s="117">
        <v>68508</v>
      </c>
      <c r="GM41" s="117">
        <v>0</v>
      </c>
      <c r="GN41" s="117">
        <v>36828</v>
      </c>
      <c r="GO41" s="117">
        <v>15840</v>
      </c>
      <c r="GP41" s="116">
        <v>134776</v>
      </c>
      <c r="GQ41" s="119">
        <v>223426</v>
      </c>
      <c r="GR41" s="113">
        <v>17100</v>
      </c>
      <c r="GS41" s="117">
        <v>293400</v>
      </c>
      <c r="GT41" s="116">
        <v>310500</v>
      </c>
      <c r="GU41" s="113">
        <v>0</v>
      </c>
      <c r="GV41" s="117">
        <v>529060</v>
      </c>
      <c r="GW41" s="117">
        <v>244300</v>
      </c>
      <c r="GX41" s="117">
        <v>0</v>
      </c>
      <c r="GY41" s="117">
        <v>0</v>
      </c>
      <c r="GZ41" s="117">
        <v>0</v>
      </c>
      <c r="HA41" s="115">
        <v>773360</v>
      </c>
      <c r="HB41" s="119">
        <v>1083860</v>
      </c>
      <c r="HC41" s="113">
        <v>65481</v>
      </c>
      <c r="HD41" s="117">
        <v>100736</v>
      </c>
      <c r="HE41" s="115">
        <v>166217</v>
      </c>
      <c r="HF41" s="114">
        <v>0</v>
      </c>
      <c r="HG41" s="117">
        <v>1442043</v>
      </c>
      <c r="HH41" s="117">
        <v>2320194</v>
      </c>
      <c r="HI41" s="117">
        <v>2929346</v>
      </c>
      <c r="HJ41" s="117">
        <v>1674521</v>
      </c>
      <c r="HK41" s="117">
        <v>1743801</v>
      </c>
      <c r="HL41" s="116">
        <v>10109905</v>
      </c>
      <c r="HM41" s="112">
        <v>10276122</v>
      </c>
      <c r="HN41" s="118">
        <v>209394</v>
      </c>
      <c r="HO41" s="117">
        <v>506357</v>
      </c>
      <c r="HP41" s="116">
        <v>715751</v>
      </c>
      <c r="HQ41" s="113">
        <v>0</v>
      </c>
      <c r="HR41" s="117">
        <v>3545899</v>
      </c>
      <c r="HS41" s="117">
        <v>3245239</v>
      </c>
      <c r="HT41" s="117">
        <v>2483042</v>
      </c>
      <c r="HU41" s="117">
        <v>1559155</v>
      </c>
      <c r="HV41" s="117">
        <v>985961</v>
      </c>
      <c r="HW41" s="115">
        <v>11819296</v>
      </c>
      <c r="HX41" s="119">
        <v>12535047</v>
      </c>
      <c r="HY41" s="148">
        <v>46943</v>
      </c>
      <c r="HZ41" s="149">
        <v>84068</v>
      </c>
      <c r="IA41" s="150">
        <v>131011</v>
      </c>
      <c r="IB41" s="162">
        <v>0</v>
      </c>
      <c r="IC41" s="149">
        <v>4102754</v>
      </c>
      <c r="ID41" s="163">
        <v>6588624</v>
      </c>
      <c r="IE41" s="150">
        <v>9221177</v>
      </c>
      <c r="IF41" s="149">
        <v>5644617</v>
      </c>
      <c r="IG41" s="150">
        <v>4339347</v>
      </c>
      <c r="IH41" s="164">
        <v>29896519</v>
      </c>
      <c r="II41" s="156">
        <v>30027530</v>
      </c>
      <c r="IJ41" s="259">
        <v>0</v>
      </c>
      <c r="IK41" s="266">
        <v>0</v>
      </c>
      <c r="IL41" s="267">
        <v>0</v>
      </c>
      <c r="IM41" s="157"/>
      <c r="IN41" s="123">
        <v>0</v>
      </c>
      <c r="IO41" s="123">
        <v>0</v>
      </c>
      <c r="IP41" s="123">
        <v>0</v>
      </c>
      <c r="IQ41" s="123">
        <v>0</v>
      </c>
      <c r="IR41" s="123">
        <v>0</v>
      </c>
      <c r="IS41" s="158">
        <v>0</v>
      </c>
      <c r="IT41" s="360">
        <v>0</v>
      </c>
      <c r="IU41" s="159">
        <v>0</v>
      </c>
      <c r="IV41" s="123">
        <v>0</v>
      </c>
      <c r="IW41" s="124">
        <v>0</v>
      </c>
      <c r="IX41" s="157"/>
      <c r="IY41" s="123">
        <v>0</v>
      </c>
      <c r="IZ41" s="123">
        <v>0</v>
      </c>
      <c r="JA41" s="123">
        <v>0</v>
      </c>
      <c r="JB41" s="123">
        <v>0</v>
      </c>
      <c r="JC41" s="123">
        <v>0</v>
      </c>
      <c r="JD41" s="124">
        <v>0</v>
      </c>
      <c r="JE41" s="125">
        <v>0</v>
      </c>
      <c r="JF41" s="159">
        <v>0</v>
      </c>
      <c r="JG41" s="123">
        <v>0</v>
      </c>
      <c r="JH41" s="158">
        <v>0</v>
      </c>
      <c r="JI41" s="122">
        <v>0</v>
      </c>
      <c r="JJ41" s="123">
        <v>2085630</v>
      </c>
      <c r="JK41" s="123">
        <v>4939740</v>
      </c>
      <c r="JL41" s="123">
        <v>3920030</v>
      </c>
      <c r="JM41" s="123">
        <v>2615584</v>
      </c>
      <c r="JN41" s="123">
        <v>2634798</v>
      </c>
      <c r="JO41" s="124">
        <v>16195782</v>
      </c>
      <c r="JP41" s="360">
        <v>16195782</v>
      </c>
      <c r="JQ41" s="159">
        <v>0</v>
      </c>
      <c r="JR41" s="123">
        <v>0</v>
      </c>
      <c r="JS41" s="158">
        <v>0</v>
      </c>
      <c r="JT41" s="122">
        <v>0</v>
      </c>
      <c r="JU41" s="123">
        <v>0</v>
      </c>
      <c r="JV41" s="123">
        <v>0</v>
      </c>
      <c r="JW41" s="123">
        <v>0</v>
      </c>
      <c r="JX41" s="123">
        <v>0</v>
      </c>
      <c r="JY41" s="123">
        <v>0</v>
      </c>
      <c r="JZ41" s="124">
        <v>0</v>
      </c>
      <c r="KA41" s="360">
        <v>0</v>
      </c>
      <c r="KB41" s="262">
        <v>46943</v>
      </c>
      <c r="KC41" s="256">
        <v>84068</v>
      </c>
      <c r="KD41" s="124">
        <v>131011</v>
      </c>
      <c r="KE41" s="122">
        <v>0</v>
      </c>
      <c r="KF41" s="123">
        <v>971028</v>
      </c>
      <c r="KG41" s="123">
        <v>283424</v>
      </c>
      <c r="KH41" s="123">
        <v>1482104</v>
      </c>
      <c r="KI41" s="123">
        <v>519795</v>
      </c>
      <c r="KJ41" s="123">
        <v>0</v>
      </c>
      <c r="KK41" s="124">
        <v>3256351</v>
      </c>
      <c r="KL41" s="160">
        <v>3387362</v>
      </c>
      <c r="KM41" s="259">
        <v>0</v>
      </c>
      <c r="KN41" s="266">
        <v>0</v>
      </c>
      <c r="KO41" s="267">
        <v>0</v>
      </c>
      <c r="KP41" s="157"/>
      <c r="KQ41" s="123">
        <v>1046096</v>
      </c>
      <c r="KR41" s="123">
        <v>1365460</v>
      </c>
      <c r="KS41" s="123">
        <v>3819043</v>
      </c>
      <c r="KT41" s="123">
        <v>2509238</v>
      </c>
      <c r="KU41" s="123">
        <v>1704549</v>
      </c>
      <c r="KV41" s="124">
        <v>10444386</v>
      </c>
      <c r="KW41" s="360">
        <v>10444386</v>
      </c>
      <c r="KX41" s="159">
        <v>0</v>
      </c>
      <c r="KY41" s="123">
        <v>0</v>
      </c>
      <c r="KZ41" s="124">
        <v>0</v>
      </c>
      <c r="LA41" s="157"/>
      <c r="LB41" s="123">
        <v>0</v>
      </c>
      <c r="LC41" s="123">
        <v>0</v>
      </c>
      <c r="LD41" s="123">
        <v>0</v>
      </c>
      <c r="LE41" s="123">
        <v>0</v>
      </c>
      <c r="LF41" s="123">
        <v>0</v>
      </c>
      <c r="LG41" s="124">
        <v>0</v>
      </c>
      <c r="LH41" s="125">
        <v>0</v>
      </c>
      <c r="LI41" s="159">
        <v>0</v>
      </c>
      <c r="LJ41" s="123">
        <v>0</v>
      </c>
      <c r="LK41" s="124">
        <v>0</v>
      </c>
      <c r="LL41" s="157"/>
      <c r="LM41" s="123">
        <v>0</v>
      </c>
      <c r="LN41" s="123">
        <v>0</v>
      </c>
      <c r="LO41" s="123">
        <v>0</v>
      </c>
      <c r="LP41" s="123">
        <v>0</v>
      </c>
      <c r="LQ41" s="123">
        <v>0</v>
      </c>
      <c r="LR41" s="124">
        <v>0</v>
      </c>
      <c r="LS41" s="360">
        <v>0</v>
      </c>
      <c r="LT41" s="159">
        <v>0</v>
      </c>
      <c r="LU41" s="123">
        <v>0</v>
      </c>
      <c r="LV41" s="124">
        <v>0</v>
      </c>
      <c r="LW41" s="157"/>
      <c r="LX41" s="123">
        <v>0</v>
      </c>
      <c r="LY41" s="123">
        <v>0</v>
      </c>
      <c r="LZ41" s="123">
        <v>0</v>
      </c>
      <c r="MA41" s="123">
        <v>0</v>
      </c>
      <c r="MB41" s="123">
        <v>0</v>
      </c>
      <c r="MC41" s="124">
        <v>0</v>
      </c>
      <c r="MD41" s="125">
        <v>0</v>
      </c>
      <c r="ME41" s="159">
        <v>0</v>
      </c>
      <c r="MF41" s="123">
        <v>0</v>
      </c>
      <c r="MG41" s="124">
        <v>0</v>
      </c>
      <c r="MH41" s="157"/>
      <c r="MI41" s="123">
        <v>5290259</v>
      </c>
      <c r="MJ41" s="123">
        <v>7567562</v>
      </c>
      <c r="MK41" s="123">
        <v>22205434</v>
      </c>
      <c r="ML41" s="123">
        <v>37260881</v>
      </c>
      <c r="MM41" s="123">
        <v>30110915</v>
      </c>
      <c r="MN41" s="124">
        <v>102435051</v>
      </c>
      <c r="MO41" s="160">
        <v>102435051</v>
      </c>
      <c r="MP41" s="159">
        <v>0</v>
      </c>
      <c r="MQ41" s="123">
        <v>0</v>
      </c>
      <c r="MR41" s="124">
        <v>0</v>
      </c>
      <c r="MS41" s="157"/>
      <c r="MT41" s="123">
        <v>0</v>
      </c>
      <c r="MU41" s="123">
        <v>713170</v>
      </c>
      <c r="MV41" s="123">
        <v>12260937</v>
      </c>
      <c r="MW41" s="123">
        <v>25421666</v>
      </c>
      <c r="MX41" s="123">
        <v>24035051</v>
      </c>
      <c r="MY41" s="124">
        <v>62430824</v>
      </c>
      <c r="MZ41" s="160">
        <v>62430824</v>
      </c>
      <c r="NA41" s="159">
        <v>0</v>
      </c>
      <c r="NB41" s="123">
        <v>0</v>
      </c>
      <c r="NC41" s="124">
        <v>0</v>
      </c>
      <c r="ND41" s="157"/>
      <c r="NE41" s="123">
        <v>5290259</v>
      </c>
      <c r="NF41" s="123">
        <v>6854392</v>
      </c>
      <c r="NG41" s="123">
        <v>9944497</v>
      </c>
      <c r="NH41" s="123">
        <v>10396968</v>
      </c>
      <c r="NI41" s="123">
        <v>5771687</v>
      </c>
      <c r="NJ41" s="124">
        <v>38257803</v>
      </c>
      <c r="NK41" s="360">
        <v>38257803</v>
      </c>
      <c r="NL41" s="159">
        <v>0</v>
      </c>
      <c r="NM41" s="123">
        <v>0</v>
      </c>
      <c r="NN41" s="124">
        <v>0</v>
      </c>
      <c r="NO41" s="157"/>
      <c r="NP41" s="123">
        <v>0</v>
      </c>
      <c r="NQ41" s="123">
        <v>0</v>
      </c>
      <c r="NR41" s="123">
        <v>0</v>
      </c>
      <c r="NS41" s="123">
        <v>1105818</v>
      </c>
      <c r="NT41" s="123">
        <v>304177</v>
      </c>
      <c r="NU41" s="124">
        <v>1409995</v>
      </c>
      <c r="NV41" s="125">
        <v>1409995</v>
      </c>
      <c r="NW41" s="159">
        <v>0</v>
      </c>
      <c r="NX41" s="123">
        <v>0</v>
      </c>
      <c r="NY41" s="124">
        <v>0</v>
      </c>
      <c r="NZ41" s="157"/>
      <c r="OA41" s="123">
        <v>0</v>
      </c>
      <c r="OB41" s="123">
        <v>0</v>
      </c>
      <c r="OC41" s="123">
        <v>0</v>
      </c>
      <c r="OD41" s="123">
        <v>336429</v>
      </c>
      <c r="OE41" s="123">
        <v>0</v>
      </c>
      <c r="OF41" s="124">
        <v>336429</v>
      </c>
      <c r="OG41" s="125">
        <v>336429</v>
      </c>
      <c r="OH41" s="159">
        <v>1108569</v>
      </c>
      <c r="OI41" s="123">
        <v>2821164</v>
      </c>
      <c r="OJ41" s="158">
        <v>3929733</v>
      </c>
      <c r="OK41" s="122">
        <v>0</v>
      </c>
      <c r="OL41" s="123">
        <v>30521724</v>
      </c>
      <c r="OM41" s="123">
        <v>42387839</v>
      </c>
      <c r="ON41" s="123">
        <v>56832017</v>
      </c>
      <c r="OO41" s="123">
        <v>63885672</v>
      </c>
      <c r="OP41" s="123">
        <v>49910793</v>
      </c>
      <c r="OQ41" s="124">
        <v>243538045</v>
      </c>
      <c r="OR41" s="160">
        <v>247467778</v>
      </c>
    </row>
    <row r="42" spans="1:408" ht="18.75" customHeight="1" thickBot="1" x14ac:dyDescent="0.25">
      <c r="A42" s="64" t="s">
        <v>37</v>
      </c>
      <c r="B42" s="120">
        <v>293450</v>
      </c>
      <c r="C42" s="203">
        <v>224089</v>
      </c>
      <c r="D42" s="204">
        <v>517539</v>
      </c>
      <c r="E42" s="205">
        <v>0</v>
      </c>
      <c r="F42" s="203">
        <v>1647163</v>
      </c>
      <c r="G42" s="203">
        <v>2009861</v>
      </c>
      <c r="H42" s="203">
        <v>2008639</v>
      </c>
      <c r="I42" s="203">
        <v>1683864</v>
      </c>
      <c r="J42" s="203">
        <v>911155</v>
      </c>
      <c r="K42" s="205">
        <v>8260682</v>
      </c>
      <c r="L42" s="206">
        <v>8778221</v>
      </c>
      <c r="M42" s="120">
        <v>0</v>
      </c>
      <c r="N42" s="203">
        <v>60797</v>
      </c>
      <c r="O42" s="204">
        <v>60797</v>
      </c>
      <c r="P42" s="120">
        <v>0</v>
      </c>
      <c r="Q42" s="203">
        <v>283438</v>
      </c>
      <c r="R42" s="203">
        <v>522946</v>
      </c>
      <c r="S42" s="203">
        <v>439056</v>
      </c>
      <c r="T42" s="203">
        <v>508663</v>
      </c>
      <c r="U42" s="203">
        <v>555562</v>
      </c>
      <c r="V42" s="204">
        <v>2309665</v>
      </c>
      <c r="W42" s="206">
        <v>2370462</v>
      </c>
      <c r="X42" s="120">
        <v>0</v>
      </c>
      <c r="Y42" s="203">
        <v>0</v>
      </c>
      <c r="Z42" s="204">
        <v>0</v>
      </c>
      <c r="AA42" s="120">
        <v>0</v>
      </c>
      <c r="AB42" s="203">
        <v>114563</v>
      </c>
      <c r="AC42" s="203">
        <v>238195</v>
      </c>
      <c r="AD42" s="203">
        <v>148188</v>
      </c>
      <c r="AE42" s="203">
        <v>197017</v>
      </c>
      <c r="AF42" s="203">
        <v>393636</v>
      </c>
      <c r="AG42" s="204">
        <v>1091599</v>
      </c>
      <c r="AH42" s="206">
        <v>1091599</v>
      </c>
      <c r="AI42" s="120">
        <v>0</v>
      </c>
      <c r="AJ42" s="203">
        <v>0</v>
      </c>
      <c r="AK42" s="204">
        <v>0</v>
      </c>
      <c r="AL42" s="120">
        <v>0</v>
      </c>
      <c r="AM42" s="203">
        <v>0</v>
      </c>
      <c r="AN42" s="203">
        <v>0</v>
      </c>
      <c r="AO42" s="203">
        <v>0</v>
      </c>
      <c r="AP42" s="203">
        <v>65950</v>
      </c>
      <c r="AQ42" s="203">
        <v>0</v>
      </c>
      <c r="AR42" s="204">
        <v>65950</v>
      </c>
      <c r="AS42" s="206">
        <v>65950</v>
      </c>
      <c r="AT42" s="120">
        <v>0</v>
      </c>
      <c r="AU42" s="203">
        <v>60797</v>
      </c>
      <c r="AV42" s="204">
        <v>60797</v>
      </c>
      <c r="AW42" s="120">
        <v>0</v>
      </c>
      <c r="AX42" s="203">
        <v>68024</v>
      </c>
      <c r="AY42" s="203">
        <v>216357</v>
      </c>
      <c r="AZ42" s="203">
        <v>63441</v>
      </c>
      <c r="BA42" s="203">
        <v>164569</v>
      </c>
      <c r="BB42" s="203">
        <v>128916</v>
      </c>
      <c r="BC42" s="204">
        <v>641307</v>
      </c>
      <c r="BD42" s="206">
        <v>702104</v>
      </c>
      <c r="BE42" s="120">
        <v>0</v>
      </c>
      <c r="BF42" s="203">
        <v>0</v>
      </c>
      <c r="BG42" s="208">
        <v>0</v>
      </c>
      <c r="BH42" s="207">
        <v>0</v>
      </c>
      <c r="BI42" s="203">
        <v>62646</v>
      </c>
      <c r="BJ42" s="203">
        <v>22536</v>
      </c>
      <c r="BK42" s="203">
        <v>132174</v>
      </c>
      <c r="BL42" s="203">
        <v>50704</v>
      </c>
      <c r="BM42" s="203">
        <v>0</v>
      </c>
      <c r="BN42" s="204">
        <v>268060</v>
      </c>
      <c r="BO42" s="206">
        <v>268060</v>
      </c>
      <c r="BP42" s="120">
        <v>0</v>
      </c>
      <c r="BQ42" s="203">
        <v>0</v>
      </c>
      <c r="BR42" s="204">
        <v>0</v>
      </c>
      <c r="BS42" s="120">
        <v>0</v>
      </c>
      <c r="BT42" s="203">
        <v>38205</v>
      </c>
      <c r="BU42" s="203">
        <v>45858</v>
      </c>
      <c r="BV42" s="203">
        <v>95253</v>
      </c>
      <c r="BW42" s="203">
        <v>30423</v>
      </c>
      <c r="BX42" s="203">
        <v>33010</v>
      </c>
      <c r="BY42" s="204">
        <v>242749</v>
      </c>
      <c r="BZ42" s="206">
        <v>242749</v>
      </c>
      <c r="CA42" s="120">
        <v>0</v>
      </c>
      <c r="CB42" s="203">
        <v>40908</v>
      </c>
      <c r="CC42" s="204">
        <v>40908</v>
      </c>
      <c r="CD42" s="120">
        <v>0</v>
      </c>
      <c r="CE42" s="203">
        <v>695461</v>
      </c>
      <c r="CF42" s="203">
        <v>494577</v>
      </c>
      <c r="CG42" s="203">
        <v>753563</v>
      </c>
      <c r="CH42" s="203">
        <v>468968</v>
      </c>
      <c r="CI42" s="203">
        <v>121334</v>
      </c>
      <c r="CJ42" s="204">
        <v>2533903</v>
      </c>
      <c r="CK42" s="206">
        <v>2574811</v>
      </c>
      <c r="CL42" s="120">
        <v>0</v>
      </c>
      <c r="CM42" s="203">
        <v>0</v>
      </c>
      <c r="CN42" s="204">
        <v>0</v>
      </c>
      <c r="CO42" s="207">
        <v>0</v>
      </c>
      <c r="CP42" s="203">
        <v>374405</v>
      </c>
      <c r="CQ42" s="203">
        <v>188675</v>
      </c>
      <c r="CR42" s="203">
        <v>499650</v>
      </c>
      <c r="CS42" s="203">
        <v>100485</v>
      </c>
      <c r="CT42" s="203">
        <v>121334</v>
      </c>
      <c r="CU42" s="204">
        <v>1284549</v>
      </c>
      <c r="CV42" s="206">
        <v>1284549</v>
      </c>
      <c r="CW42" s="120">
        <v>0</v>
      </c>
      <c r="CX42" s="203">
        <v>40908</v>
      </c>
      <c r="CY42" s="204">
        <v>40908</v>
      </c>
      <c r="CZ42" s="120">
        <v>0</v>
      </c>
      <c r="DA42" s="203">
        <v>321056</v>
      </c>
      <c r="DB42" s="203">
        <v>305902</v>
      </c>
      <c r="DC42" s="203">
        <v>253913</v>
      </c>
      <c r="DD42" s="203">
        <v>368483</v>
      </c>
      <c r="DE42" s="203">
        <v>0</v>
      </c>
      <c r="DF42" s="204">
        <v>1249354</v>
      </c>
      <c r="DG42" s="206">
        <v>1290262</v>
      </c>
      <c r="DH42" s="120">
        <v>0</v>
      </c>
      <c r="DI42" s="203">
        <v>0</v>
      </c>
      <c r="DJ42" s="208">
        <v>0</v>
      </c>
      <c r="DK42" s="207">
        <v>0</v>
      </c>
      <c r="DL42" s="203">
        <v>68758</v>
      </c>
      <c r="DM42" s="203">
        <v>27236</v>
      </c>
      <c r="DN42" s="203">
        <v>196782</v>
      </c>
      <c r="DO42" s="203">
        <v>182112</v>
      </c>
      <c r="DP42" s="203">
        <v>92696</v>
      </c>
      <c r="DQ42" s="204">
        <v>567584</v>
      </c>
      <c r="DR42" s="206">
        <v>567584</v>
      </c>
      <c r="DS42" s="120">
        <v>0</v>
      </c>
      <c r="DT42" s="203">
        <v>0</v>
      </c>
      <c r="DU42" s="204">
        <v>0</v>
      </c>
      <c r="DV42" s="120">
        <v>0</v>
      </c>
      <c r="DW42" s="203">
        <v>68758</v>
      </c>
      <c r="DX42" s="203">
        <v>27236</v>
      </c>
      <c r="DY42" s="203">
        <v>114397</v>
      </c>
      <c r="DZ42" s="203">
        <v>0</v>
      </c>
      <c r="EA42" s="203">
        <v>92696</v>
      </c>
      <c r="EB42" s="204">
        <v>303087</v>
      </c>
      <c r="EC42" s="206">
        <v>303087</v>
      </c>
      <c r="ED42" s="120">
        <v>0</v>
      </c>
      <c r="EE42" s="208">
        <v>0</v>
      </c>
      <c r="EF42" s="204">
        <v>0</v>
      </c>
      <c r="EG42" s="120">
        <v>0</v>
      </c>
      <c r="EH42" s="203">
        <v>0</v>
      </c>
      <c r="EI42" s="203">
        <v>0</v>
      </c>
      <c r="EJ42" s="203">
        <v>82385</v>
      </c>
      <c r="EK42" s="203">
        <v>182112</v>
      </c>
      <c r="EL42" s="203">
        <v>0</v>
      </c>
      <c r="EM42" s="208">
        <v>264497</v>
      </c>
      <c r="EN42" s="206">
        <v>264497</v>
      </c>
      <c r="EO42" s="120">
        <v>0</v>
      </c>
      <c r="EP42" s="203">
        <v>0</v>
      </c>
      <c r="EQ42" s="208">
        <v>0</v>
      </c>
      <c r="ER42" s="207">
        <v>0</v>
      </c>
      <c r="ES42" s="203">
        <v>0</v>
      </c>
      <c r="ET42" s="203">
        <v>0</v>
      </c>
      <c r="EU42" s="203">
        <v>0</v>
      </c>
      <c r="EV42" s="203">
        <v>0</v>
      </c>
      <c r="EW42" s="203">
        <v>0</v>
      </c>
      <c r="EX42" s="204">
        <v>0</v>
      </c>
      <c r="EY42" s="206">
        <v>0</v>
      </c>
      <c r="EZ42" s="120">
        <v>0</v>
      </c>
      <c r="FA42" s="203">
        <v>0</v>
      </c>
      <c r="FB42" s="208">
        <v>0</v>
      </c>
      <c r="FC42" s="396">
        <v>0</v>
      </c>
      <c r="FD42" s="203">
        <v>0</v>
      </c>
      <c r="FE42" s="203">
        <v>0</v>
      </c>
      <c r="FF42" s="203">
        <v>0</v>
      </c>
      <c r="FG42" s="203">
        <v>0</v>
      </c>
      <c r="FH42" s="203">
        <v>0</v>
      </c>
      <c r="FI42" s="204">
        <v>0</v>
      </c>
      <c r="FJ42" s="206">
        <v>0</v>
      </c>
      <c r="FK42" s="120">
        <v>262935</v>
      </c>
      <c r="FL42" s="203">
        <v>72180</v>
      </c>
      <c r="FM42" s="204">
        <v>335115</v>
      </c>
      <c r="FN42" s="120">
        <v>0</v>
      </c>
      <c r="FO42" s="203">
        <v>199466</v>
      </c>
      <c r="FP42" s="203">
        <v>540623</v>
      </c>
      <c r="FQ42" s="203">
        <v>187848</v>
      </c>
      <c r="FR42" s="203">
        <v>181216</v>
      </c>
      <c r="FS42" s="203">
        <v>78899</v>
      </c>
      <c r="FT42" s="204">
        <v>1188052</v>
      </c>
      <c r="FU42" s="206">
        <v>1523167</v>
      </c>
      <c r="FV42" s="209">
        <v>61947</v>
      </c>
      <c r="FW42" s="203">
        <v>72180</v>
      </c>
      <c r="FX42" s="208">
        <v>134127</v>
      </c>
      <c r="FY42" s="207">
        <v>0</v>
      </c>
      <c r="FZ42" s="203">
        <v>199466</v>
      </c>
      <c r="GA42" s="203">
        <v>451077</v>
      </c>
      <c r="GB42" s="203">
        <v>187848</v>
      </c>
      <c r="GC42" s="203">
        <v>181216</v>
      </c>
      <c r="GD42" s="203">
        <v>78899</v>
      </c>
      <c r="GE42" s="204">
        <v>1098506</v>
      </c>
      <c r="GF42" s="358">
        <v>1232633</v>
      </c>
      <c r="GG42" s="209">
        <v>20988</v>
      </c>
      <c r="GH42" s="203">
        <v>0</v>
      </c>
      <c r="GI42" s="208">
        <v>20988</v>
      </c>
      <c r="GJ42" s="207">
        <v>0</v>
      </c>
      <c r="GK42" s="203">
        <v>0</v>
      </c>
      <c r="GL42" s="203">
        <v>41877</v>
      </c>
      <c r="GM42" s="203">
        <v>0</v>
      </c>
      <c r="GN42" s="203">
        <v>0</v>
      </c>
      <c r="GO42" s="203">
        <v>0</v>
      </c>
      <c r="GP42" s="204">
        <v>41877</v>
      </c>
      <c r="GQ42" s="206">
        <v>62865</v>
      </c>
      <c r="GR42" s="120">
        <v>180000</v>
      </c>
      <c r="GS42" s="203">
        <v>0</v>
      </c>
      <c r="GT42" s="204">
        <v>180000</v>
      </c>
      <c r="GU42" s="120">
        <v>0</v>
      </c>
      <c r="GV42" s="203">
        <v>0</v>
      </c>
      <c r="GW42" s="203">
        <v>47669</v>
      </c>
      <c r="GX42" s="203">
        <v>0</v>
      </c>
      <c r="GY42" s="203">
        <v>0</v>
      </c>
      <c r="GZ42" s="203">
        <v>0</v>
      </c>
      <c r="HA42" s="208">
        <v>47669</v>
      </c>
      <c r="HB42" s="206">
        <v>227669</v>
      </c>
      <c r="HC42" s="120">
        <v>0</v>
      </c>
      <c r="HD42" s="203">
        <v>0</v>
      </c>
      <c r="HE42" s="208">
        <v>0</v>
      </c>
      <c r="HF42" s="207">
        <v>0</v>
      </c>
      <c r="HG42" s="203">
        <v>0</v>
      </c>
      <c r="HH42" s="203">
        <v>0</v>
      </c>
      <c r="HI42" s="203">
        <v>200740</v>
      </c>
      <c r="HJ42" s="203">
        <v>185008</v>
      </c>
      <c r="HK42" s="203">
        <v>0</v>
      </c>
      <c r="HL42" s="204">
        <v>385748</v>
      </c>
      <c r="HM42" s="205">
        <v>385748</v>
      </c>
      <c r="HN42" s="209">
        <v>30515</v>
      </c>
      <c r="HO42" s="203">
        <v>50204</v>
      </c>
      <c r="HP42" s="204">
        <v>80719</v>
      </c>
      <c r="HQ42" s="120">
        <v>0</v>
      </c>
      <c r="HR42" s="203">
        <v>400040</v>
      </c>
      <c r="HS42" s="203">
        <v>424479</v>
      </c>
      <c r="HT42" s="203">
        <v>230650</v>
      </c>
      <c r="HU42" s="203">
        <v>157897</v>
      </c>
      <c r="HV42" s="203">
        <v>62664</v>
      </c>
      <c r="HW42" s="208">
        <v>1275730</v>
      </c>
      <c r="HX42" s="206">
        <v>1356449</v>
      </c>
      <c r="HY42" s="167">
        <v>0</v>
      </c>
      <c r="HZ42" s="168">
        <v>0</v>
      </c>
      <c r="IA42" s="169">
        <v>0</v>
      </c>
      <c r="IB42" s="170">
        <v>0</v>
      </c>
      <c r="IC42" s="171">
        <v>1196122</v>
      </c>
      <c r="ID42" s="172">
        <v>1224789</v>
      </c>
      <c r="IE42" s="173">
        <v>1225702</v>
      </c>
      <c r="IF42" s="171">
        <v>450263</v>
      </c>
      <c r="IG42" s="173">
        <v>443521</v>
      </c>
      <c r="IH42" s="174">
        <v>4540397</v>
      </c>
      <c r="II42" s="175">
        <v>4540397</v>
      </c>
      <c r="IJ42" s="260">
        <v>0</v>
      </c>
      <c r="IK42" s="268">
        <v>0</v>
      </c>
      <c r="IL42" s="269">
        <v>0</v>
      </c>
      <c r="IM42" s="176"/>
      <c r="IN42" s="177">
        <v>0</v>
      </c>
      <c r="IO42" s="177">
        <v>0</v>
      </c>
      <c r="IP42" s="177">
        <v>0</v>
      </c>
      <c r="IQ42" s="177">
        <v>0</v>
      </c>
      <c r="IR42" s="177">
        <v>264545</v>
      </c>
      <c r="IS42" s="178">
        <v>264545</v>
      </c>
      <c r="IT42" s="361">
        <v>264545</v>
      </c>
      <c r="IU42" s="179">
        <v>0</v>
      </c>
      <c r="IV42" s="177">
        <v>0</v>
      </c>
      <c r="IW42" s="181">
        <v>0</v>
      </c>
      <c r="IX42" s="176"/>
      <c r="IY42" s="177">
        <v>0</v>
      </c>
      <c r="IZ42" s="177">
        <v>0</v>
      </c>
      <c r="JA42" s="177">
        <v>0</v>
      </c>
      <c r="JB42" s="177">
        <v>0</v>
      </c>
      <c r="JC42" s="177">
        <v>0</v>
      </c>
      <c r="JD42" s="181">
        <v>0</v>
      </c>
      <c r="JE42" s="182">
        <v>0</v>
      </c>
      <c r="JF42" s="179">
        <v>0</v>
      </c>
      <c r="JG42" s="177">
        <v>0</v>
      </c>
      <c r="JH42" s="178">
        <v>0</v>
      </c>
      <c r="JI42" s="180">
        <v>0</v>
      </c>
      <c r="JJ42" s="177">
        <v>901335</v>
      </c>
      <c r="JK42" s="177">
        <v>1224789</v>
      </c>
      <c r="JL42" s="177">
        <v>232154</v>
      </c>
      <c r="JM42" s="177">
        <v>193797</v>
      </c>
      <c r="JN42" s="177">
        <v>178976</v>
      </c>
      <c r="JO42" s="181">
        <v>2731051</v>
      </c>
      <c r="JP42" s="361">
        <v>2731051</v>
      </c>
      <c r="JQ42" s="179">
        <v>0</v>
      </c>
      <c r="JR42" s="177">
        <v>0</v>
      </c>
      <c r="JS42" s="178">
        <v>0</v>
      </c>
      <c r="JT42" s="180">
        <v>0</v>
      </c>
      <c r="JU42" s="177">
        <v>36825</v>
      </c>
      <c r="JV42" s="177">
        <v>0</v>
      </c>
      <c r="JW42" s="177">
        <v>156181</v>
      </c>
      <c r="JX42" s="177">
        <v>256466</v>
      </c>
      <c r="JY42" s="177">
        <v>0</v>
      </c>
      <c r="JZ42" s="181">
        <v>449472</v>
      </c>
      <c r="KA42" s="361">
        <v>449472</v>
      </c>
      <c r="KB42" s="263">
        <v>0</v>
      </c>
      <c r="KC42" s="257">
        <v>0</v>
      </c>
      <c r="KD42" s="181">
        <v>0</v>
      </c>
      <c r="KE42" s="180">
        <v>0</v>
      </c>
      <c r="KF42" s="177">
        <v>0</v>
      </c>
      <c r="KG42" s="177">
        <v>0</v>
      </c>
      <c r="KH42" s="177">
        <v>0</v>
      </c>
      <c r="KI42" s="177">
        <v>0</v>
      </c>
      <c r="KJ42" s="177">
        <v>0</v>
      </c>
      <c r="KK42" s="181">
        <v>0</v>
      </c>
      <c r="KL42" s="183">
        <v>0</v>
      </c>
      <c r="KM42" s="260">
        <v>0</v>
      </c>
      <c r="KN42" s="268">
        <v>0</v>
      </c>
      <c r="KO42" s="269">
        <v>0</v>
      </c>
      <c r="KP42" s="176"/>
      <c r="KQ42" s="177">
        <v>257962</v>
      </c>
      <c r="KR42" s="177">
        <v>0</v>
      </c>
      <c r="KS42" s="177">
        <v>837367</v>
      </c>
      <c r="KT42" s="177">
        <v>0</v>
      </c>
      <c r="KU42" s="177">
        <v>0</v>
      </c>
      <c r="KV42" s="181">
        <v>1095329</v>
      </c>
      <c r="KW42" s="361">
        <v>1095329</v>
      </c>
      <c r="KX42" s="179">
        <v>0</v>
      </c>
      <c r="KY42" s="177">
        <v>0</v>
      </c>
      <c r="KZ42" s="181">
        <v>0</v>
      </c>
      <c r="LA42" s="176"/>
      <c r="LB42" s="177">
        <v>0</v>
      </c>
      <c r="LC42" s="177">
        <v>0</v>
      </c>
      <c r="LD42" s="177">
        <v>0</v>
      </c>
      <c r="LE42" s="177">
        <v>0</v>
      </c>
      <c r="LF42" s="177">
        <v>0</v>
      </c>
      <c r="LG42" s="181">
        <v>0</v>
      </c>
      <c r="LH42" s="182">
        <v>0</v>
      </c>
      <c r="LI42" s="179">
        <v>0</v>
      </c>
      <c r="LJ42" s="177">
        <v>0</v>
      </c>
      <c r="LK42" s="181">
        <v>0</v>
      </c>
      <c r="LL42" s="176"/>
      <c r="LM42" s="177">
        <v>0</v>
      </c>
      <c r="LN42" s="177">
        <v>0</v>
      </c>
      <c r="LO42" s="177">
        <v>0</v>
      </c>
      <c r="LP42" s="177">
        <v>0</v>
      </c>
      <c r="LQ42" s="177">
        <v>0</v>
      </c>
      <c r="LR42" s="181">
        <v>0</v>
      </c>
      <c r="LS42" s="361">
        <v>0</v>
      </c>
      <c r="LT42" s="179">
        <v>0</v>
      </c>
      <c r="LU42" s="177">
        <v>0</v>
      </c>
      <c r="LV42" s="181">
        <v>0</v>
      </c>
      <c r="LW42" s="176"/>
      <c r="LX42" s="177">
        <v>0</v>
      </c>
      <c r="LY42" s="177">
        <v>0</v>
      </c>
      <c r="LZ42" s="177">
        <v>0</v>
      </c>
      <c r="MA42" s="177">
        <v>0</v>
      </c>
      <c r="MB42" s="177">
        <v>0</v>
      </c>
      <c r="MC42" s="181">
        <v>0</v>
      </c>
      <c r="MD42" s="182">
        <v>0</v>
      </c>
      <c r="ME42" s="179">
        <v>0</v>
      </c>
      <c r="MF42" s="177">
        <v>0</v>
      </c>
      <c r="MG42" s="181">
        <v>0</v>
      </c>
      <c r="MH42" s="176"/>
      <c r="MI42" s="177">
        <v>513828</v>
      </c>
      <c r="MJ42" s="177">
        <v>296793</v>
      </c>
      <c r="MK42" s="177">
        <v>3870024</v>
      </c>
      <c r="ML42" s="177">
        <v>3161444</v>
      </c>
      <c r="MM42" s="177">
        <v>2622650</v>
      </c>
      <c r="MN42" s="181">
        <v>10464739</v>
      </c>
      <c r="MO42" s="183">
        <v>10464739</v>
      </c>
      <c r="MP42" s="179">
        <v>0</v>
      </c>
      <c r="MQ42" s="177">
        <v>0</v>
      </c>
      <c r="MR42" s="181">
        <v>0</v>
      </c>
      <c r="MS42" s="176"/>
      <c r="MT42" s="177">
        <v>0</v>
      </c>
      <c r="MU42" s="177">
        <v>0</v>
      </c>
      <c r="MV42" s="177">
        <v>2300868</v>
      </c>
      <c r="MW42" s="177">
        <v>2224944</v>
      </c>
      <c r="MX42" s="177">
        <v>2175378</v>
      </c>
      <c r="MY42" s="181">
        <v>6701190</v>
      </c>
      <c r="MZ42" s="183">
        <v>6701190</v>
      </c>
      <c r="NA42" s="179">
        <v>0</v>
      </c>
      <c r="NB42" s="177">
        <v>0</v>
      </c>
      <c r="NC42" s="181">
        <v>0</v>
      </c>
      <c r="ND42" s="176"/>
      <c r="NE42" s="177">
        <v>513828</v>
      </c>
      <c r="NF42" s="177">
        <v>296793</v>
      </c>
      <c r="NG42" s="177">
        <v>1569156</v>
      </c>
      <c r="NH42" s="177">
        <v>560190</v>
      </c>
      <c r="NI42" s="177">
        <v>104175</v>
      </c>
      <c r="NJ42" s="181">
        <v>3044142</v>
      </c>
      <c r="NK42" s="361">
        <v>3044142</v>
      </c>
      <c r="NL42" s="179">
        <v>0</v>
      </c>
      <c r="NM42" s="177">
        <v>0</v>
      </c>
      <c r="NN42" s="181">
        <v>0</v>
      </c>
      <c r="NO42" s="176"/>
      <c r="NP42" s="177">
        <v>0</v>
      </c>
      <c r="NQ42" s="177">
        <v>0</v>
      </c>
      <c r="NR42" s="177">
        <v>0</v>
      </c>
      <c r="NS42" s="177">
        <v>376310</v>
      </c>
      <c r="NT42" s="177">
        <v>0</v>
      </c>
      <c r="NU42" s="181">
        <v>376310</v>
      </c>
      <c r="NV42" s="182">
        <v>376310</v>
      </c>
      <c r="NW42" s="179">
        <v>0</v>
      </c>
      <c r="NX42" s="177">
        <v>0</v>
      </c>
      <c r="NY42" s="181">
        <v>0</v>
      </c>
      <c r="NZ42" s="176"/>
      <c r="OA42" s="177">
        <v>0</v>
      </c>
      <c r="OB42" s="177">
        <v>0</v>
      </c>
      <c r="OC42" s="177">
        <v>0</v>
      </c>
      <c r="OD42" s="177">
        <v>0</v>
      </c>
      <c r="OE42" s="177">
        <v>343097</v>
      </c>
      <c r="OF42" s="181">
        <v>343097</v>
      </c>
      <c r="OG42" s="182">
        <v>343097</v>
      </c>
      <c r="OH42" s="179">
        <v>293450</v>
      </c>
      <c r="OI42" s="177">
        <v>224089</v>
      </c>
      <c r="OJ42" s="178">
        <v>517539</v>
      </c>
      <c r="OK42" s="180">
        <v>0</v>
      </c>
      <c r="OL42" s="177">
        <v>3357113</v>
      </c>
      <c r="OM42" s="177">
        <v>3531443</v>
      </c>
      <c r="ON42" s="177">
        <v>7104365</v>
      </c>
      <c r="OO42" s="177">
        <v>5295571</v>
      </c>
      <c r="OP42" s="177">
        <v>3977326</v>
      </c>
      <c r="OQ42" s="181">
        <v>23265818</v>
      </c>
      <c r="OR42" s="183">
        <v>23783357</v>
      </c>
    </row>
    <row r="43" spans="1:408" x14ac:dyDescent="0.2">
      <c r="A43" s="1" t="s">
        <v>84</v>
      </c>
    </row>
  </sheetData>
  <mergeCells count="159">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H7:LH8"/>
    <mergeCell ref="LI7:LK7"/>
    <mergeCell ref="KB7:KD7"/>
    <mergeCell ref="KE7:KK7"/>
    <mergeCell ref="KL7:KL8"/>
    <mergeCell ref="KM7:KO7"/>
    <mergeCell ref="KP7:KV7"/>
    <mergeCell ref="MP7:MR7"/>
    <mergeCell ref="MS7:MY7"/>
    <mergeCell ref="OH4:OR6"/>
    <mergeCell ref="HY5:II6"/>
    <mergeCell ref="IJ5:IT6"/>
    <mergeCell ref="IU5:JE6"/>
    <mergeCell ref="JF5:JP6"/>
    <mergeCell ref="JQ5:KA6"/>
    <mergeCell ref="KB5:KL6"/>
    <mergeCell ref="KM5:KW6"/>
    <mergeCell ref="KX5:LH6"/>
    <mergeCell ref="LI5:LS6"/>
    <mergeCell ref="LT5:MD6"/>
    <mergeCell ref="ME5:MO6"/>
    <mergeCell ref="MP5:MZ6"/>
    <mergeCell ref="NA5:NK6"/>
    <mergeCell ref="NL5:NV6"/>
    <mergeCell ref="ME4:OG4"/>
    <mergeCell ref="IC1:ID1"/>
    <mergeCell ref="HY4:MD4"/>
    <mergeCell ref="JI7:JO7"/>
    <mergeCell ref="JP7:JP8"/>
    <mergeCell ref="JQ7:JS7"/>
    <mergeCell ref="JT7:JZ7"/>
    <mergeCell ref="KA7:KA8"/>
    <mergeCell ref="NW5:OG6"/>
    <mergeCell ref="LL7:LR7"/>
    <mergeCell ref="LS7:LS8"/>
    <mergeCell ref="LT7:LV7"/>
    <mergeCell ref="IT7:IT8"/>
    <mergeCell ref="IU7:IW7"/>
    <mergeCell ref="IX7:JD7"/>
    <mergeCell ref="JE7:JE8"/>
    <mergeCell ref="JF7:JH7"/>
    <mergeCell ref="HY7:IA7"/>
    <mergeCell ref="IB7:IH7"/>
    <mergeCell ref="II7:II8"/>
    <mergeCell ref="IJ7:IL7"/>
    <mergeCell ref="IM7:IS7"/>
    <mergeCell ref="KW7:KW8"/>
    <mergeCell ref="KX7:KZ7"/>
    <mergeCell ref="LA7:LG7"/>
    <mergeCell ref="F2:G2"/>
    <mergeCell ref="ER7:EX7"/>
    <mergeCell ref="EY7:EY8"/>
    <mergeCell ref="DR7:DR8"/>
    <mergeCell ref="DS7:DU7"/>
    <mergeCell ref="DV7:EB7"/>
    <mergeCell ref="EC7:EC8"/>
    <mergeCell ref="DK7:DQ7"/>
    <mergeCell ref="CL7:CN7"/>
    <mergeCell ref="CO7:CU7"/>
    <mergeCell ref="CV7:CV8"/>
    <mergeCell ref="CW7:CY7"/>
    <mergeCell ref="CZ7:DF7"/>
    <mergeCell ref="DG7:DG8"/>
    <mergeCell ref="DH7:DJ7"/>
    <mergeCell ref="CK7:CK8"/>
    <mergeCell ref="BH7:BN7"/>
    <mergeCell ref="BO7:BO8"/>
    <mergeCell ref="BP7:BR7"/>
    <mergeCell ref="BS7:BY7"/>
    <mergeCell ref="BE7:BG7"/>
    <mergeCell ref="BZ7:BZ8"/>
    <mergeCell ref="CA7:CC7"/>
    <mergeCell ref="CD7:CJ7"/>
    <mergeCell ref="HX7:HX8"/>
    <mergeCell ref="HF7:HL7"/>
    <mergeCell ref="HM7:HM8"/>
    <mergeCell ref="HN7:HP7"/>
    <mergeCell ref="HQ7:HW7"/>
    <mergeCell ref="FK7:FM7"/>
    <mergeCell ref="FN7:FT7"/>
    <mergeCell ref="ED7:EF7"/>
    <mergeCell ref="EG7:EM7"/>
    <mergeCell ref="EN7:EN8"/>
    <mergeCell ref="EO7:EQ7"/>
    <mergeCell ref="GR7:GT7"/>
    <mergeCell ref="GU7:HA7"/>
    <mergeCell ref="HB7:HB8"/>
    <mergeCell ref="HC7:HE7"/>
    <mergeCell ref="FU7:FU8"/>
    <mergeCell ref="FV7:FX7"/>
    <mergeCell ref="FY7:GE7"/>
    <mergeCell ref="GF7:GF8"/>
    <mergeCell ref="GQ7:GQ8"/>
    <mergeCell ref="GJ7:GP7"/>
    <mergeCell ref="GG7:GI7"/>
    <mergeCell ref="EZ7:FB7"/>
    <mergeCell ref="FC7:FI7"/>
    <mergeCell ref="A4:A8"/>
    <mergeCell ref="B4:L6"/>
    <mergeCell ref="M4:HX4"/>
    <mergeCell ref="M5:BZ5"/>
    <mergeCell ref="CA5:DG5"/>
    <mergeCell ref="FK5:HB5"/>
    <mergeCell ref="HC5:HM6"/>
    <mergeCell ref="HN5:HX6"/>
    <mergeCell ref="X6:AH6"/>
    <mergeCell ref="P7:V7"/>
    <mergeCell ref="W7:W8"/>
    <mergeCell ref="X7:Z7"/>
    <mergeCell ref="AA7:AG7"/>
    <mergeCell ref="B7:D7"/>
    <mergeCell ref="E7:K7"/>
    <mergeCell ref="L7:L8"/>
    <mergeCell ref="M7:O7"/>
    <mergeCell ref="AT7:AV7"/>
    <mergeCell ref="AW7:BC7"/>
    <mergeCell ref="BD7:BD8"/>
    <mergeCell ref="AH7:AH8"/>
    <mergeCell ref="AI7:AK7"/>
    <mergeCell ref="AL7:AR7"/>
    <mergeCell ref="AS7:AS8"/>
    <mergeCell ref="FJ7:FJ8"/>
    <mergeCell ref="DH5:FJ5"/>
    <mergeCell ref="H1:I1"/>
    <mergeCell ref="GR6:HB6"/>
    <mergeCell ref="GG6:GQ6"/>
    <mergeCell ref="M6:W6"/>
    <mergeCell ref="CA6:CK6"/>
    <mergeCell ref="DH6:DR6"/>
    <mergeCell ref="DS6:EC6"/>
    <mergeCell ref="ED6:EN6"/>
    <mergeCell ref="EO6:EY6"/>
    <mergeCell ref="FK6:FU6"/>
    <mergeCell ref="FV6:GF6"/>
    <mergeCell ref="EZ6:FJ6"/>
    <mergeCell ref="CW6:DG6"/>
    <mergeCell ref="BP6:BZ6"/>
    <mergeCell ref="CL6:CV6"/>
    <mergeCell ref="AI6:AS6"/>
    <mergeCell ref="AT6:BD6"/>
    <mergeCell ref="BE6:BO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10"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64" customWidth="1"/>
    <col min="82" max="82" width="7.6640625" style="364" customWidth="1"/>
    <col min="83" max="83" width="9.88671875" style="364" customWidth="1"/>
    <col min="84" max="84" width="10" style="364" customWidth="1"/>
    <col min="85" max="85" width="9.77734375" style="364" customWidth="1"/>
    <col min="86" max="86" width="9.21875" style="364" customWidth="1"/>
    <col min="87" max="87" width="8.77734375" style="364" customWidth="1"/>
    <col min="88" max="88" width="9.88671875" style="364" customWidth="1"/>
    <col min="89" max="89" width="9.77734375" style="364"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64" customWidth="1"/>
    <col min="115" max="115" width="7.21875" style="364" customWidth="1"/>
    <col min="116" max="120" width="8.21875" style="364" customWidth="1"/>
    <col min="121" max="121" width="10.109375" style="364" customWidth="1"/>
    <col min="122" max="122" width="9.77734375" style="364"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64" customWidth="1"/>
    <col min="170" max="170" width="6.6640625" style="364" customWidth="1"/>
    <col min="171" max="175" width="8.21875" style="364" customWidth="1"/>
    <col min="176" max="176" width="10.109375" style="364" customWidth="1"/>
    <col min="177" max="177" width="9.88671875" style="364"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416">
        <f>第１表!F2</f>
        <v>3</v>
      </c>
      <c r="E1" s="283">
        <f>第１表!G2</f>
        <v>12</v>
      </c>
      <c r="F1" s="575">
        <f>IF(E1&lt;3,E1-2+12,E1-2)</f>
        <v>10</v>
      </c>
      <c r="G1" s="575"/>
      <c r="IA1" s="416"/>
      <c r="IB1" s="285"/>
      <c r="IC1" s="540"/>
      <c r="ID1" s="540"/>
    </row>
    <row r="2" spans="1:408" ht="21.75" customHeight="1" x14ac:dyDescent="0.2">
      <c r="A2" s="20" t="s">
        <v>147</v>
      </c>
      <c r="D2" s="282"/>
      <c r="E2" s="283"/>
      <c r="F2" s="386"/>
      <c r="G2" s="386"/>
      <c r="IA2" s="284"/>
      <c r="IB2" s="285"/>
      <c r="IC2" s="419"/>
      <c r="ID2" s="419"/>
    </row>
    <row r="3" spans="1:408" ht="24" customHeight="1" thickBot="1" x14ac:dyDescent="0.25">
      <c r="A3" s="20" t="s">
        <v>137</v>
      </c>
    </row>
    <row r="4" spans="1:408" ht="19.5" customHeight="1" thickBot="1" x14ac:dyDescent="0.25">
      <c r="A4" s="635" t="s">
        <v>42</v>
      </c>
      <c r="B4" s="638" t="s">
        <v>63</v>
      </c>
      <c r="C4" s="638"/>
      <c r="D4" s="638"/>
      <c r="E4" s="638"/>
      <c r="F4" s="638"/>
      <c r="G4" s="638"/>
      <c r="H4" s="638"/>
      <c r="I4" s="638"/>
      <c r="J4" s="638"/>
      <c r="K4" s="638"/>
      <c r="L4" s="638"/>
      <c r="M4" s="641"/>
      <c r="N4" s="641"/>
      <c r="O4" s="641"/>
      <c r="P4" s="641"/>
      <c r="Q4" s="641"/>
      <c r="R4" s="641"/>
      <c r="S4" s="641"/>
      <c r="T4" s="641"/>
      <c r="U4" s="641"/>
      <c r="V4" s="641"/>
      <c r="W4" s="641"/>
      <c r="X4" s="641"/>
      <c r="Y4" s="641"/>
      <c r="Z4" s="641"/>
      <c r="AA4" s="641"/>
      <c r="AB4" s="641"/>
      <c r="AC4" s="641"/>
      <c r="AD4" s="641"/>
      <c r="AE4" s="641"/>
      <c r="AF4" s="641"/>
      <c r="AG4" s="641"/>
      <c r="AH4" s="641"/>
      <c r="AI4" s="641"/>
      <c r="AJ4" s="641"/>
      <c r="AK4" s="641"/>
      <c r="AL4" s="641"/>
      <c r="AM4" s="641"/>
      <c r="AN4" s="641"/>
      <c r="AO4" s="641"/>
      <c r="AP4" s="641"/>
      <c r="AQ4" s="641"/>
      <c r="AR4" s="641"/>
      <c r="AS4" s="641"/>
      <c r="AT4" s="641"/>
      <c r="AU4" s="641"/>
      <c r="AV4" s="641"/>
      <c r="AW4" s="641"/>
      <c r="AX4" s="641"/>
      <c r="AY4" s="641"/>
      <c r="AZ4" s="641"/>
      <c r="BA4" s="641"/>
      <c r="BB4" s="641"/>
      <c r="BC4" s="641"/>
      <c r="BD4" s="641"/>
      <c r="BE4" s="641"/>
      <c r="BF4" s="641"/>
      <c r="BG4" s="641"/>
      <c r="BH4" s="641"/>
      <c r="BI4" s="641"/>
      <c r="BJ4" s="641"/>
      <c r="BK4" s="641"/>
      <c r="BL4" s="641"/>
      <c r="BM4" s="641"/>
      <c r="BN4" s="641"/>
      <c r="BO4" s="641"/>
      <c r="BP4" s="641"/>
      <c r="BQ4" s="641"/>
      <c r="BR4" s="641"/>
      <c r="BS4" s="641"/>
      <c r="BT4" s="641"/>
      <c r="BU4" s="641"/>
      <c r="BV4" s="641"/>
      <c r="BW4" s="641"/>
      <c r="BX4" s="641"/>
      <c r="BY4" s="641"/>
      <c r="BZ4" s="641"/>
      <c r="CA4" s="641"/>
      <c r="CB4" s="641"/>
      <c r="CC4" s="641"/>
      <c r="CD4" s="641"/>
      <c r="CE4" s="641"/>
      <c r="CF4" s="641"/>
      <c r="CG4" s="641"/>
      <c r="CH4" s="641"/>
      <c r="CI4" s="641"/>
      <c r="CJ4" s="641"/>
      <c r="CK4" s="641"/>
      <c r="CL4" s="641"/>
      <c r="CM4" s="641"/>
      <c r="CN4" s="641"/>
      <c r="CO4" s="641"/>
      <c r="CP4" s="641"/>
      <c r="CQ4" s="641"/>
      <c r="CR4" s="641"/>
      <c r="CS4" s="641"/>
      <c r="CT4" s="641"/>
      <c r="CU4" s="641"/>
      <c r="CV4" s="641"/>
      <c r="CW4" s="641"/>
      <c r="CX4" s="641"/>
      <c r="CY4" s="641"/>
      <c r="CZ4" s="641"/>
      <c r="DA4" s="641"/>
      <c r="DB4" s="641"/>
      <c r="DC4" s="641"/>
      <c r="DD4" s="641"/>
      <c r="DE4" s="641"/>
      <c r="DF4" s="641"/>
      <c r="DG4" s="641"/>
      <c r="DH4" s="641"/>
      <c r="DI4" s="641"/>
      <c r="DJ4" s="641"/>
      <c r="DK4" s="641"/>
      <c r="DL4" s="641"/>
      <c r="DM4" s="641"/>
      <c r="DN4" s="641"/>
      <c r="DO4" s="641"/>
      <c r="DP4" s="641"/>
      <c r="DQ4" s="641"/>
      <c r="DR4" s="641"/>
      <c r="DS4" s="641"/>
      <c r="DT4" s="641"/>
      <c r="DU4" s="641"/>
      <c r="DV4" s="641"/>
      <c r="DW4" s="641"/>
      <c r="DX4" s="641"/>
      <c r="DY4" s="641"/>
      <c r="DZ4" s="641"/>
      <c r="EA4" s="641"/>
      <c r="EB4" s="641"/>
      <c r="EC4" s="641"/>
      <c r="ED4" s="641"/>
      <c r="EE4" s="641"/>
      <c r="EF4" s="641"/>
      <c r="EG4" s="641"/>
      <c r="EH4" s="641"/>
      <c r="EI4" s="641"/>
      <c r="EJ4" s="641"/>
      <c r="EK4" s="641"/>
      <c r="EL4" s="641"/>
      <c r="EM4" s="641"/>
      <c r="EN4" s="641"/>
      <c r="EO4" s="641"/>
      <c r="EP4" s="641"/>
      <c r="EQ4" s="641"/>
      <c r="ER4" s="641"/>
      <c r="ES4" s="641"/>
      <c r="ET4" s="641"/>
      <c r="EU4" s="641"/>
      <c r="EV4" s="641"/>
      <c r="EW4" s="641"/>
      <c r="EX4" s="641"/>
      <c r="EY4" s="641"/>
      <c r="EZ4" s="641"/>
      <c r="FA4" s="641"/>
      <c r="FB4" s="641"/>
      <c r="FC4" s="641"/>
      <c r="FD4" s="641"/>
      <c r="FE4" s="641"/>
      <c r="FF4" s="641"/>
      <c r="FG4" s="641"/>
      <c r="FH4" s="641"/>
      <c r="FI4" s="641"/>
      <c r="FJ4" s="641"/>
      <c r="FK4" s="641"/>
      <c r="FL4" s="641"/>
      <c r="FM4" s="641"/>
      <c r="FN4" s="641"/>
      <c r="FO4" s="641"/>
      <c r="FP4" s="641"/>
      <c r="FQ4" s="641"/>
      <c r="FR4" s="641"/>
      <c r="FS4" s="641"/>
      <c r="FT4" s="641"/>
      <c r="FU4" s="641"/>
      <c r="FV4" s="641"/>
      <c r="FW4" s="641"/>
      <c r="FX4" s="641"/>
      <c r="FY4" s="641"/>
      <c r="FZ4" s="641"/>
      <c r="GA4" s="641"/>
      <c r="GB4" s="641"/>
      <c r="GC4" s="641"/>
      <c r="GD4" s="641"/>
      <c r="GE4" s="641"/>
      <c r="GF4" s="641"/>
      <c r="GG4" s="641"/>
      <c r="GH4" s="641"/>
      <c r="GI4" s="641"/>
      <c r="GJ4" s="641"/>
      <c r="GK4" s="641"/>
      <c r="GL4" s="641"/>
      <c r="GM4" s="641"/>
      <c r="GN4" s="641"/>
      <c r="GO4" s="641"/>
      <c r="GP4" s="641"/>
      <c r="GQ4" s="641"/>
      <c r="GR4" s="641"/>
      <c r="GS4" s="641"/>
      <c r="GT4" s="641"/>
      <c r="GU4" s="641"/>
      <c r="GV4" s="641"/>
      <c r="GW4" s="641"/>
      <c r="GX4" s="641"/>
      <c r="GY4" s="641"/>
      <c r="GZ4" s="641"/>
      <c r="HA4" s="641"/>
      <c r="HB4" s="641"/>
      <c r="HC4" s="641"/>
      <c r="HD4" s="641"/>
      <c r="HE4" s="641"/>
      <c r="HF4" s="641"/>
      <c r="HG4" s="641"/>
      <c r="HH4" s="641"/>
      <c r="HI4" s="641"/>
      <c r="HJ4" s="641"/>
      <c r="HK4" s="641"/>
      <c r="HL4" s="641"/>
      <c r="HM4" s="641"/>
      <c r="HN4" s="641"/>
      <c r="HO4" s="641"/>
      <c r="HP4" s="641"/>
      <c r="HQ4" s="641"/>
      <c r="HR4" s="641"/>
      <c r="HS4" s="641"/>
      <c r="HT4" s="641"/>
      <c r="HU4" s="641"/>
      <c r="HV4" s="641"/>
      <c r="HW4" s="641"/>
      <c r="HX4" s="642"/>
      <c r="HY4" s="537" t="s">
        <v>85</v>
      </c>
      <c r="HZ4" s="538"/>
      <c r="IA4" s="538"/>
      <c r="IB4" s="538"/>
      <c r="IC4" s="538"/>
      <c r="ID4" s="538"/>
      <c r="IE4" s="538"/>
      <c r="IF4" s="538"/>
      <c r="IG4" s="538"/>
      <c r="IH4" s="538"/>
      <c r="II4" s="538"/>
      <c r="IJ4" s="538"/>
      <c r="IK4" s="538"/>
      <c r="IL4" s="538"/>
      <c r="IM4" s="538"/>
      <c r="IN4" s="538"/>
      <c r="IO4" s="538"/>
      <c r="IP4" s="538"/>
      <c r="IQ4" s="538"/>
      <c r="IR4" s="538"/>
      <c r="IS4" s="538"/>
      <c r="IT4" s="538"/>
      <c r="IU4" s="538"/>
      <c r="IV4" s="538"/>
      <c r="IW4" s="538"/>
      <c r="IX4" s="538"/>
      <c r="IY4" s="538"/>
      <c r="IZ4" s="538"/>
      <c r="JA4" s="538"/>
      <c r="JB4" s="538"/>
      <c r="JC4" s="538"/>
      <c r="JD4" s="538"/>
      <c r="JE4" s="538"/>
      <c r="JF4" s="538"/>
      <c r="JG4" s="538"/>
      <c r="JH4" s="538"/>
      <c r="JI4" s="538"/>
      <c r="JJ4" s="538"/>
      <c r="JK4" s="538"/>
      <c r="JL4" s="538"/>
      <c r="JM4" s="538"/>
      <c r="JN4" s="538"/>
      <c r="JO4" s="538"/>
      <c r="JP4" s="538"/>
      <c r="JQ4" s="538"/>
      <c r="JR4" s="538"/>
      <c r="JS4" s="538"/>
      <c r="JT4" s="538"/>
      <c r="JU4" s="538"/>
      <c r="JV4" s="538"/>
      <c r="JW4" s="538"/>
      <c r="JX4" s="538"/>
      <c r="JY4" s="538"/>
      <c r="JZ4" s="538"/>
      <c r="KA4" s="538"/>
      <c r="KB4" s="538"/>
      <c r="KC4" s="538"/>
      <c r="KD4" s="538"/>
      <c r="KE4" s="538"/>
      <c r="KF4" s="538"/>
      <c r="KG4" s="538"/>
      <c r="KH4" s="538"/>
      <c r="KI4" s="538"/>
      <c r="KJ4" s="538"/>
      <c r="KK4" s="538"/>
      <c r="KL4" s="538"/>
      <c r="KM4" s="538"/>
      <c r="KN4" s="538"/>
      <c r="KO4" s="538"/>
      <c r="KP4" s="538"/>
      <c r="KQ4" s="538"/>
      <c r="KR4" s="538"/>
      <c r="KS4" s="538"/>
      <c r="KT4" s="538"/>
      <c r="KU4" s="538"/>
      <c r="KV4" s="538"/>
      <c r="KW4" s="538"/>
      <c r="KX4" s="538"/>
      <c r="KY4" s="538"/>
      <c r="KZ4" s="538"/>
      <c r="LA4" s="538"/>
      <c r="LB4" s="538"/>
      <c r="LC4" s="538"/>
      <c r="LD4" s="538"/>
      <c r="LE4" s="538"/>
      <c r="LF4" s="538"/>
      <c r="LG4" s="538"/>
      <c r="LH4" s="538"/>
      <c r="LI4" s="538"/>
      <c r="LJ4" s="538"/>
      <c r="LK4" s="538"/>
      <c r="LL4" s="538"/>
      <c r="LM4" s="538"/>
      <c r="LN4" s="538"/>
      <c r="LO4" s="538"/>
      <c r="LP4" s="538"/>
      <c r="LQ4" s="538"/>
      <c r="LR4" s="538"/>
      <c r="LS4" s="538"/>
      <c r="LT4" s="538"/>
      <c r="LU4" s="538"/>
      <c r="LV4" s="538"/>
      <c r="LW4" s="538"/>
      <c r="LX4" s="538"/>
      <c r="LY4" s="538"/>
      <c r="LZ4" s="538"/>
      <c r="MA4" s="538"/>
      <c r="MB4" s="538"/>
      <c r="MC4" s="538"/>
      <c r="MD4" s="539"/>
      <c r="ME4" s="537" t="s">
        <v>86</v>
      </c>
      <c r="MF4" s="538"/>
      <c r="MG4" s="538"/>
      <c r="MH4" s="538"/>
      <c r="MI4" s="538"/>
      <c r="MJ4" s="538"/>
      <c r="MK4" s="538"/>
      <c r="ML4" s="538"/>
      <c r="MM4" s="538"/>
      <c r="MN4" s="538"/>
      <c r="MO4" s="538"/>
      <c r="MP4" s="538"/>
      <c r="MQ4" s="538"/>
      <c r="MR4" s="538"/>
      <c r="MS4" s="538"/>
      <c r="MT4" s="538"/>
      <c r="MU4" s="538"/>
      <c r="MV4" s="538"/>
      <c r="MW4" s="538"/>
      <c r="MX4" s="538"/>
      <c r="MY4" s="538"/>
      <c r="MZ4" s="538"/>
      <c r="NA4" s="538"/>
      <c r="NB4" s="538"/>
      <c r="NC4" s="538"/>
      <c r="ND4" s="538"/>
      <c r="NE4" s="538"/>
      <c r="NF4" s="538"/>
      <c r="NG4" s="538"/>
      <c r="NH4" s="538"/>
      <c r="NI4" s="538"/>
      <c r="NJ4" s="538"/>
      <c r="NK4" s="538"/>
      <c r="NL4" s="538"/>
      <c r="NM4" s="538"/>
      <c r="NN4" s="538"/>
      <c r="NO4" s="538"/>
      <c r="NP4" s="538"/>
      <c r="NQ4" s="538"/>
      <c r="NR4" s="538"/>
      <c r="NS4" s="538"/>
      <c r="NT4" s="538"/>
      <c r="NU4" s="538"/>
      <c r="NV4" s="538"/>
      <c r="NW4" s="538"/>
      <c r="NX4" s="538"/>
      <c r="NY4" s="538"/>
      <c r="NZ4" s="538"/>
      <c r="OA4" s="538"/>
      <c r="OB4" s="538"/>
      <c r="OC4" s="538"/>
      <c r="OD4" s="538"/>
      <c r="OE4" s="538"/>
      <c r="OF4" s="538"/>
      <c r="OG4" s="539"/>
      <c r="OH4" s="528" t="s">
        <v>60</v>
      </c>
      <c r="OI4" s="432"/>
      <c r="OJ4" s="432"/>
      <c r="OK4" s="432"/>
      <c r="OL4" s="432"/>
      <c r="OM4" s="432"/>
      <c r="ON4" s="432"/>
      <c r="OO4" s="432"/>
      <c r="OP4" s="432"/>
      <c r="OQ4" s="432"/>
      <c r="OR4" s="433"/>
    </row>
    <row r="5" spans="1:408" ht="19.5" customHeight="1" thickBot="1" x14ac:dyDescent="0.25">
      <c r="A5" s="636"/>
      <c r="B5" s="639"/>
      <c r="C5" s="639"/>
      <c r="D5" s="639"/>
      <c r="E5" s="639"/>
      <c r="F5" s="639"/>
      <c r="G5" s="639"/>
      <c r="H5" s="639"/>
      <c r="I5" s="639"/>
      <c r="J5" s="639"/>
      <c r="K5" s="639"/>
      <c r="L5" s="639"/>
      <c r="M5" s="643" t="s">
        <v>64</v>
      </c>
      <c r="N5" s="644"/>
      <c r="O5" s="644"/>
      <c r="P5" s="644"/>
      <c r="Q5" s="644"/>
      <c r="R5" s="644"/>
      <c r="S5" s="644"/>
      <c r="T5" s="644"/>
      <c r="U5" s="644"/>
      <c r="V5" s="644"/>
      <c r="W5" s="644"/>
      <c r="X5" s="644"/>
      <c r="Y5" s="644"/>
      <c r="Z5" s="644"/>
      <c r="AA5" s="644"/>
      <c r="AB5" s="644"/>
      <c r="AC5" s="644"/>
      <c r="AD5" s="644"/>
      <c r="AE5" s="644"/>
      <c r="AF5" s="644"/>
      <c r="AG5" s="644"/>
      <c r="AH5" s="644"/>
      <c r="AI5" s="644"/>
      <c r="AJ5" s="644"/>
      <c r="AK5" s="644"/>
      <c r="AL5" s="644"/>
      <c r="AM5" s="644"/>
      <c r="AN5" s="644"/>
      <c r="AO5" s="644"/>
      <c r="AP5" s="644"/>
      <c r="AQ5" s="644"/>
      <c r="AR5" s="644"/>
      <c r="AS5" s="644"/>
      <c r="AT5" s="644"/>
      <c r="AU5" s="644"/>
      <c r="AV5" s="644"/>
      <c r="AW5" s="644"/>
      <c r="AX5" s="644"/>
      <c r="AY5" s="644"/>
      <c r="AZ5" s="644"/>
      <c r="BA5" s="644"/>
      <c r="BB5" s="644"/>
      <c r="BC5" s="644"/>
      <c r="BD5" s="644"/>
      <c r="BE5" s="644"/>
      <c r="BF5" s="644"/>
      <c r="BG5" s="644"/>
      <c r="BH5" s="644"/>
      <c r="BI5" s="644"/>
      <c r="BJ5" s="644"/>
      <c r="BK5" s="644"/>
      <c r="BL5" s="644"/>
      <c r="BM5" s="644"/>
      <c r="BN5" s="644"/>
      <c r="BO5" s="644"/>
      <c r="BP5" s="644"/>
      <c r="BQ5" s="644"/>
      <c r="BR5" s="644"/>
      <c r="BS5" s="644"/>
      <c r="BT5" s="644"/>
      <c r="BU5" s="644"/>
      <c r="BV5" s="644"/>
      <c r="BW5" s="644"/>
      <c r="BX5" s="644"/>
      <c r="BY5" s="644"/>
      <c r="BZ5" s="645"/>
      <c r="CA5" s="643" t="s">
        <v>65</v>
      </c>
      <c r="CB5" s="644"/>
      <c r="CC5" s="644"/>
      <c r="CD5" s="644"/>
      <c r="CE5" s="644"/>
      <c r="CF5" s="644"/>
      <c r="CG5" s="644"/>
      <c r="CH5" s="644"/>
      <c r="CI5" s="644"/>
      <c r="CJ5" s="644"/>
      <c r="CK5" s="644"/>
      <c r="CL5" s="644"/>
      <c r="CM5" s="644"/>
      <c r="CN5" s="644"/>
      <c r="CO5" s="644"/>
      <c r="CP5" s="644"/>
      <c r="CQ5" s="644"/>
      <c r="CR5" s="644"/>
      <c r="CS5" s="644"/>
      <c r="CT5" s="644"/>
      <c r="CU5" s="644"/>
      <c r="CV5" s="644"/>
      <c r="CW5" s="644"/>
      <c r="CX5" s="644"/>
      <c r="CY5" s="644"/>
      <c r="CZ5" s="644"/>
      <c r="DA5" s="644"/>
      <c r="DB5" s="644"/>
      <c r="DC5" s="644"/>
      <c r="DD5" s="644"/>
      <c r="DE5" s="644"/>
      <c r="DF5" s="644"/>
      <c r="DG5" s="645"/>
      <c r="DH5" s="449" t="s">
        <v>66</v>
      </c>
      <c r="DI5" s="450"/>
      <c r="DJ5" s="450"/>
      <c r="DK5" s="450"/>
      <c r="DL5" s="450"/>
      <c r="DM5" s="450"/>
      <c r="DN5" s="450"/>
      <c r="DO5" s="450"/>
      <c r="DP5" s="450"/>
      <c r="DQ5" s="450"/>
      <c r="DR5" s="450"/>
      <c r="DS5" s="450"/>
      <c r="DT5" s="450"/>
      <c r="DU5" s="450"/>
      <c r="DV5" s="450"/>
      <c r="DW5" s="450"/>
      <c r="DX5" s="450"/>
      <c r="DY5" s="450"/>
      <c r="DZ5" s="450"/>
      <c r="EA5" s="450"/>
      <c r="EB5" s="450"/>
      <c r="EC5" s="450"/>
      <c r="ED5" s="450"/>
      <c r="EE5" s="450"/>
      <c r="EF5" s="450"/>
      <c r="EG5" s="450"/>
      <c r="EH5" s="450"/>
      <c r="EI5" s="450"/>
      <c r="EJ5" s="450"/>
      <c r="EK5" s="450"/>
      <c r="EL5" s="450"/>
      <c r="EM5" s="450"/>
      <c r="EN5" s="450"/>
      <c r="EO5" s="450"/>
      <c r="EP5" s="450"/>
      <c r="EQ5" s="450"/>
      <c r="ER5" s="450"/>
      <c r="ES5" s="450"/>
      <c r="ET5" s="450"/>
      <c r="EU5" s="450"/>
      <c r="EV5" s="450"/>
      <c r="EW5" s="450"/>
      <c r="EX5" s="450"/>
      <c r="EY5" s="450"/>
      <c r="EZ5" s="450"/>
      <c r="FA5" s="450"/>
      <c r="FB5" s="450"/>
      <c r="FC5" s="450"/>
      <c r="FD5" s="450"/>
      <c r="FE5" s="450"/>
      <c r="FF5" s="450"/>
      <c r="FG5" s="450"/>
      <c r="FH5" s="450"/>
      <c r="FI5" s="450"/>
      <c r="FJ5" s="451"/>
      <c r="FK5" s="643" t="s">
        <v>67</v>
      </c>
      <c r="FL5" s="644"/>
      <c r="FM5" s="644"/>
      <c r="FN5" s="644"/>
      <c r="FO5" s="644"/>
      <c r="FP5" s="644"/>
      <c r="FQ5" s="644"/>
      <c r="FR5" s="644"/>
      <c r="FS5" s="644"/>
      <c r="FT5" s="644"/>
      <c r="FU5" s="644"/>
      <c r="FV5" s="644"/>
      <c r="FW5" s="644"/>
      <c r="FX5" s="644"/>
      <c r="FY5" s="644"/>
      <c r="FZ5" s="644"/>
      <c r="GA5" s="644"/>
      <c r="GB5" s="644"/>
      <c r="GC5" s="644"/>
      <c r="GD5" s="644"/>
      <c r="GE5" s="644"/>
      <c r="GF5" s="644"/>
      <c r="GG5" s="644"/>
      <c r="GH5" s="644"/>
      <c r="GI5" s="644"/>
      <c r="GJ5" s="644"/>
      <c r="GK5" s="644"/>
      <c r="GL5" s="644"/>
      <c r="GM5" s="644"/>
      <c r="GN5" s="644"/>
      <c r="GO5" s="644"/>
      <c r="GP5" s="644"/>
      <c r="GQ5" s="644"/>
      <c r="GR5" s="644"/>
      <c r="GS5" s="644"/>
      <c r="GT5" s="644"/>
      <c r="GU5" s="644"/>
      <c r="GV5" s="644"/>
      <c r="GW5" s="644"/>
      <c r="GX5" s="644"/>
      <c r="GY5" s="644"/>
      <c r="GZ5" s="644"/>
      <c r="HA5" s="644"/>
      <c r="HB5" s="645"/>
      <c r="HC5" s="646" t="s">
        <v>68</v>
      </c>
      <c r="HD5" s="647"/>
      <c r="HE5" s="647"/>
      <c r="HF5" s="647"/>
      <c r="HG5" s="647"/>
      <c r="HH5" s="647"/>
      <c r="HI5" s="647"/>
      <c r="HJ5" s="647"/>
      <c r="HK5" s="647"/>
      <c r="HL5" s="647"/>
      <c r="HM5" s="648"/>
      <c r="HN5" s="646" t="s">
        <v>69</v>
      </c>
      <c r="HO5" s="647"/>
      <c r="HP5" s="647"/>
      <c r="HQ5" s="647"/>
      <c r="HR5" s="647"/>
      <c r="HS5" s="647"/>
      <c r="HT5" s="647"/>
      <c r="HU5" s="647"/>
      <c r="HV5" s="647"/>
      <c r="HW5" s="647"/>
      <c r="HX5" s="648"/>
      <c r="HY5" s="588"/>
      <c r="HZ5" s="589"/>
      <c r="IA5" s="589"/>
      <c r="IB5" s="589"/>
      <c r="IC5" s="589"/>
      <c r="ID5" s="589"/>
      <c r="IE5" s="589"/>
      <c r="IF5" s="589"/>
      <c r="IG5" s="589"/>
      <c r="IH5" s="589"/>
      <c r="II5" s="590"/>
      <c r="IJ5" s="528" t="s">
        <v>94</v>
      </c>
      <c r="IK5" s="432"/>
      <c r="IL5" s="432"/>
      <c r="IM5" s="432"/>
      <c r="IN5" s="432"/>
      <c r="IO5" s="432"/>
      <c r="IP5" s="432"/>
      <c r="IQ5" s="432"/>
      <c r="IR5" s="432"/>
      <c r="IS5" s="432"/>
      <c r="IT5" s="433"/>
      <c r="IU5" s="528" t="s">
        <v>88</v>
      </c>
      <c r="IV5" s="432"/>
      <c r="IW5" s="432"/>
      <c r="IX5" s="432"/>
      <c r="IY5" s="432"/>
      <c r="IZ5" s="432"/>
      <c r="JA5" s="432"/>
      <c r="JB5" s="432"/>
      <c r="JC5" s="432"/>
      <c r="JD5" s="432"/>
      <c r="JE5" s="433"/>
      <c r="JF5" s="591" t="s">
        <v>144</v>
      </c>
      <c r="JG5" s="592"/>
      <c r="JH5" s="592"/>
      <c r="JI5" s="592"/>
      <c r="JJ5" s="592"/>
      <c r="JK5" s="592"/>
      <c r="JL5" s="592"/>
      <c r="JM5" s="592"/>
      <c r="JN5" s="592"/>
      <c r="JO5" s="592"/>
      <c r="JP5" s="593"/>
      <c r="JQ5" s="528" t="s">
        <v>90</v>
      </c>
      <c r="JR5" s="432"/>
      <c r="JS5" s="432"/>
      <c r="JT5" s="432"/>
      <c r="JU5" s="432"/>
      <c r="JV5" s="432"/>
      <c r="JW5" s="432"/>
      <c r="JX5" s="432"/>
      <c r="JY5" s="432"/>
      <c r="JZ5" s="432"/>
      <c r="KA5" s="433"/>
      <c r="KB5" s="528" t="s">
        <v>89</v>
      </c>
      <c r="KC5" s="432"/>
      <c r="KD5" s="432"/>
      <c r="KE5" s="432"/>
      <c r="KF5" s="432"/>
      <c r="KG5" s="432"/>
      <c r="KH5" s="432"/>
      <c r="KI5" s="432"/>
      <c r="KJ5" s="432"/>
      <c r="KK5" s="432"/>
      <c r="KL5" s="433"/>
      <c r="KM5" s="528" t="s">
        <v>91</v>
      </c>
      <c r="KN5" s="432"/>
      <c r="KO5" s="432"/>
      <c r="KP5" s="432"/>
      <c r="KQ5" s="432"/>
      <c r="KR5" s="432"/>
      <c r="KS5" s="432"/>
      <c r="KT5" s="432"/>
      <c r="KU5" s="432"/>
      <c r="KV5" s="432"/>
      <c r="KW5" s="433"/>
      <c r="KX5" s="528" t="s">
        <v>92</v>
      </c>
      <c r="KY5" s="432"/>
      <c r="KZ5" s="432"/>
      <c r="LA5" s="432"/>
      <c r="LB5" s="432"/>
      <c r="LC5" s="432"/>
      <c r="LD5" s="432"/>
      <c r="LE5" s="432"/>
      <c r="LF5" s="432"/>
      <c r="LG5" s="432"/>
      <c r="LH5" s="433"/>
      <c r="LI5" s="597" t="s">
        <v>93</v>
      </c>
      <c r="LJ5" s="598"/>
      <c r="LK5" s="598"/>
      <c r="LL5" s="598"/>
      <c r="LM5" s="598"/>
      <c r="LN5" s="598"/>
      <c r="LO5" s="598"/>
      <c r="LP5" s="598"/>
      <c r="LQ5" s="598"/>
      <c r="LR5" s="598"/>
      <c r="LS5" s="599"/>
      <c r="LT5" s="600" t="s">
        <v>145</v>
      </c>
      <c r="LU5" s="601"/>
      <c r="LV5" s="601"/>
      <c r="LW5" s="601"/>
      <c r="LX5" s="601"/>
      <c r="LY5" s="601"/>
      <c r="LZ5" s="601"/>
      <c r="MA5" s="601"/>
      <c r="MB5" s="601"/>
      <c r="MC5" s="601"/>
      <c r="MD5" s="602"/>
      <c r="ME5" s="588"/>
      <c r="MF5" s="589"/>
      <c r="MG5" s="589"/>
      <c r="MH5" s="589"/>
      <c r="MI5" s="589"/>
      <c r="MJ5" s="589"/>
      <c r="MK5" s="589"/>
      <c r="ML5" s="589"/>
      <c r="MM5" s="589"/>
      <c r="MN5" s="589"/>
      <c r="MO5" s="590"/>
      <c r="MP5" s="528" t="s">
        <v>57</v>
      </c>
      <c r="MQ5" s="432"/>
      <c r="MR5" s="432"/>
      <c r="MS5" s="432"/>
      <c r="MT5" s="432"/>
      <c r="MU5" s="432"/>
      <c r="MV5" s="432"/>
      <c r="MW5" s="432"/>
      <c r="MX5" s="432"/>
      <c r="MY5" s="432"/>
      <c r="MZ5" s="433"/>
      <c r="NA5" s="528" t="s">
        <v>58</v>
      </c>
      <c r="NB5" s="432"/>
      <c r="NC5" s="432"/>
      <c r="ND5" s="432"/>
      <c r="NE5" s="432"/>
      <c r="NF5" s="432"/>
      <c r="NG5" s="432"/>
      <c r="NH5" s="432"/>
      <c r="NI5" s="432"/>
      <c r="NJ5" s="432"/>
      <c r="NK5" s="433"/>
      <c r="NL5" s="528" t="s">
        <v>59</v>
      </c>
      <c r="NM5" s="432"/>
      <c r="NN5" s="432"/>
      <c r="NO5" s="432"/>
      <c r="NP5" s="432"/>
      <c r="NQ5" s="432"/>
      <c r="NR5" s="432"/>
      <c r="NS5" s="432"/>
      <c r="NT5" s="432"/>
      <c r="NU5" s="432"/>
      <c r="NV5" s="433"/>
      <c r="NW5" s="578" t="s">
        <v>151</v>
      </c>
      <c r="NX5" s="579"/>
      <c r="NY5" s="579"/>
      <c r="NZ5" s="579"/>
      <c r="OA5" s="579"/>
      <c r="OB5" s="579"/>
      <c r="OC5" s="579"/>
      <c r="OD5" s="579"/>
      <c r="OE5" s="579"/>
      <c r="OF5" s="579"/>
      <c r="OG5" s="580"/>
      <c r="OH5" s="585"/>
      <c r="OI5" s="586"/>
      <c r="OJ5" s="586"/>
      <c r="OK5" s="586"/>
      <c r="OL5" s="586"/>
      <c r="OM5" s="586"/>
      <c r="ON5" s="586"/>
      <c r="OO5" s="586"/>
      <c r="OP5" s="586"/>
      <c r="OQ5" s="586"/>
      <c r="OR5" s="587"/>
    </row>
    <row r="6" spans="1:408" ht="19.5" customHeight="1" thickBot="1" x14ac:dyDescent="0.25">
      <c r="A6" s="636"/>
      <c r="B6" s="640"/>
      <c r="C6" s="640"/>
      <c r="D6" s="640"/>
      <c r="E6" s="640"/>
      <c r="F6" s="640"/>
      <c r="G6" s="640"/>
      <c r="H6" s="640"/>
      <c r="I6" s="640"/>
      <c r="J6" s="640"/>
      <c r="K6" s="640"/>
      <c r="L6" s="640"/>
      <c r="M6" s="441"/>
      <c r="N6" s="442"/>
      <c r="O6" s="442"/>
      <c r="P6" s="442"/>
      <c r="Q6" s="442"/>
      <c r="R6" s="442"/>
      <c r="S6" s="442"/>
      <c r="T6" s="442"/>
      <c r="U6" s="442"/>
      <c r="V6" s="442"/>
      <c r="W6" s="443"/>
      <c r="X6" s="628" t="s">
        <v>70</v>
      </c>
      <c r="Y6" s="445"/>
      <c r="Z6" s="445"/>
      <c r="AA6" s="445"/>
      <c r="AB6" s="445"/>
      <c r="AC6" s="445"/>
      <c r="AD6" s="445"/>
      <c r="AE6" s="445"/>
      <c r="AF6" s="445"/>
      <c r="AG6" s="445"/>
      <c r="AH6" s="446"/>
      <c r="AI6" s="623" t="s">
        <v>71</v>
      </c>
      <c r="AJ6" s="624"/>
      <c r="AK6" s="624"/>
      <c r="AL6" s="624"/>
      <c r="AM6" s="624"/>
      <c r="AN6" s="624"/>
      <c r="AO6" s="624"/>
      <c r="AP6" s="624"/>
      <c r="AQ6" s="624"/>
      <c r="AR6" s="624"/>
      <c r="AS6" s="625"/>
      <c r="AT6" s="623" t="s">
        <v>72</v>
      </c>
      <c r="AU6" s="624"/>
      <c r="AV6" s="624"/>
      <c r="AW6" s="624"/>
      <c r="AX6" s="624"/>
      <c r="AY6" s="624"/>
      <c r="AZ6" s="624"/>
      <c r="BA6" s="624"/>
      <c r="BB6" s="624"/>
      <c r="BC6" s="624"/>
      <c r="BD6" s="625"/>
      <c r="BE6" s="623" t="s">
        <v>73</v>
      </c>
      <c r="BF6" s="624"/>
      <c r="BG6" s="624"/>
      <c r="BH6" s="624"/>
      <c r="BI6" s="624"/>
      <c r="BJ6" s="624"/>
      <c r="BK6" s="624"/>
      <c r="BL6" s="624"/>
      <c r="BM6" s="624"/>
      <c r="BN6" s="624"/>
      <c r="BO6" s="625"/>
      <c r="BP6" s="623" t="s">
        <v>74</v>
      </c>
      <c r="BQ6" s="624"/>
      <c r="BR6" s="624"/>
      <c r="BS6" s="624"/>
      <c r="BT6" s="624"/>
      <c r="BU6" s="624"/>
      <c r="BV6" s="624"/>
      <c r="BW6" s="624"/>
      <c r="BX6" s="624"/>
      <c r="BY6" s="624"/>
      <c r="BZ6" s="625"/>
      <c r="CA6" s="626"/>
      <c r="CB6" s="627"/>
      <c r="CC6" s="627"/>
      <c r="CD6" s="627"/>
      <c r="CE6" s="627"/>
      <c r="CF6" s="627"/>
      <c r="CG6" s="627"/>
      <c r="CH6" s="627"/>
      <c r="CI6" s="627"/>
      <c r="CJ6" s="627"/>
      <c r="CK6" s="652"/>
      <c r="CL6" s="623" t="s">
        <v>75</v>
      </c>
      <c r="CM6" s="624"/>
      <c r="CN6" s="624"/>
      <c r="CO6" s="624"/>
      <c r="CP6" s="624"/>
      <c r="CQ6" s="624"/>
      <c r="CR6" s="624"/>
      <c r="CS6" s="624"/>
      <c r="CT6" s="624"/>
      <c r="CU6" s="624"/>
      <c r="CV6" s="625"/>
      <c r="CW6" s="623" t="s">
        <v>76</v>
      </c>
      <c r="CX6" s="624"/>
      <c r="CY6" s="624"/>
      <c r="CZ6" s="624"/>
      <c r="DA6" s="624"/>
      <c r="DB6" s="624"/>
      <c r="DC6" s="624"/>
      <c r="DD6" s="624"/>
      <c r="DE6" s="624"/>
      <c r="DF6" s="624"/>
      <c r="DG6" s="625"/>
      <c r="DH6" s="626"/>
      <c r="DI6" s="627"/>
      <c r="DJ6" s="627"/>
      <c r="DK6" s="627"/>
      <c r="DL6" s="627"/>
      <c r="DM6" s="627"/>
      <c r="DN6" s="627"/>
      <c r="DO6" s="627"/>
      <c r="DP6" s="627"/>
      <c r="DQ6" s="627"/>
      <c r="DR6" s="627"/>
      <c r="DS6" s="623" t="s">
        <v>77</v>
      </c>
      <c r="DT6" s="624"/>
      <c r="DU6" s="624"/>
      <c r="DV6" s="624"/>
      <c r="DW6" s="624"/>
      <c r="DX6" s="624"/>
      <c r="DY6" s="624"/>
      <c r="DZ6" s="624"/>
      <c r="EA6" s="624"/>
      <c r="EB6" s="624"/>
      <c r="EC6" s="625"/>
      <c r="ED6" s="623" t="s">
        <v>78</v>
      </c>
      <c r="EE6" s="624"/>
      <c r="EF6" s="624"/>
      <c r="EG6" s="624"/>
      <c r="EH6" s="624"/>
      <c r="EI6" s="624"/>
      <c r="EJ6" s="624"/>
      <c r="EK6" s="624"/>
      <c r="EL6" s="624"/>
      <c r="EM6" s="624"/>
      <c r="EN6" s="625"/>
      <c r="EO6" s="623" t="s">
        <v>79</v>
      </c>
      <c r="EP6" s="624"/>
      <c r="EQ6" s="624"/>
      <c r="ER6" s="624"/>
      <c r="ES6" s="624"/>
      <c r="ET6" s="624"/>
      <c r="EU6" s="624"/>
      <c r="EV6" s="624"/>
      <c r="EW6" s="624"/>
      <c r="EX6" s="624"/>
      <c r="EY6" s="625"/>
      <c r="EZ6" s="547" t="s">
        <v>152</v>
      </c>
      <c r="FA6" s="624"/>
      <c r="FB6" s="624"/>
      <c r="FC6" s="624"/>
      <c r="FD6" s="624"/>
      <c r="FE6" s="624"/>
      <c r="FF6" s="624"/>
      <c r="FG6" s="624"/>
      <c r="FH6" s="624"/>
      <c r="FI6" s="624"/>
      <c r="FJ6" s="625"/>
      <c r="FK6" s="626"/>
      <c r="FL6" s="627"/>
      <c r="FM6" s="627"/>
      <c r="FN6" s="627"/>
      <c r="FO6" s="627"/>
      <c r="FP6" s="627"/>
      <c r="FQ6" s="627"/>
      <c r="FR6" s="627"/>
      <c r="FS6" s="627"/>
      <c r="FT6" s="627"/>
      <c r="FU6" s="627"/>
      <c r="FV6" s="623" t="s">
        <v>80</v>
      </c>
      <c r="FW6" s="624"/>
      <c r="FX6" s="624"/>
      <c r="FY6" s="624"/>
      <c r="FZ6" s="624"/>
      <c r="GA6" s="624"/>
      <c r="GB6" s="624"/>
      <c r="GC6" s="624"/>
      <c r="GD6" s="624"/>
      <c r="GE6" s="624"/>
      <c r="GF6" s="625"/>
      <c r="GG6" s="628" t="s">
        <v>81</v>
      </c>
      <c r="GH6" s="445"/>
      <c r="GI6" s="445"/>
      <c r="GJ6" s="445"/>
      <c r="GK6" s="445"/>
      <c r="GL6" s="445"/>
      <c r="GM6" s="445"/>
      <c r="GN6" s="445"/>
      <c r="GO6" s="445"/>
      <c r="GP6" s="445"/>
      <c r="GQ6" s="446"/>
      <c r="GR6" s="628" t="s">
        <v>82</v>
      </c>
      <c r="GS6" s="445"/>
      <c r="GT6" s="445"/>
      <c r="GU6" s="445"/>
      <c r="GV6" s="445"/>
      <c r="GW6" s="445"/>
      <c r="GX6" s="445"/>
      <c r="GY6" s="445"/>
      <c r="GZ6" s="445"/>
      <c r="HA6" s="445"/>
      <c r="HB6" s="446"/>
      <c r="HC6" s="649"/>
      <c r="HD6" s="650"/>
      <c r="HE6" s="650"/>
      <c r="HF6" s="650"/>
      <c r="HG6" s="650"/>
      <c r="HH6" s="650"/>
      <c r="HI6" s="650"/>
      <c r="HJ6" s="650"/>
      <c r="HK6" s="650"/>
      <c r="HL6" s="650"/>
      <c r="HM6" s="651"/>
      <c r="HN6" s="649"/>
      <c r="HO6" s="650"/>
      <c r="HP6" s="650"/>
      <c r="HQ6" s="650"/>
      <c r="HR6" s="650"/>
      <c r="HS6" s="650"/>
      <c r="HT6" s="650"/>
      <c r="HU6" s="650"/>
      <c r="HV6" s="650"/>
      <c r="HW6" s="650"/>
      <c r="HX6" s="651"/>
      <c r="HY6" s="541"/>
      <c r="HZ6" s="542"/>
      <c r="IA6" s="542"/>
      <c r="IB6" s="542"/>
      <c r="IC6" s="542"/>
      <c r="ID6" s="542"/>
      <c r="IE6" s="542"/>
      <c r="IF6" s="542"/>
      <c r="IG6" s="542"/>
      <c r="IH6" s="542"/>
      <c r="II6" s="543"/>
      <c r="IJ6" s="529"/>
      <c r="IK6" s="522"/>
      <c r="IL6" s="522"/>
      <c r="IM6" s="522"/>
      <c r="IN6" s="522"/>
      <c r="IO6" s="522"/>
      <c r="IP6" s="522"/>
      <c r="IQ6" s="522"/>
      <c r="IR6" s="522"/>
      <c r="IS6" s="522"/>
      <c r="IT6" s="530"/>
      <c r="IU6" s="529"/>
      <c r="IV6" s="522"/>
      <c r="IW6" s="522"/>
      <c r="IX6" s="522"/>
      <c r="IY6" s="522"/>
      <c r="IZ6" s="522"/>
      <c r="JA6" s="522"/>
      <c r="JB6" s="522"/>
      <c r="JC6" s="522"/>
      <c r="JD6" s="522"/>
      <c r="JE6" s="530"/>
      <c r="JF6" s="594"/>
      <c r="JG6" s="595"/>
      <c r="JH6" s="595"/>
      <c r="JI6" s="595"/>
      <c r="JJ6" s="595"/>
      <c r="JK6" s="595"/>
      <c r="JL6" s="595"/>
      <c r="JM6" s="595"/>
      <c r="JN6" s="595"/>
      <c r="JO6" s="595"/>
      <c r="JP6" s="596"/>
      <c r="JQ6" s="529"/>
      <c r="JR6" s="522"/>
      <c r="JS6" s="522"/>
      <c r="JT6" s="522"/>
      <c r="JU6" s="522"/>
      <c r="JV6" s="522"/>
      <c r="JW6" s="522"/>
      <c r="JX6" s="522"/>
      <c r="JY6" s="522"/>
      <c r="JZ6" s="522"/>
      <c r="KA6" s="530"/>
      <c r="KB6" s="529"/>
      <c r="KC6" s="522"/>
      <c r="KD6" s="522"/>
      <c r="KE6" s="522"/>
      <c r="KF6" s="522"/>
      <c r="KG6" s="522"/>
      <c r="KH6" s="522"/>
      <c r="KI6" s="522"/>
      <c r="KJ6" s="522"/>
      <c r="KK6" s="522"/>
      <c r="KL6" s="530"/>
      <c r="KM6" s="529"/>
      <c r="KN6" s="522"/>
      <c r="KO6" s="522"/>
      <c r="KP6" s="522"/>
      <c r="KQ6" s="522"/>
      <c r="KR6" s="522"/>
      <c r="KS6" s="522"/>
      <c r="KT6" s="522"/>
      <c r="KU6" s="522"/>
      <c r="KV6" s="522"/>
      <c r="KW6" s="530"/>
      <c r="KX6" s="529"/>
      <c r="KY6" s="522"/>
      <c r="KZ6" s="522"/>
      <c r="LA6" s="522"/>
      <c r="LB6" s="522"/>
      <c r="LC6" s="522"/>
      <c r="LD6" s="522"/>
      <c r="LE6" s="522"/>
      <c r="LF6" s="522"/>
      <c r="LG6" s="522"/>
      <c r="LH6" s="530"/>
      <c r="LI6" s="541"/>
      <c r="LJ6" s="542"/>
      <c r="LK6" s="542"/>
      <c r="LL6" s="542"/>
      <c r="LM6" s="542"/>
      <c r="LN6" s="542"/>
      <c r="LO6" s="542"/>
      <c r="LP6" s="542"/>
      <c r="LQ6" s="542"/>
      <c r="LR6" s="542"/>
      <c r="LS6" s="543"/>
      <c r="LT6" s="603"/>
      <c r="LU6" s="604"/>
      <c r="LV6" s="604"/>
      <c r="LW6" s="604"/>
      <c r="LX6" s="604"/>
      <c r="LY6" s="604"/>
      <c r="LZ6" s="604"/>
      <c r="MA6" s="604"/>
      <c r="MB6" s="604"/>
      <c r="MC6" s="604"/>
      <c r="MD6" s="605"/>
      <c r="ME6" s="541"/>
      <c r="MF6" s="542"/>
      <c r="MG6" s="542"/>
      <c r="MH6" s="542"/>
      <c r="MI6" s="542"/>
      <c r="MJ6" s="542"/>
      <c r="MK6" s="542"/>
      <c r="ML6" s="542"/>
      <c r="MM6" s="542"/>
      <c r="MN6" s="542"/>
      <c r="MO6" s="543"/>
      <c r="MP6" s="529"/>
      <c r="MQ6" s="522"/>
      <c r="MR6" s="522"/>
      <c r="MS6" s="522"/>
      <c r="MT6" s="522"/>
      <c r="MU6" s="522"/>
      <c r="MV6" s="522"/>
      <c r="MW6" s="522"/>
      <c r="MX6" s="522"/>
      <c r="MY6" s="522"/>
      <c r="MZ6" s="530"/>
      <c r="NA6" s="529"/>
      <c r="NB6" s="522"/>
      <c r="NC6" s="522"/>
      <c r="ND6" s="522"/>
      <c r="NE6" s="522"/>
      <c r="NF6" s="522"/>
      <c r="NG6" s="522"/>
      <c r="NH6" s="522"/>
      <c r="NI6" s="522"/>
      <c r="NJ6" s="522"/>
      <c r="NK6" s="530"/>
      <c r="NL6" s="529"/>
      <c r="NM6" s="522"/>
      <c r="NN6" s="522"/>
      <c r="NO6" s="522"/>
      <c r="NP6" s="522"/>
      <c r="NQ6" s="522"/>
      <c r="NR6" s="522"/>
      <c r="NS6" s="522"/>
      <c r="NT6" s="522"/>
      <c r="NU6" s="522"/>
      <c r="NV6" s="530"/>
      <c r="NW6" s="581"/>
      <c r="NX6" s="582"/>
      <c r="NY6" s="582"/>
      <c r="NZ6" s="582"/>
      <c r="OA6" s="582"/>
      <c r="OB6" s="582"/>
      <c r="OC6" s="582"/>
      <c r="OD6" s="582"/>
      <c r="OE6" s="582"/>
      <c r="OF6" s="582"/>
      <c r="OG6" s="583"/>
      <c r="OH6" s="529"/>
      <c r="OI6" s="522"/>
      <c r="OJ6" s="522"/>
      <c r="OK6" s="522"/>
      <c r="OL6" s="522"/>
      <c r="OM6" s="522"/>
      <c r="ON6" s="522"/>
      <c r="OO6" s="522"/>
      <c r="OP6" s="522"/>
      <c r="OQ6" s="522"/>
      <c r="OR6" s="530"/>
    </row>
    <row r="7" spans="1:408" ht="23.25" customHeight="1" x14ac:dyDescent="0.2">
      <c r="A7" s="636"/>
      <c r="B7" s="621" t="s">
        <v>61</v>
      </c>
      <c r="C7" s="621"/>
      <c r="D7" s="621"/>
      <c r="E7" s="633" t="s">
        <v>62</v>
      </c>
      <c r="F7" s="621"/>
      <c r="G7" s="621"/>
      <c r="H7" s="621"/>
      <c r="I7" s="621"/>
      <c r="J7" s="621"/>
      <c r="K7" s="621"/>
      <c r="L7" s="633" t="s">
        <v>52</v>
      </c>
      <c r="M7" s="632" t="s">
        <v>61</v>
      </c>
      <c r="N7" s="621"/>
      <c r="O7" s="621"/>
      <c r="P7" s="633" t="s">
        <v>62</v>
      </c>
      <c r="Q7" s="621"/>
      <c r="R7" s="621"/>
      <c r="S7" s="621"/>
      <c r="T7" s="621"/>
      <c r="U7" s="621"/>
      <c r="V7" s="634"/>
      <c r="W7" s="629" t="s">
        <v>52</v>
      </c>
      <c r="X7" s="441" t="s">
        <v>61</v>
      </c>
      <c r="Y7" s="442"/>
      <c r="Z7" s="615"/>
      <c r="AA7" s="614" t="s">
        <v>62</v>
      </c>
      <c r="AB7" s="442"/>
      <c r="AC7" s="442"/>
      <c r="AD7" s="442"/>
      <c r="AE7" s="442"/>
      <c r="AF7" s="442"/>
      <c r="AG7" s="615"/>
      <c r="AH7" s="443" t="s">
        <v>52</v>
      </c>
      <c r="AI7" s="609" t="s">
        <v>61</v>
      </c>
      <c r="AJ7" s="610"/>
      <c r="AK7" s="611"/>
      <c r="AL7" s="612" t="s">
        <v>62</v>
      </c>
      <c r="AM7" s="610"/>
      <c r="AN7" s="610"/>
      <c r="AO7" s="610"/>
      <c r="AP7" s="610"/>
      <c r="AQ7" s="610"/>
      <c r="AR7" s="613"/>
      <c r="AS7" s="443" t="s">
        <v>52</v>
      </c>
      <c r="AT7" s="609" t="s">
        <v>61</v>
      </c>
      <c r="AU7" s="610"/>
      <c r="AV7" s="611"/>
      <c r="AW7" s="612" t="s">
        <v>62</v>
      </c>
      <c r="AX7" s="610"/>
      <c r="AY7" s="610"/>
      <c r="AZ7" s="610"/>
      <c r="BA7" s="610"/>
      <c r="BB7" s="610"/>
      <c r="BC7" s="613"/>
      <c r="BD7" s="443" t="s">
        <v>52</v>
      </c>
      <c r="BE7" s="609" t="s">
        <v>61</v>
      </c>
      <c r="BF7" s="610"/>
      <c r="BG7" s="611"/>
      <c r="BH7" s="612" t="s">
        <v>62</v>
      </c>
      <c r="BI7" s="610"/>
      <c r="BJ7" s="610"/>
      <c r="BK7" s="610"/>
      <c r="BL7" s="610"/>
      <c r="BM7" s="610"/>
      <c r="BN7" s="613"/>
      <c r="BO7" s="443" t="s">
        <v>52</v>
      </c>
      <c r="BP7" s="609" t="s">
        <v>61</v>
      </c>
      <c r="BQ7" s="610"/>
      <c r="BR7" s="611"/>
      <c r="BS7" s="612" t="s">
        <v>62</v>
      </c>
      <c r="BT7" s="610"/>
      <c r="BU7" s="610"/>
      <c r="BV7" s="610"/>
      <c r="BW7" s="610"/>
      <c r="BX7" s="610"/>
      <c r="BY7" s="613"/>
      <c r="BZ7" s="443" t="s">
        <v>52</v>
      </c>
      <c r="CA7" s="616" t="s">
        <v>61</v>
      </c>
      <c r="CB7" s="617"/>
      <c r="CC7" s="618"/>
      <c r="CD7" s="619" t="s">
        <v>62</v>
      </c>
      <c r="CE7" s="617"/>
      <c r="CF7" s="617"/>
      <c r="CG7" s="617"/>
      <c r="CH7" s="617"/>
      <c r="CI7" s="617"/>
      <c r="CJ7" s="620"/>
      <c r="CK7" s="629" t="s">
        <v>52</v>
      </c>
      <c r="CL7" s="609" t="s">
        <v>61</v>
      </c>
      <c r="CM7" s="610"/>
      <c r="CN7" s="613"/>
      <c r="CO7" s="612" t="s">
        <v>62</v>
      </c>
      <c r="CP7" s="610"/>
      <c r="CQ7" s="610"/>
      <c r="CR7" s="610"/>
      <c r="CS7" s="610"/>
      <c r="CT7" s="610"/>
      <c r="CU7" s="613"/>
      <c r="CV7" s="631" t="s">
        <v>52</v>
      </c>
      <c r="CW7" s="609" t="s">
        <v>61</v>
      </c>
      <c r="CX7" s="610"/>
      <c r="CY7" s="613"/>
      <c r="CZ7" s="612" t="s">
        <v>62</v>
      </c>
      <c r="DA7" s="610"/>
      <c r="DB7" s="610"/>
      <c r="DC7" s="610"/>
      <c r="DD7" s="610"/>
      <c r="DE7" s="610"/>
      <c r="DF7" s="613"/>
      <c r="DG7" s="631" t="s">
        <v>52</v>
      </c>
      <c r="DH7" s="616" t="s">
        <v>61</v>
      </c>
      <c r="DI7" s="617"/>
      <c r="DJ7" s="620"/>
      <c r="DK7" s="619" t="s">
        <v>62</v>
      </c>
      <c r="DL7" s="617"/>
      <c r="DM7" s="617"/>
      <c r="DN7" s="617"/>
      <c r="DO7" s="617"/>
      <c r="DP7" s="617"/>
      <c r="DQ7" s="620"/>
      <c r="DR7" s="629" t="s">
        <v>52</v>
      </c>
      <c r="DS7" s="609" t="s">
        <v>61</v>
      </c>
      <c r="DT7" s="610"/>
      <c r="DU7" s="611"/>
      <c r="DV7" s="612" t="s">
        <v>62</v>
      </c>
      <c r="DW7" s="610"/>
      <c r="DX7" s="610"/>
      <c r="DY7" s="610"/>
      <c r="DZ7" s="610"/>
      <c r="EA7" s="610"/>
      <c r="EB7" s="613"/>
      <c r="EC7" s="443" t="s">
        <v>52</v>
      </c>
      <c r="ED7" s="609" t="s">
        <v>61</v>
      </c>
      <c r="EE7" s="610"/>
      <c r="EF7" s="611"/>
      <c r="EG7" s="612" t="s">
        <v>62</v>
      </c>
      <c r="EH7" s="610"/>
      <c r="EI7" s="610"/>
      <c r="EJ7" s="610"/>
      <c r="EK7" s="610"/>
      <c r="EL7" s="610"/>
      <c r="EM7" s="613"/>
      <c r="EN7" s="443" t="s">
        <v>52</v>
      </c>
      <c r="EO7" s="609" t="s">
        <v>61</v>
      </c>
      <c r="EP7" s="610"/>
      <c r="EQ7" s="611"/>
      <c r="ER7" s="612" t="s">
        <v>62</v>
      </c>
      <c r="ES7" s="610"/>
      <c r="ET7" s="610"/>
      <c r="EU7" s="610"/>
      <c r="EV7" s="610"/>
      <c r="EW7" s="610"/>
      <c r="EX7" s="613"/>
      <c r="EY7" s="443" t="s">
        <v>52</v>
      </c>
      <c r="EZ7" s="609" t="s">
        <v>61</v>
      </c>
      <c r="FA7" s="610"/>
      <c r="FB7" s="611"/>
      <c r="FC7" s="612" t="s">
        <v>62</v>
      </c>
      <c r="FD7" s="610"/>
      <c r="FE7" s="610"/>
      <c r="FF7" s="610"/>
      <c r="FG7" s="610"/>
      <c r="FH7" s="610"/>
      <c r="FI7" s="613"/>
      <c r="FJ7" s="443" t="s">
        <v>52</v>
      </c>
      <c r="FK7" s="616" t="s">
        <v>61</v>
      </c>
      <c r="FL7" s="617"/>
      <c r="FM7" s="618"/>
      <c r="FN7" s="619" t="s">
        <v>62</v>
      </c>
      <c r="FO7" s="617"/>
      <c r="FP7" s="617"/>
      <c r="FQ7" s="617"/>
      <c r="FR7" s="617"/>
      <c r="FS7" s="617"/>
      <c r="FT7" s="620"/>
      <c r="FU7" s="621" t="s">
        <v>52</v>
      </c>
      <c r="FV7" s="609" t="s">
        <v>61</v>
      </c>
      <c r="FW7" s="610"/>
      <c r="FX7" s="611"/>
      <c r="FY7" s="612" t="s">
        <v>62</v>
      </c>
      <c r="FZ7" s="610"/>
      <c r="GA7" s="610"/>
      <c r="GB7" s="610"/>
      <c r="GC7" s="610"/>
      <c r="GD7" s="610"/>
      <c r="GE7" s="613"/>
      <c r="GF7" s="443" t="s">
        <v>52</v>
      </c>
      <c r="GG7" s="441" t="s">
        <v>61</v>
      </c>
      <c r="GH7" s="442"/>
      <c r="GI7" s="442"/>
      <c r="GJ7" s="614" t="s">
        <v>62</v>
      </c>
      <c r="GK7" s="442"/>
      <c r="GL7" s="442"/>
      <c r="GM7" s="442"/>
      <c r="GN7" s="442"/>
      <c r="GO7" s="442"/>
      <c r="GP7" s="615"/>
      <c r="GQ7" s="607" t="s">
        <v>52</v>
      </c>
      <c r="GR7" s="441" t="s">
        <v>61</v>
      </c>
      <c r="GS7" s="442"/>
      <c r="GT7" s="615"/>
      <c r="GU7" s="614" t="s">
        <v>62</v>
      </c>
      <c r="GV7" s="442"/>
      <c r="GW7" s="442"/>
      <c r="GX7" s="442"/>
      <c r="GY7" s="442"/>
      <c r="GZ7" s="442"/>
      <c r="HA7" s="615"/>
      <c r="HB7" s="607" t="s">
        <v>52</v>
      </c>
      <c r="HC7" s="609" t="s">
        <v>61</v>
      </c>
      <c r="HD7" s="610"/>
      <c r="HE7" s="611"/>
      <c r="HF7" s="612" t="s">
        <v>62</v>
      </c>
      <c r="HG7" s="610"/>
      <c r="HH7" s="610"/>
      <c r="HI7" s="610"/>
      <c r="HJ7" s="610"/>
      <c r="HK7" s="610"/>
      <c r="HL7" s="613"/>
      <c r="HM7" s="443" t="s">
        <v>52</v>
      </c>
      <c r="HN7" s="609" t="s">
        <v>61</v>
      </c>
      <c r="HO7" s="610"/>
      <c r="HP7" s="611"/>
      <c r="HQ7" s="612" t="s">
        <v>62</v>
      </c>
      <c r="HR7" s="610"/>
      <c r="HS7" s="610"/>
      <c r="HT7" s="610"/>
      <c r="HU7" s="610"/>
      <c r="HV7" s="610"/>
      <c r="HW7" s="613"/>
      <c r="HX7" s="443" t="s">
        <v>52</v>
      </c>
      <c r="HY7" s="510" t="s">
        <v>61</v>
      </c>
      <c r="HZ7" s="511"/>
      <c r="IA7" s="512"/>
      <c r="IB7" s="569" t="s">
        <v>62</v>
      </c>
      <c r="IC7" s="511"/>
      <c r="ID7" s="511"/>
      <c r="IE7" s="511"/>
      <c r="IF7" s="511"/>
      <c r="IG7" s="511"/>
      <c r="IH7" s="570"/>
      <c r="II7" s="514" t="s">
        <v>52</v>
      </c>
      <c r="IJ7" s="518" t="s">
        <v>61</v>
      </c>
      <c r="IK7" s="519"/>
      <c r="IL7" s="520"/>
      <c r="IM7" s="567" t="s">
        <v>62</v>
      </c>
      <c r="IN7" s="519"/>
      <c r="IO7" s="519"/>
      <c r="IP7" s="519"/>
      <c r="IQ7" s="519"/>
      <c r="IR7" s="519"/>
      <c r="IS7" s="568"/>
      <c r="IT7" s="530" t="s">
        <v>52</v>
      </c>
      <c r="IU7" s="518" t="s">
        <v>61</v>
      </c>
      <c r="IV7" s="519"/>
      <c r="IW7" s="568"/>
      <c r="IX7" s="567" t="s">
        <v>62</v>
      </c>
      <c r="IY7" s="519"/>
      <c r="IZ7" s="519"/>
      <c r="JA7" s="519"/>
      <c r="JB7" s="519"/>
      <c r="JC7" s="519"/>
      <c r="JD7" s="568"/>
      <c r="JE7" s="530" t="s">
        <v>52</v>
      </c>
      <c r="JF7" s="518" t="s">
        <v>61</v>
      </c>
      <c r="JG7" s="519"/>
      <c r="JH7" s="520"/>
      <c r="JI7" s="567" t="s">
        <v>62</v>
      </c>
      <c r="JJ7" s="519"/>
      <c r="JK7" s="519"/>
      <c r="JL7" s="519"/>
      <c r="JM7" s="519"/>
      <c r="JN7" s="519"/>
      <c r="JO7" s="568"/>
      <c r="JP7" s="576" t="s">
        <v>52</v>
      </c>
      <c r="JQ7" s="518" t="s">
        <v>61</v>
      </c>
      <c r="JR7" s="519"/>
      <c r="JS7" s="520"/>
      <c r="JT7" s="567" t="s">
        <v>62</v>
      </c>
      <c r="JU7" s="519"/>
      <c r="JV7" s="519"/>
      <c r="JW7" s="519"/>
      <c r="JX7" s="519"/>
      <c r="JY7" s="519"/>
      <c r="JZ7" s="568"/>
      <c r="KA7" s="576" t="s">
        <v>52</v>
      </c>
      <c r="KB7" s="518" t="s">
        <v>61</v>
      </c>
      <c r="KC7" s="519"/>
      <c r="KD7" s="520"/>
      <c r="KE7" s="567" t="s">
        <v>62</v>
      </c>
      <c r="KF7" s="519"/>
      <c r="KG7" s="519"/>
      <c r="KH7" s="519"/>
      <c r="KI7" s="519"/>
      <c r="KJ7" s="519"/>
      <c r="KK7" s="568"/>
      <c r="KL7" s="576" t="s">
        <v>52</v>
      </c>
      <c r="KM7" s="518" t="s">
        <v>61</v>
      </c>
      <c r="KN7" s="519"/>
      <c r="KO7" s="520"/>
      <c r="KP7" s="567" t="s">
        <v>62</v>
      </c>
      <c r="KQ7" s="519"/>
      <c r="KR7" s="519"/>
      <c r="KS7" s="519"/>
      <c r="KT7" s="519"/>
      <c r="KU7" s="519"/>
      <c r="KV7" s="568"/>
      <c r="KW7" s="576" t="s">
        <v>52</v>
      </c>
      <c r="KX7" s="518" t="s">
        <v>61</v>
      </c>
      <c r="KY7" s="519"/>
      <c r="KZ7" s="520"/>
      <c r="LA7" s="567" t="s">
        <v>62</v>
      </c>
      <c r="LB7" s="519"/>
      <c r="LC7" s="519"/>
      <c r="LD7" s="519"/>
      <c r="LE7" s="519"/>
      <c r="LF7" s="519"/>
      <c r="LG7" s="568"/>
      <c r="LH7" s="576" t="s">
        <v>52</v>
      </c>
      <c r="LI7" s="518" t="s">
        <v>61</v>
      </c>
      <c r="LJ7" s="519"/>
      <c r="LK7" s="520"/>
      <c r="LL7" s="567" t="s">
        <v>62</v>
      </c>
      <c r="LM7" s="519"/>
      <c r="LN7" s="519"/>
      <c r="LO7" s="519"/>
      <c r="LP7" s="519"/>
      <c r="LQ7" s="519"/>
      <c r="LR7" s="568"/>
      <c r="LS7" s="576" t="s">
        <v>52</v>
      </c>
      <c r="LT7" s="518" t="s">
        <v>61</v>
      </c>
      <c r="LU7" s="519"/>
      <c r="LV7" s="520"/>
      <c r="LW7" s="567" t="s">
        <v>62</v>
      </c>
      <c r="LX7" s="519"/>
      <c r="LY7" s="519"/>
      <c r="LZ7" s="519"/>
      <c r="MA7" s="519"/>
      <c r="MB7" s="519"/>
      <c r="MC7" s="568"/>
      <c r="MD7" s="576" t="s">
        <v>52</v>
      </c>
      <c r="ME7" s="510" t="s">
        <v>61</v>
      </c>
      <c r="MF7" s="511"/>
      <c r="MG7" s="512"/>
      <c r="MH7" s="569" t="s">
        <v>62</v>
      </c>
      <c r="MI7" s="511"/>
      <c r="MJ7" s="511"/>
      <c r="MK7" s="511"/>
      <c r="ML7" s="511"/>
      <c r="MM7" s="511"/>
      <c r="MN7" s="570"/>
      <c r="MO7" s="563" t="s">
        <v>52</v>
      </c>
      <c r="MP7" s="518" t="s">
        <v>61</v>
      </c>
      <c r="MQ7" s="519"/>
      <c r="MR7" s="520"/>
      <c r="MS7" s="567" t="s">
        <v>62</v>
      </c>
      <c r="MT7" s="519"/>
      <c r="MU7" s="519"/>
      <c r="MV7" s="519"/>
      <c r="MW7" s="519"/>
      <c r="MX7" s="519"/>
      <c r="MY7" s="568"/>
      <c r="MZ7" s="576" t="s">
        <v>52</v>
      </c>
      <c r="NA7" s="518" t="s">
        <v>61</v>
      </c>
      <c r="NB7" s="519"/>
      <c r="NC7" s="520"/>
      <c r="ND7" s="567" t="s">
        <v>62</v>
      </c>
      <c r="NE7" s="519"/>
      <c r="NF7" s="519"/>
      <c r="NG7" s="519"/>
      <c r="NH7" s="519"/>
      <c r="NI7" s="519"/>
      <c r="NJ7" s="568"/>
      <c r="NK7" s="576" t="s">
        <v>52</v>
      </c>
      <c r="NL7" s="518" t="s">
        <v>61</v>
      </c>
      <c r="NM7" s="519"/>
      <c r="NN7" s="520"/>
      <c r="NO7" s="567" t="s">
        <v>62</v>
      </c>
      <c r="NP7" s="519"/>
      <c r="NQ7" s="519"/>
      <c r="NR7" s="519"/>
      <c r="NS7" s="519"/>
      <c r="NT7" s="519"/>
      <c r="NU7" s="568"/>
      <c r="NV7" s="576" t="s">
        <v>52</v>
      </c>
      <c r="NW7" s="518" t="s">
        <v>61</v>
      </c>
      <c r="NX7" s="519"/>
      <c r="NY7" s="520"/>
      <c r="NZ7" s="567" t="s">
        <v>62</v>
      </c>
      <c r="OA7" s="519"/>
      <c r="OB7" s="519"/>
      <c r="OC7" s="519"/>
      <c r="OD7" s="519"/>
      <c r="OE7" s="519"/>
      <c r="OF7" s="568"/>
      <c r="OG7" s="576" t="s">
        <v>52</v>
      </c>
      <c r="OH7" s="510" t="s">
        <v>61</v>
      </c>
      <c r="OI7" s="511"/>
      <c r="OJ7" s="512"/>
      <c r="OK7" s="569" t="s">
        <v>62</v>
      </c>
      <c r="OL7" s="511"/>
      <c r="OM7" s="511"/>
      <c r="ON7" s="511"/>
      <c r="OO7" s="511"/>
      <c r="OP7" s="511"/>
      <c r="OQ7" s="570"/>
      <c r="OR7" s="563" t="s">
        <v>52</v>
      </c>
    </row>
    <row r="8" spans="1:408" ht="28.5" customHeight="1" thickBot="1" x14ac:dyDescent="0.25">
      <c r="A8" s="637"/>
      <c r="B8" s="365" t="s">
        <v>43</v>
      </c>
      <c r="C8" s="47" t="s">
        <v>44</v>
      </c>
      <c r="D8" s="366" t="s">
        <v>45</v>
      </c>
      <c r="E8" s="52" t="s">
        <v>83</v>
      </c>
      <c r="F8" s="47" t="s">
        <v>47</v>
      </c>
      <c r="G8" s="47" t="s">
        <v>48</v>
      </c>
      <c r="H8" s="47" t="s">
        <v>49</v>
      </c>
      <c r="I8" s="47" t="s">
        <v>50</v>
      </c>
      <c r="J8" s="47" t="s">
        <v>51</v>
      </c>
      <c r="K8" s="48" t="s">
        <v>45</v>
      </c>
      <c r="L8" s="653"/>
      <c r="M8" s="51" t="s">
        <v>43</v>
      </c>
      <c r="N8" s="47" t="s">
        <v>44</v>
      </c>
      <c r="O8" s="48" t="s">
        <v>45</v>
      </c>
      <c r="P8" s="52" t="s">
        <v>83</v>
      </c>
      <c r="Q8" s="47" t="s">
        <v>47</v>
      </c>
      <c r="R8" s="47" t="s">
        <v>48</v>
      </c>
      <c r="S8" s="47" t="s">
        <v>49</v>
      </c>
      <c r="T8" s="47" t="s">
        <v>50</v>
      </c>
      <c r="U8" s="47" t="s">
        <v>51</v>
      </c>
      <c r="V8" s="48" t="s">
        <v>45</v>
      </c>
      <c r="W8" s="630"/>
      <c r="X8" s="51" t="s">
        <v>43</v>
      </c>
      <c r="Y8" s="47" t="s">
        <v>44</v>
      </c>
      <c r="Z8" s="48" t="s">
        <v>45</v>
      </c>
      <c r="AA8" s="52" t="s">
        <v>83</v>
      </c>
      <c r="AB8" s="47" t="s">
        <v>47</v>
      </c>
      <c r="AC8" s="47" t="s">
        <v>48</v>
      </c>
      <c r="AD8" s="47" t="s">
        <v>49</v>
      </c>
      <c r="AE8" s="47" t="s">
        <v>50</v>
      </c>
      <c r="AF8" s="47" t="s">
        <v>51</v>
      </c>
      <c r="AG8" s="48" t="s">
        <v>45</v>
      </c>
      <c r="AH8" s="606"/>
      <c r="AI8" s="51" t="s">
        <v>43</v>
      </c>
      <c r="AJ8" s="47" t="s">
        <v>44</v>
      </c>
      <c r="AK8" s="366" t="s">
        <v>45</v>
      </c>
      <c r="AL8" s="52" t="s">
        <v>83</v>
      </c>
      <c r="AM8" s="47" t="s">
        <v>47</v>
      </c>
      <c r="AN8" s="47" t="s">
        <v>48</v>
      </c>
      <c r="AO8" s="47" t="s">
        <v>49</v>
      </c>
      <c r="AP8" s="47" t="s">
        <v>50</v>
      </c>
      <c r="AQ8" s="47" t="s">
        <v>51</v>
      </c>
      <c r="AR8" s="48" t="s">
        <v>45</v>
      </c>
      <c r="AS8" s="606"/>
      <c r="AT8" s="51" t="s">
        <v>43</v>
      </c>
      <c r="AU8" s="47" t="s">
        <v>44</v>
      </c>
      <c r="AV8" s="366" t="s">
        <v>45</v>
      </c>
      <c r="AW8" s="52" t="s">
        <v>83</v>
      </c>
      <c r="AX8" s="47" t="s">
        <v>47</v>
      </c>
      <c r="AY8" s="47" t="s">
        <v>48</v>
      </c>
      <c r="AZ8" s="47" t="s">
        <v>49</v>
      </c>
      <c r="BA8" s="47" t="s">
        <v>50</v>
      </c>
      <c r="BB8" s="47" t="s">
        <v>51</v>
      </c>
      <c r="BC8" s="48" t="s">
        <v>45</v>
      </c>
      <c r="BD8" s="606"/>
      <c r="BE8" s="367" t="s">
        <v>43</v>
      </c>
      <c r="BF8" s="47" t="s">
        <v>44</v>
      </c>
      <c r="BG8" s="366" t="s">
        <v>45</v>
      </c>
      <c r="BH8" s="52" t="s">
        <v>83</v>
      </c>
      <c r="BI8" s="47" t="s">
        <v>47</v>
      </c>
      <c r="BJ8" s="47" t="s">
        <v>48</v>
      </c>
      <c r="BK8" s="47" t="s">
        <v>49</v>
      </c>
      <c r="BL8" s="47" t="s">
        <v>50</v>
      </c>
      <c r="BM8" s="47" t="s">
        <v>51</v>
      </c>
      <c r="BN8" s="48" t="s">
        <v>45</v>
      </c>
      <c r="BO8" s="606"/>
      <c r="BP8" s="51" t="s">
        <v>43</v>
      </c>
      <c r="BQ8" s="47" t="s">
        <v>44</v>
      </c>
      <c r="BR8" s="366" t="s">
        <v>45</v>
      </c>
      <c r="BS8" s="52" t="s">
        <v>83</v>
      </c>
      <c r="BT8" s="47" t="s">
        <v>47</v>
      </c>
      <c r="BU8" s="47" t="s">
        <v>48</v>
      </c>
      <c r="BV8" s="47" t="s">
        <v>49</v>
      </c>
      <c r="BW8" s="47" t="s">
        <v>50</v>
      </c>
      <c r="BX8" s="47" t="s">
        <v>51</v>
      </c>
      <c r="BY8" s="48" t="s">
        <v>45</v>
      </c>
      <c r="BZ8" s="606"/>
      <c r="CA8" s="51" t="s">
        <v>43</v>
      </c>
      <c r="CB8" s="47" t="s">
        <v>44</v>
      </c>
      <c r="CC8" s="366" t="s">
        <v>45</v>
      </c>
      <c r="CD8" s="52" t="s">
        <v>83</v>
      </c>
      <c r="CE8" s="47" t="s">
        <v>47</v>
      </c>
      <c r="CF8" s="47" t="s">
        <v>48</v>
      </c>
      <c r="CG8" s="47" t="s">
        <v>49</v>
      </c>
      <c r="CH8" s="47" t="s">
        <v>50</v>
      </c>
      <c r="CI8" s="47" t="s">
        <v>51</v>
      </c>
      <c r="CJ8" s="48" t="s">
        <v>45</v>
      </c>
      <c r="CK8" s="630"/>
      <c r="CL8" s="51" t="s">
        <v>43</v>
      </c>
      <c r="CM8" s="47" t="s">
        <v>44</v>
      </c>
      <c r="CN8" s="48" t="s">
        <v>45</v>
      </c>
      <c r="CO8" s="52" t="s">
        <v>83</v>
      </c>
      <c r="CP8" s="47" t="s">
        <v>47</v>
      </c>
      <c r="CQ8" s="47" t="s">
        <v>48</v>
      </c>
      <c r="CR8" s="47" t="s">
        <v>49</v>
      </c>
      <c r="CS8" s="47" t="s">
        <v>50</v>
      </c>
      <c r="CT8" s="47" t="s">
        <v>51</v>
      </c>
      <c r="CU8" s="48" t="s">
        <v>45</v>
      </c>
      <c r="CV8" s="630"/>
      <c r="CW8" s="51" t="s">
        <v>43</v>
      </c>
      <c r="CX8" s="47" t="s">
        <v>44</v>
      </c>
      <c r="CY8" s="48" t="s">
        <v>45</v>
      </c>
      <c r="CZ8" s="52" t="s">
        <v>83</v>
      </c>
      <c r="DA8" s="47" t="s">
        <v>47</v>
      </c>
      <c r="DB8" s="47" t="s">
        <v>48</v>
      </c>
      <c r="DC8" s="47" t="s">
        <v>49</v>
      </c>
      <c r="DD8" s="47" t="s">
        <v>50</v>
      </c>
      <c r="DE8" s="47" t="s">
        <v>51</v>
      </c>
      <c r="DF8" s="48" t="s">
        <v>45</v>
      </c>
      <c r="DG8" s="630"/>
      <c r="DH8" s="51" t="s">
        <v>43</v>
      </c>
      <c r="DI8" s="47" t="s">
        <v>44</v>
      </c>
      <c r="DJ8" s="48" t="s">
        <v>45</v>
      </c>
      <c r="DK8" s="52" t="s">
        <v>83</v>
      </c>
      <c r="DL8" s="47" t="s">
        <v>47</v>
      </c>
      <c r="DM8" s="47" t="s">
        <v>48</v>
      </c>
      <c r="DN8" s="47" t="s">
        <v>49</v>
      </c>
      <c r="DO8" s="47" t="s">
        <v>50</v>
      </c>
      <c r="DP8" s="47" t="s">
        <v>51</v>
      </c>
      <c r="DQ8" s="48" t="s">
        <v>45</v>
      </c>
      <c r="DR8" s="630"/>
      <c r="DS8" s="51" t="s">
        <v>43</v>
      </c>
      <c r="DT8" s="47" t="s">
        <v>44</v>
      </c>
      <c r="DU8" s="366" t="s">
        <v>45</v>
      </c>
      <c r="DV8" s="52" t="s">
        <v>83</v>
      </c>
      <c r="DW8" s="47" t="s">
        <v>47</v>
      </c>
      <c r="DX8" s="47" t="s">
        <v>48</v>
      </c>
      <c r="DY8" s="47" t="s">
        <v>49</v>
      </c>
      <c r="DZ8" s="47" t="s">
        <v>50</v>
      </c>
      <c r="EA8" s="47" t="s">
        <v>51</v>
      </c>
      <c r="EB8" s="48" t="s">
        <v>45</v>
      </c>
      <c r="EC8" s="606"/>
      <c r="ED8" s="51" t="s">
        <v>43</v>
      </c>
      <c r="EE8" s="47" t="s">
        <v>44</v>
      </c>
      <c r="EF8" s="366" t="s">
        <v>45</v>
      </c>
      <c r="EG8" s="52" t="s">
        <v>83</v>
      </c>
      <c r="EH8" s="47" t="s">
        <v>47</v>
      </c>
      <c r="EI8" s="47" t="s">
        <v>48</v>
      </c>
      <c r="EJ8" s="47" t="s">
        <v>49</v>
      </c>
      <c r="EK8" s="47" t="s">
        <v>50</v>
      </c>
      <c r="EL8" s="47" t="s">
        <v>51</v>
      </c>
      <c r="EM8" s="48" t="s">
        <v>45</v>
      </c>
      <c r="EN8" s="606"/>
      <c r="EO8" s="51" t="s">
        <v>43</v>
      </c>
      <c r="EP8" s="47" t="s">
        <v>44</v>
      </c>
      <c r="EQ8" s="366" t="s">
        <v>45</v>
      </c>
      <c r="ER8" s="52" t="s">
        <v>83</v>
      </c>
      <c r="ES8" s="47" t="s">
        <v>47</v>
      </c>
      <c r="ET8" s="47" t="s">
        <v>48</v>
      </c>
      <c r="EU8" s="47" t="s">
        <v>49</v>
      </c>
      <c r="EV8" s="47" t="s">
        <v>50</v>
      </c>
      <c r="EW8" s="47" t="s">
        <v>51</v>
      </c>
      <c r="EX8" s="48" t="s">
        <v>45</v>
      </c>
      <c r="EY8" s="606"/>
      <c r="EZ8" s="51" t="s">
        <v>43</v>
      </c>
      <c r="FA8" s="47" t="s">
        <v>44</v>
      </c>
      <c r="FB8" s="366" t="s">
        <v>45</v>
      </c>
      <c r="FC8" s="52" t="s">
        <v>83</v>
      </c>
      <c r="FD8" s="47" t="s">
        <v>47</v>
      </c>
      <c r="FE8" s="47" t="s">
        <v>48</v>
      </c>
      <c r="FF8" s="47" t="s">
        <v>49</v>
      </c>
      <c r="FG8" s="47" t="s">
        <v>50</v>
      </c>
      <c r="FH8" s="47" t="s">
        <v>51</v>
      </c>
      <c r="FI8" s="48" t="s">
        <v>45</v>
      </c>
      <c r="FJ8" s="606"/>
      <c r="FK8" s="51" t="s">
        <v>43</v>
      </c>
      <c r="FL8" s="47" t="s">
        <v>44</v>
      </c>
      <c r="FM8" s="366" t="s">
        <v>45</v>
      </c>
      <c r="FN8" s="52" t="s">
        <v>83</v>
      </c>
      <c r="FO8" s="47" t="s">
        <v>47</v>
      </c>
      <c r="FP8" s="47" t="s">
        <v>48</v>
      </c>
      <c r="FQ8" s="47" t="s">
        <v>49</v>
      </c>
      <c r="FR8" s="47" t="s">
        <v>50</v>
      </c>
      <c r="FS8" s="47" t="s">
        <v>51</v>
      </c>
      <c r="FT8" s="48" t="s">
        <v>45</v>
      </c>
      <c r="FU8" s="622"/>
      <c r="FV8" s="51" t="s">
        <v>43</v>
      </c>
      <c r="FW8" s="47" t="s">
        <v>44</v>
      </c>
      <c r="FX8" s="366" t="s">
        <v>45</v>
      </c>
      <c r="FY8" s="52" t="s">
        <v>83</v>
      </c>
      <c r="FZ8" s="47" t="s">
        <v>47</v>
      </c>
      <c r="GA8" s="47" t="s">
        <v>48</v>
      </c>
      <c r="GB8" s="47" t="s">
        <v>49</v>
      </c>
      <c r="GC8" s="47" t="s">
        <v>50</v>
      </c>
      <c r="GD8" s="47" t="s">
        <v>51</v>
      </c>
      <c r="GE8" s="48" t="s">
        <v>45</v>
      </c>
      <c r="GF8" s="606"/>
      <c r="GG8" s="51" t="s">
        <v>43</v>
      </c>
      <c r="GH8" s="47" t="s">
        <v>44</v>
      </c>
      <c r="GI8" s="366" t="s">
        <v>45</v>
      </c>
      <c r="GJ8" s="52" t="s">
        <v>83</v>
      </c>
      <c r="GK8" s="47" t="s">
        <v>47</v>
      </c>
      <c r="GL8" s="47" t="s">
        <v>48</v>
      </c>
      <c r="GM8" s="47" t="s">
        <v>49</v>
      </c>
      <c r="GN8" s="47" t="s">
        <v>50</v>
      </c>
      <c r="GO8" s="47" t="s">
        <v>51</v>
      </c>
      <c r="GP8" s="48" t="s">
        <v>45</v>
      </c>
      <c r="GQ8" s="608"/>
      <c r="GR8" s="51" t="s">
        <v>43</v>
      </c>
      <c r="GS8" s="47" t="s">
        <v>44</v>
      </c>
      <c r="GT8" s="366" t="s">
        <v>45</v>
      </c>
      <c r="GU8" s="52" t="s">
        <v>83</v>
      </c>
      <c r="GV8" s="47" t="s">
        <v>47</v>
      </c>
      <c r="GW8" s="47" t="s">
        <v>48</v>
      </c>
      <c r="GX8" s="47" t="s">
        <v>49</v>
      </c>
      <c r="GY8" s="47" t="s">
        <v>50</v>
      </c>
      <c r="GZ8" s="47" t="s">
        <v>51</v>
      </c>
      <c r="HA8" s="48" t="s">
        <v>45</v>
      </c>
      <c r="HB8" s="608"/>
      <c r="HC8" s="51" t="s">
        <v>43</v>
      </c>
      <c r="HD8" s="47" t="s">
        <v>44</v>
      </c>
      <c r="HE8" s="366" t="s">
        <v>45</v>
      </c>
      <c r="HF8" s="52" t="s">
        <v>83</v>
      </c>
      <c r="HG8" s="47" t="s">
        <v>47</v>
      </c>
      <c r="HH8" s="47" t="s">
        <v>48</v>
      </c>
      <c r="HI8" s="47" t="s">
        <v>49</v>
      </c>
      <c r="HJ8" s="47" t="s">
        <v>50</v>
      </c>
      <c r="HK8" s="47" t="s">
        <v>51</v>
      </c>
      <c r="HL8" s="48" t="s">
        <v>45</v>
      </c>
      <c r="HM8" s="606"/>
      <c r="HN8" s="51" t="s">
        <v>43</v>
      </c>
      <c r="HO8" s="47" t="s">
        <v>44</v>
      </c>
      <c r="HP8" s="366" t="s">
        <v>45</v>
      </c>
      <c r="HQ8" s="52" t="s">
        <v>83</v>
      </c>
      <c r="HR8" s="47" t="s">
        <v>47</v>
      </c>
      <c r="HS8" s="47" t="s">
        <v>48</v>
      </c>
      <c r="HT8" s="47" t="s">
        <v>49</v>
      </c>
      <c r="HU8" s="47" t="s">
        <v>50</v>
      </c>
      <c r="HV8" s="47" t="s">
        <v>51</v>
      </c>
      <c r="HW8" s="48" t="s">
        <v>45</v>
      </c>
      <c r="HX8" s="606"/>
      <c r="HY8" s="417" t="s">
        <v>43</v>
      </c>
      <c r="HZ8" s="418" t="s">
        <v>44</v>
      </c>
      <c r="IA8" s="41" t="s">
        <v>45</v>
      </c>
      <c r="IB8" s="42" t="s">
        <v>83</v>
      </c>
      <c r="IC8" s="418" t="s">
        <v>47</v>
      </c>
      <c r="ID8" s="418" t="s">
        <v>48</v>
      </c>
      <c r="IE8" s="418" t="s">
        <v>49</v>
      </c>
      <c r="IF8" s="418" t="s">
        <v>50</v>
      </c>
      <c r="IG8" s="418" t="s">
        <v>51</v>
      </c>
      <c r="IH8" s="17" t="s">
        <v>45</v>
      </c>
      <c r="II8" s="574"/>
      <c r="IJ8" s="417" t="s">
        <v>43</v>
      </c>
      <c r="IK8" s="418" t="s">
        <v>44</v>
      </c>
      <c r="IL8" s="41" t="s">
        <v>45</v>
      </c>
      <c r="IM8" s="42" t="s">
        <v>83</v>
      </c>
      <c r="IN8" s="59" t="s">
        <v>47</v>
      </c>
      <c r="IO8" s="59" t="s">
        <v>48</v>
      </c>
      <c r="IP8" s="59" t="s">
        <v>49</v>
      </c>
      <c r="IQ8" s="59" t="s">
        <v>50</v>
      </c>
      <c r="IR8" s="59" t="s">
        <v>51</v>
      </c>
      <c r="IS8" s="65" t="s">
        <v>45</v>
      </c>
      <c r="IT8" s="584"/>
      <c r="IU8" s="61" t="s">
        <v>43</v>
      </c>
      <c r="IV8" s="59" t="s">
        <v>44</v>
      </c>
      <c r="IW8" s="65" t="s">
        <v>45</v>
      </c>
      <c r="IX8" s="33" t="s">
        <v>83</v>
      </c>
      <c r="IY8" s="59" t="s">
        <v>47</v>
      </c>
      <c r="IZ8" s="59" t="s">
        <v>48</v>
      </c>
      <c r="JA8" s="59" t="s">
        <v>49</v>
      </c>
      <c r="JB8" s="59" t="s">
        <v>50</v>
      </c>
      <c r="JC8" s="59" t="s">
        <v>51</v>
      </c>
      <c r="JD8" s="65" t="s">
        <v>45</v>
      </c>
      <c r="JE8" s="584"/>
      <c r="JF8" s="61" t="s">
        <v>43</v>
      </c>
      <c r="JG8" s="59" t="s">
        <v>44</v>
      </c>
      <c r="JH8" s="60" t="s">
        <v>45</v>
      </c>
      <c r="JI8" s="33" t="s">
        <v>83</v>
      </c>
      <c r="JJ8" s="59" t="s">
        <v>47</v>
      </c>
      <c r="JK8" s="59" t="s">
        <v>48</v>
      </c>
      <c r="JL8" s="59" t="s">
        <v>49</v>
      </c>
      <c r="JM8" s="59" t="s">
        <v>50</v>
      </c>
      <c r="JN8" s="59" t="s">
        <v>51</v>
      </c>
      <c r="JO8" s="65" t="s">
        <v>45</v>
      </c>
      <c r="JP8" s="577"/>
      <c r="JQ8" s="61" t="s">
        <v>43</v>
      </c>
      <c r="JR8" s="59" t="s">
        <v>44</v>
      </c>
      <c r="JS8" s="60" t="s">
        <v>45</v>
      </c>
      <c r="JT8" s="33" t="s">
        <v>83</v>
      </c>
      <c r="JU8" s="59" t="s">
        <v>47</v>
      </c>
      <c r="JV8" s="59" t="s">
        <v>48</v>
      </c>
      <c r="JW8" s="59" t="s">
        <v>49</v>
      </c>
      <c r="JX8" s="59" t="s">
        <v>50</v>
      </c>
      <c r="JY8" s="59" t="s">
        <v>51</v>
      </c>
      <c r="JZ8" s="65" t="s">
        <v>45</v>
      </c>
      <c r="KA8" s="577"/>
      <c r="KB8" s="61" t="s">
        <v>43</v>
      </c>
      <c r="KC8" s="59" t="s">
        <v>44</v>
      </c>
      <c r="KD8" s="60" t="s">
        <v>45</v>
      </c>
      <c r="KE8" s="33" t="s">
        <v>83</v>
      </c>
      <c r="KF8" s="59" t="s">
        <v>47</v>
      </c>
      <c r="KG8" s="59" t="s">
        <v>48</v>
      </c>
      <c r="KH8" s="59" t="s">
        <v>49</v>
      </c>
      <c r="KI8" s="59" t="s">
        <v>50</v>
      </c>
      <c r="KJ8" s="59" t="s">
        <v>51</v>
      </c>
      <c r="KK8" s="65" t="s">
        <v>45</v>
      </c>
      <c r="KL8" s="577"/>
      <c r="KM8" s="61" t="s">
        <v>43</v>
      </c>
      <c r="KN8" s="59" t="s">
        <v>44</v>
      </c>
      <c r="KO8" s="60" t="s">
        <v>45</v>
      </c>
      <c r="KP8" s="42" t="s">
        <v>83</v>
      </c>
      <c r="KQ8" s="59" t="s">
        <v>47</v>
      </c>
      <c r="KR8" s="59" t="s">
        <v>48</v>
      </c>
      <c r="KS8" s="59" t="s">
        <v>49</v>
      </c>
      <c r="KT8" s="59" t="s">
        <v>50</v>
      </c>
      <c r="KU8" s="59" t="s">
        <v>51</v>
      </c>
      <c r="KV8" s="65" t="s">
        <v>45</v>
      </c>
      <c r="KW8" s="577"/>
      <c r="KX8" s="61" t="s">
        <v>43</v>
      </c>
      <c r="KY8" s="59" t="s">
        <v>44</v>
      </c>
      <c r="KZ8" s="60" t="s">
        <v>45</v>
      </c>
      <c r="LA8" s="42" t="s">
        <v>83</v>
      </c>
      <c r="LB8" s="59" t="s">
        <v>47</v>
      </c>
      <c r="LC8" s="59" t="s">
        <v>48</v>
      </c>
      <c r="LD8" s="59" t="s">
        <v>49</v>
      </c>
      <c r="LE8" s="59" t="s">
        <v>50</v>
      </c>
      <c r="LF8" s="59" t="s">
        <v>51</v>
      </c>
      <c r="LG8" s="65" t="s">
        <v>45</v>
      </c>
      <c r="LH8" s="577"/>
      <c r="LI8" s="61" t="s">
        <v>43</v>
      </c>
      <c r="LJ8" s="59" t="s">
        <v>44</v>
      </c>
      <c r="LK8" s="60" t="s">
        <v>45</v>
      </c>
      <c r="LL8" s="42" t="s">
        <v>83</v>
      </c>
      <c r="LM8" s="59" t="s">
        <v>47</v>
      </c>
      <c r="LN8" s="59" t="s">
        <v>48</v>
      </c>
      <c r="LO8" s="59" t="s">
        <v>49</v>
      </c>
      <c r="LP8" s="59" t="s">
        <v>50</v>
      </c>
      <c r="LQ8" s="59" t="s">
        <v>51</v>
      </c>
      <c r="LR8" s="65" t="s">
        <v>45</v>
      </c>
      <c r="LS8" s="577"/>
      <c r="LT8" s="61" t="s">
        <v>43</v>
      </c>
      <c r="LU8" s="59" t="s">
        <v>44</v>
      </c>
      <c r="LV8" s="60" t="s">
        <v>45</v>
      </c>
      <c r="LW8" s="42" t="s">
        <v>83</v>
      </c>
      <c r="LX8" s="59" t="s">
        <v>47</v>
      </c>
      <c r="LY8" s="59" t="s">
        <v>48</v>
      </c>
      <c r="LZ8" s="59" t="s">
        <v>49</v>
      </c>
      <c r="MA8" s="59" t="s">
        <v>50</v>
      </c>
      <c r="MB8" s="59" t="s">
        <v>51</v>
      </c>
      <c r="MC8" s="65" t="s">
        <v>45</v>
      </c>
      <c r="MD8" s="577"/>
      <c r="ME8" s="61" t="s">
        <v>43</v>
      </c>
      <c r="MF8" s="59" t="s">
        <v>44</v>
      </c>
      <c r="MG8" s="60" t="s">
        <v>45</v>
      </c>
      <c r="MH8" s="42" t="s">
        <v>83</v>
      </c>
      <c r="MI8" s="59" t="s">
        <v>47</v>
      </c>
      <c r="MJ8" s="59" t="s">
        <v>48</v>
      </c>
      <c r="MK8" s="59" t="s">
        <v>49</v>
      </c>
      <c r="ML8" s="59" t="s">
        <v>50</v>
      </c>
      <c r="MM8" s="59" t="s">
        <v>51</v>
      </c>
      <c r="MN8" s="65" t="s">
        <v>45</v>
      </c>
      <c r="MO8" s="577"/>
      <c r="MP8" s="61" t="s">
        <v>43</v>
      </c>
      <c r="MQ8" s="59" t="s">
        <v>44</v>
      </c>
      <c r="MR8" s="60" t="s">
        <v>45</v>
      </c>
      <c r="MS8" s="42" t="s">
        <v>83</v>
      </c>
      <c r="MT8" s="59" t="s">
        <v>47</v>
      </c>
      <c r="MU8" s="59" t="s">
        <v>48</v>
      </c>
      <c r="MV8" s="59" t="s">
        <v>49</v>
      </c>
      <c r="MW8" s="59" t="s">
        <v>50</v>
      </c>
      <c r="MX8" s="59" t="s">
        <v>51</v>
      </c>
      <c r="MY8" s="65" t="s">
        <v>45</v>
      </c>
      <c r="MZ8" s="577"/>
      <c r="NA8" s="61" t="s">
        <v>43</v>
      </c>
      <c r="NB8" s="59" t="s">
        <v>44</v>
      </c>
      <c r="NC8" s="60" t="s">
        <v>45</v>
      </c>
      <c r="ND8" s="42" t="s">
        <v>83</v>
      </c>
      <c r="NE8" s="59" t="s">
        <v>47</v>
      </c>
      <c r="NF8" s="59" t="s">
        <v>48</v>
      </c>
      <c r="NG8" s="59" t="s">
        <v>49</v>
      </c>
      <c r="NH8" s="59" t="s">
        <v>50</v>
      </c>
      <c r="NI8" s="59" t="s">
        <v>51</v>
      </c>
      <c r="NJ8" s="65" t="s">
        <v>45</v>
      </c>
      <c r="NK8" s="577"/>
      <c r="NL8" s="61" t="s">
        <v>43</v>
      </c>
      <c r="NM8" s="59" t="s">
        <v>44</v>
      </c>
      <c r="NN8" s="60" t="s">
        <v>45</v>
      </c>
      <c r="NO8" s="42" t="s">
        <v>83</v>
      </c>
      <c r="NP8" s="59" t="s">
        <v>47</v>
      </c>
      <c r="NQ8" s="59" t="s">
        <v>48</v>
      </c>
      <c r="NR8" s="59" t="s">
        <v>49</v>
      </c>
      <c r="NS8" s="59" t="s">
        <v>50</v>
      </c>
      <c r="NT8" s="59" t="s">
        <v>51</v>
      </c>
      <c r="NU8" s="65" t="s">
        <v>45</v>
      </c>
      <c r="NV8" s="577"/>
      <c r="NW8" s="61" t="s">
        <v>43</v>
      </c>
      <c r="NX8" s="59" t="s">
        <v>44</v>
      </c>
      <c r="NY8" s="60" t="s">
        <v>45</v>
      </c>
      <c r="NZ8" s="42" t="s">
        <v>83</v>
      </c>
      <c r="OA8" s="59" t="s">
        <v>47</v>
      </c>
      <c r="OB8" s="59" t="s">
        <v>48</v>
      </c>
      <c r="OC8" s="59" t="s">
        <v>49</v>
      </c>
      <c r="OD8" s="59" t="s">
        <v>50</v>
      </c>
      <c r="OE8" s="59" t="s">
        <v>51</v>
      </c>
      <c r="OF8" s="65" t="s">
        <v>45</v>
      </c>
      <c r="OG8" s="577"/>
      <c r="OH8" s="61" t="s">
        <v>43</v>
      </c>
      <c r="OI8" s="59" t="s">
        <v>44</v>
      </c>
      <c r="OJ8" s="60" t="s">
        <v>45</v>
      </c>
      <c r="OK8" s="33" t="s">
        <v>83</v>
      </c>
      <c r="OL8" s="59" t="s">
        <v>47</v>
      </c>
      <c r="OM8" s="59" t="s">
        <v>48</v>
      </c>
      <c r="ON8" s="59" t="s">
        <v>49</v>
      </c>
      <c r="OO8" s="59" t="s">
        <v>50</v>
      </c>
      <c r="OP8" s="59" t="s">
        <v>51</v>
      </c>
      <c r="OQ8" s="65" t="s">
        <v>45</v>
      </c>
      <c r="OR8" s="577"/>
    </row>
    <row r="9" spans="1:408" ht="20.25" customHeight="1" x14ac:dyDescent="0.2">
      <c r="A9" s="129" t="s">
        <v>4</v>
      </c>
      <c r="B9" s="110">
        <v>28539283</v>
      </c>
      <c r="C9" s="185">
        <v>47052745</v>
      </c>
      <c r="D9" s="186">
        <v>75592028</v>
      </c>
      <c r="E9" s="187">
        <v>0</v>
      </c>
      <c r="F9" s="185">
        <v>305396598</v>
      </c>
      <c r="G9" s="185">
        <v>412039787</v>
      </c>
      <c r="H9" s="185">
        <v>356731447</v>
      </c>
      <c r="I9" s="185">
        <v>320210149</v>
      </c>
      <c r="J9" s="185">
        <v>205782230</v>
      </c>
      <c r="K9" s="188">
        <v>1600160211</v>
      </c>
      <c r="L9" s="189">
        <v>1675752239</v>
      </c>
      <c r="M9" s="110">
        <v>8169702</v>
      </c>
      <c r="N9" s="185">
        <v>16413959</v>
      </c>
      <c r="O9" s="190">
        <v>24583661</v>
      </c>
      <c r="P9" s="110">
        <v>0</v>
      </c>
      <c r="Q9" s="185">
        <v>94690714</v>
      </c>
      <c r="R9" s="185">
        <v>140761302</v>
      </c>
      <c r="S9" s="185">
        <v>115844345</v>
      </c>
      <c r="T9" s="185">
        <v>113783318</v>
      </c>
      <c r="U9" s="185">
        <v>100500519</v>
      </c>
      <c r="V9" s="190">
        <v>565580198</v>
      </c>
      <c r="W9" s="189">
        <v>590163859</v>
      </c>
      <c r="X9" s="110">
        <v>0</v>
      </c>
      <c r="Y9" s="185">
        <v>0</v>
      </c>
      <c r="Z9" s="190">
        <v>0</v>
      </c>
      <c r="AA9" s="111">
        <v>0</v>
      </c>
      <c r="AB9" s="191">
        <v>42093466</v>
      </c>
      <c r="AC9" s="191">
        <v>63627200</v>
      </c>
      <c r="AD9" s="191">
        <v>59136976</v>
      </c>
      <c r="AE9" s="191">
        <v>58296978</v>
      </c>
      <c r="AF9" s="191">
        <v>53694076</v>
      </c>
      <c r="AG9" s="190">
        <v>276848696</v>
      </c>
      <c r="AH9" s="189">
        <v>276848696</v>
      </c>
      <c r="AI9" s="192">
        <v>0</v>
      </c>
      <c r="AJ9" s="191">
        <v>40663</v>
      </c>
      <c r="AK9" s="190">
        <v>40663</v>
      </c>
      <c r="AL9" s="111">
        <v>0</v>
      </c>
      <c r="AM9" s="191">
        <v>272256</v>
      </c>
      <c r="AN9" s="188">
        <v>1516714</v>
      </c>
      <c r="AO9" s="191">
        <v>3236387</v>
      </c>
      <c r="AP9" s="191">
        <v>7491460</v>
      </c>
      <c r="AQ9" s="191">
        <v>12501586</v>
      </c>
      <c r="AR9" s="190">
        <v>25018403</v>
      </c>
      <c r="AS9" s="189">
        <v>25059066</v>
      </c>
      <c r="AT9" s="192">
        <v>4085728</v>
      </c>
      <c r="AU9" s="191">
        <v>11176445</v>
      </c>
      <c r="AV9" s="190">
        <v>15262173</v>
      </c>
      <c r="AW9" s="111">
        <v>0</v>
      </c>
      <c r="AX9" s="191">
        <v>32253948</v>
      </c>
      <c r="AY9" s="191">
        <v>50555721</v>
      </c>
      <c r="AZ9" s="191">
        <v>31945425</v>
      </c>
      <c r="BA9" s="191">
        <v>28839821</v>
      </c>
      <c r="BB9" s="191">
        <v>21804266</v>
      </c>
      <c r="BC9" s="190">
        <v>165399181</v>
      </c>
      <c r="BD9" s="193">
        <v>180661354</v>
      </c>
      <c r="BE9" s="192">
        <v>486030</v>
      </c>
      <c r="BF9" s="188">
        <v>1509958</v>
      </c>
      <c r="BG9" s="276">
        <v>1995988</v>
      </c>
      <c r="BH9" s="111">
        <v>0</v>
      </c>
      <c r="BI9" s="191">
        <v>2828610</v>
      </c>
      <c r="BJ9" s="191">
        <v>4929387</v>
      </c>
      <c r="BK9" s="191">
        <v>2767765</v>
      </c>
      <c r="BL9" s="191">
        <v>2652038</v>
      </c>
      <c r="BM9" s="191">
        <v>1545264</v>
      </c>
      <c r="BN9" s="190">
        <v>14723064</v>
      </c>
      <c r="BO9" s="189">
        <v>16719052</v>
      </c>
      <c r="BP9" s="192">
        <v>3597944</v>
      </c>
      <c r="BQ9" s="191">
        <v>3686893</v>
      </c>
      <c r="BR9" s="190">
        <v>7284837</v>
      </c>
      <c r="BS9" s="111">
        <v>0</v>
      </c>
      <c r="BT9" s="191">
        <v>17242434</v>
      </c>
      <c r="BU9" s="191">
        <v>20132280</v>
      </c>
      <c r="BV9" s="191">
        <v>18757792</v>
      </c>
      <c r="BW9" s="191">
        <v>16503021</v>
      </c>
      <c r="BX9" s="191">
        <v>10955327</v>
      </c>
      <c r="BY9" s="190">
        <v>83590854</v>
      </c>
      <c r="BZ9" s="189">
        <v>90875691</v>
      </c>
      <c r="CA9" s="192">
        <v>2658022</v>
      </c>
      <c r="CB9" s="191">
        <v>5942632</v>
      </c>
      <c r="CC9" s="190">
        <v>8600654</v>
      </c>
      <c r="CD9" s="111">
        <v>0</v>
      </c>
      <c r="CE9" s="191">
        <v>97690285</v>
      </c>
      <c r="CF9" s="191">
        <v>124380681</v>
      </c>
      <c r="CG9" s="194">
        <v>86641133</v>
      </c>
      <c r="CH9" s="191">
        <v>51876081</v>
      </c>
      <c r="CI9" s="191">
        <v>19428849</v>
      </c>
      <c r="CJ9" s="190">
        <v>380017029</v>
      </c>
      <c r="CK9" s="189">
        <v>388617683</v>
      </c>
      <c r="CL9" s="110">
        <v>0</v>
      </c>
      <c r="CM9" s="185">
        <v>0</v>
      </c>
      <c r="CN9" s="190">
        <v>0</v>
      </c>
      <c r="CO9" s="111">
        <v>0</v>
      </c>
      <c r="CP9" s="191">
        <v>79406179</v>
      </c>
      <c r="CQ9" s="191">
        <v>90902569</v>
      </c>
      <c r="CR9" s="191">
        <v>62571071</v>
      </c>
      <c r="CS9" s="191">
        <v>36028972</v>
      </c>
      <c r="CT9" s="191">
        <v>14610181</v>
      </c>
      <c r="CU9" s="195">
        <v>283518972</v>
      </c>
      <c r="CV9" s="189">
        <v>283518972</v>
      </c>
      <c r="CW9" s="192">
        <v>2658022</v>
      </c>
      <c r="CX9" s="191">
        <v>5942632</v>
      </c>
      <c r="CY9" s="190">
        <v>8600654</v>
      </c>
      <c r="CZ9" s="111">
        <v>0</v>
      </c>
      <c r="DA9" s="191">
        <v>18284106</v>
      </c>
      <c r="DB9" s="191">
        <v>33478112</v>
      </c>
      <c r="DC9" s="191">
        <v>24070062</v>
      </c>
      <c r="DD9" s="191">
        <v>15847109</v>
      </c>
      <c r="DE9" s="191">
        <v>4818668</v>
      </c>
      <c r="DF9" s="190">
        <v>96498057</v>
      </c>
      <c r="DG9" s="189">
        <v>105098711</v>
      </c>
      <c r="DH9" s="192">
        <v>73428</v>
      </c>
      <c r="DI9" s="191">
        <v>746411</v>
      </c>
      <c r="DJ9" s="276">
        <v>819839</v>
      </c>
      <c r="DK9" s="111">
        <v>0</v>
      </c>
      <c r="DL9" s="191">
        <v>9529386</v>
      </c>
      <c r="DM9" s="191">
        <v>17364935</v>
      </c>
      <c r="DN9" s="191">
        <v>36123873</v>
      </c>
      <c r="DO9" s="191">
        <v>29668432</v>
      </c>
      <c r="DP9" s="191">
        <v>10539960</v>
      </c>
      <c r="DQ9" s="277">
        <v>103226586</v>
      </c>
      <c r="DR9" s="189">
        <v>104046425</v>
      </c>
      <c r="DS9" s="192">
        <v>73428</v>
      </c>
      <c r="DT9" s="191">
        <v>719440</v>
      </c>
      <c r="DU9" s="190">
        <v>792868</v>
      </c>
      <c r="DV9" s="111">
        <v>0</v>
      </c>
      <c r="DW9" s="191">
        <v>7880702</v>
      </c>
      <c r="DX9" s="191">
        <v>14641473</v>
      </c>
      <c r="DY9" s="191">
        <v>30704795</v>
      </c>
      <c r="DZ9" s="191">
        <v>26931002</v>
      </c>
      <c r="EA9" s="191">
        <v>9311607</v>
      </c>
      <c r="EB9" s="190">
        <v>89469579</v>
      </c>
      <c r="EC9" s="189">
        <v>90262447</v>
      </c>
      <c r="ED9" s="192">
        <v>0</v>
      </c>
      <c r="EE9" s="188">
        <v>26971</v>
      </c>
      <c r="EF9" s="190">
        <v>26971</v>
      </c>
      <c r="EG9" s="193">
        <v>0</v>
      </c>
      <c r="EH9" s="191">
        <v>1648684</v>
      </c>
      <c r="EI9" s="191">
        <v>2723462</v>
      </c>
      <c r="EJ9" s="191">
        <v>5419078</v>
      </c>
      <c r="EK9" s="191">
        <v>2737430</v>
      </c>
      <c r="EL9" s="194">
        <v>1228353</v>
      </c>
      <c r="EM9" s="188">
        <v>13757007</v>
      </c>
      <c r="EN9" s="189">
        <v>13783978</v>
      </c>
      <c r="EO9" s="192">
        <v>0</v>
      </c>
      <c r="EP9" s="191">
        <v>0</v>
      </c>
      <c r="EQ9" s="188">
        <v>0</v>
      </c>
      <c r="ER9" s="111">
        <v>0</v>
      </c>
      <c r="ES9" s="191">
        <v>0</v>
      </c>
      <c r="ET9" s="191">
        <v>0</v>
      </c>
      <c r="EU9" s="191">
        <v>0</v>
      </c>
      <c r="EV9" s="191">
        <v>0</v>
      </c>
      <c r="EW9" s="191">
        <v>0</v>
      </c>
      <c r="EX9" s="195">
        <v>0</v>
      </c>
      <c r="EY9" s="189">
        <v>0</v>
      </c>
      <c r="EZ9" s="192">
        <v>0</v>
      </c>
      <c r="FA9" s="191">
        <v>0</v>
      </c>
      <c r="FB9" s="188">
        <v>0</v>
      </c>
      <c r="FC9" s="394"/>
      <c r="FD9" s="191">
        <v>0</v>
      </c>
      <c r="FE9" s="191">
        <v>0</v>
      </c>
      <c r="FF9" s="191">
        <v>0</v>
      </c>
      <c r="FG9" s="191">
        <v>0</v>
      </c>
      <c r="FH9" s="191">
        <v>0</v>
      </c>
      <c r="FI9" s="195">
        <v>0</v>
      </c>
      <c r="FJ9" s="189">
        <v>0</v>
      </c>
      <c r="FK9" s="192">
        <v>6116678</v>
      </c>
      <c r="FL9" s="191">
        <v>9503125</v>
      </c>
      <c r="FM9" s="190">
        <v>15619803</v>
      </c>
      <c r="FN9" s="111">
        <v>0</v>
      </c>
      <c r="FO9" s="191">
        <v>14871790</v>
      </c>
      <c r="FP9" s="191">
        <v>37169625</v>
      </c>
      <c r="FQ9" s="191">
        <v>26906352</v>
      </c>
      <c r="FR9" s="191">
        <v>23977636</v>
      </c>
      <c r="FS9" s="191">
        <v>15342544</v>
      </c>
      <c r="FT9" s="190">
        <v>118267947</v>
      </c>
      <c r="FU9" s="189">
        <v>133887750</v>
      </c>
      <c r="FV9" s="192">
        <v>2414736</v>
      </c>
      <c r="FW9" s="191">
        <v>5806771</v>
      </c>
      <c r="FX9" s="188">
        <v>8221507</v>
      </c>
      <c r="FY9" s="193">
        <v>0</v>
      </c>
      <c r="FZ9" s="191">
        <v>10534234</v>
      </c>
      <c r="GA9" s="196">
        <v>33799562</v>
      </c>
      <c r="GB9" s="191">
        <v>24578648</v>
      </c>
      <c r="GC9" s="196">
        <v>21523372</v>
      </c>
      <c r="GD9" s="191">
        <v>14374450</v>
      </c>
      <c r="GE9" s="195">
        <v>104810266</v>
      </c>
      <c r="GF9" s="356">
        <v>113031773</v>
      </c>
      <c r="GG9" s="197">
        <v>288768</v>
      </c>
      <c r="GH9" s="191">
        <v>326284</v>
      </c>
      <c r="GI9" s="196">
        <v>615052</v>
      </c>
      <c r="GJ9" s="187">
        <v>0</v>
      </c>
      <c r="GK9" s="191">
        <v>679897</v>
      </c>
      <c r="GL9" s="188">
        <v>990770</v>
      </c>
      <c r="GM9" s="191">
        <v>733368</v>
      </c>
      <c r="GN9" s="188">
        <v>668308</v>
      </c>
      <c r="GO9" s="191">
        <v>269294</v>
      </c>
      <c r="GP9" s="277">
        <v>3341637</v>
      </c>
      <c r="GQ9" s="189">
        <v>3956689</v>
      </c>
      <c r="GR9" s="188">
        <v>3413174</v>
      </c>
      <c r="GS9" s="191">
        <v>3370070</v>
      </c>
      <c r="GT9" s="190">
        <v>6783244</v>
      </c>
      <c r="GU9" s="188">
        <v>0</v>
      </c>
      <c r="GV9" s="191">
        <v>3657659</v>
      </c>
      <c r="GW9" s="188">
        <v>2379293</v>
      </c>
      <c r="GX9" s="191">
        <v>1594336</v>
      </c>
      <c r="GY9" s="188">
        <v>1785956</v>
      </c>
      <c r="GZ9" s="191">
        <v>698800</v>
      </c>
      <c r="HA9" s="188">
        <v>10116044</v>
      </c>
      <c r="HB9" s="189">
        <v>16899288</v>
      </c>
      <c r="HC9" s="188">
        <v>11521453</v>
      </c>
      <c r="HD9" s="191">
        <v>14446618</v>
      </c>
      <c r="HE9" s="188">
        <v>25968071</v>
      </c>
      <c r="HF9" s="193">
        <v>0</v>
      </c>
      <c r="HG9" s="191">
        <v>88614423</v>
      </c>
      <c r="HH9" s="196">
        <v>92363244</v>
      </c>
      <c r="HI9" s="191">
        <v>91215744</v>
      </c>
      <c r="HJ9" s="196">
        <v>100904682</v>
      </c>
      <c r="HK9" s="191">
        <v>59970358</v>
      </c>
      <c r="HL9" s="195">
        <v>433068451</v>
      </c>
      <c r="HM9" s="188">
        <v>459036522</v>
      </c>
      <c r="HN9" s="394"/>
      <c r="HO9" s="394"/>
      <c r="HP9" s="394"/>
      <c r="HQ9" s="394"/>
      <c r="HR9" s="394"/>
      <c r="HS9" s="394"/>
      <c r="HT9" s="394"/>
      <c r="HU9" s="394"/>
      <c r="HV9" s="394"/>
      <c r="HW9" s="394"/>
      <c r="HX9" s="394"/>
      <c r="HY9" s="132">
        <v>832051</v>
      </c>
      <c r="HZ9" s="133">
        <v>1605672</v>
      </c>
      <c r="IA9" s="134">
        <v>2437723</v>
      </c>
      <c r="IB9" s="121">
        <v>0</v>
      </c>
      <c r="IC9" s="133">
        <v>83712348</v>
      </c>
      <c r="ID9" s="135">
        <v>111784761</v>
      </c>
      <c r="IE9" s="136">
        <v>113061525</v>
      </c>
      <c r="IF9" s="133">
        <v>77460981</v>
      </c>
      <c r="IG9" s="136">
        <v>43622174</v>
      </c>
      <c r="IH9" s="137">
        <v>429641789</v>
      </c>
      <c r="II9" s="138">
        <v>432079512</v>
      </c>
      <c r="IJ9" s="258">
        <v>0</v>
      </c>
      <c r="IK9" s="264">
        <v>0</v>
      </c>
      <c r="IL9" s="265">
        <v>0</v>
      </c>
      <c r="IM9" s="394"/>
      <c r="IN9" s="140">
        <v>1395794</v>
      </c>
      <c r="IO9" s="140">
        <v>3289511</v>
      </c>
      <c r="IP9" s="140">
        <v>2780518</v>
      </c>
      <c r="IQ9" s="140">
        <v>5186179</v>
      </c>
      <c r="IR9" s="140">
        <v>2755903</v>
      </c>
      <c r="IS9" s="141">
        <v>15407905</v>
      </c>
      <c r="IT9" s="359">
        <v>15407905</v>
      </c>
      <c r="IU9" s="142">
        <v>0</v>
      </c>
      <c r="IV9" s="140">
        <v>0</v>
      </c>
      <c r="IW9" s="144">
        <v>0</v>
      </c>
      <c r="IX9" s="394"/>
      <c r="IY9" s="140">
        <v>371052</v>
      </c>
      <c r="IZ9" s="140">
        <v>555170</v>
      </c>
      <c r="JA9" s="140">
        <v>837037</v>
      </c>
      <c r="JB9" s="140">
        <v>1176269</v>
      </c>
      <c r="JC9" s="140">
        <v>762490</v>
      </c>
      <c r="JD9" s="144">
        <v>3702018</v>
      </c>
      <c r="JE9" s="145">
        <v>3702018</v>
      </c>
      <c r="JF9" s="142">
        <v>0</v>
      </c>
      <c r="JG9" s="140">
        <v>0</v>
      </c>
      <c r="JH9" s="141">
        <v>0</v>
      </c>
      <c r="JI9" s="143">
        <v>0</v>
      </c>
      <c r="JJ9" s="140">
        <v>36278214</v>
      </c>
      <c r="JK9" s="140">
        <v>38528927</v>
      </c>
      <c r="JL9" s="140">
        <v>29040876</v>
      </c>
      <c r="JM9" s="140">
        <v>15239496</v>
      </c>
      <c r="JN9" s="140">
        <v>7518871</v>
      </c>
      <c r="JO9" s="144">
        <v>126606384</v>
      </c>
      <c r="JP9" s="359">
        <v>126606384</v>
      </c>
      <c r="JQ9" s="142">
        <v>21716</v>
      </c>
      <c r="JR9" s="140">
        <v>0</v>
      </c>
      <c r="JS9" s="141">
        <v>21716</v>
      </c>
      <c r="JT9" s="143">
        <v>0</v>
      </c>
      <c r="JU9" s="140">
        <v>5261319</v>
      </c>
      <c r="JV9" s="140">
        <v>7786210</v>
      </c>
      <c r="JW9" s="140">
        <v>9240177</v>
      </c>
      <c r="JX9" s="140">
        <v>4054960</v>
      </c>
      <c r="JY9" s="140">
        <v>1870529</v>
      </c>
      <c r="JZ9" s="144">
        <v>28213195</v>
      </c>
      <c r="KA9" s="359">
        <v>28234911</v>
      </c>
      <c r="KB9" s="261">
        <v>810335</v>
      </c>
      <c r="KC9" s="255">
        <v>1159655</v>
      </c>
      <c r="KD9" s="144">
        <v>1969990</v>
      </c>
      <c r="KE9" s="143">
        <v>0</v>
      </c>
      <c r="KF9" s="140">
        <v>10107253</v>
      </c>
      <c r="KG9" s="140">
        <v>16094527</v>
      </c>
      <c r="KH9" s="140">
        <v>15611028</v>
      </c>
      <c r="KI9" s="140">
        <v>14415786</v>
      </c>
      <c r="KJ9" s="140">
        <v>6102240</v>
      </c>
      <c r="KK9" s="144">
        <v>62330834</v>
      </c>
      <c r="KL9" s="146">
        <v>64300824</v>
      </c>
      <c r="KM9" s="258">
        <v>0</v>
      </c>
      <c r="KN9" s="264">
        <v>446017</v>
      </c>
      <c r="KO9" s="265">
        <v>446017</v>
      </c>
      <c r="KP9" s="394"/>
      <c r="KQ9" s="140">
        <v>27967135</v>
      </c>
      <c r="KR9" s="140">
        <v>40484329</v>
      </c>
      <c r="KS9" s="140">
        <v>45794857</v>
      </c>
      <c r="KT9" s="140">
        <v>28319501</v>
      </c>
      <c r="KU9" s="140">
        <v>10806567</v>
      </c>
      <c r="KV9" s="144">
        <v>153372389</v>
      </c>
      <c r="KW9" s="359">
        <v>153818406</v>
      </c>
      <c r="KX9" s="142">
        <v>0</v>
      </c>
      <c r="KY9" s="140">
        <v>0</v>
      </c>
      <c r="KZ9" s="144">
        <v>0</v>
      </c>
      <c r="LA9" s="394"/>
      <c r="LB9" s="140">
        <v>161071</v>
      </c>
      <c r="LC9" s="140">
        <v>1511663</v>
      </c>
      <c r="LD9" s="140">
        <v>990032</v>
      </c>
      <c r="LE9" s="140">
        <v>2274402</v>
      </c>
      <c r="LF9" s="140">
        <v>706219</v>
      </c>
      <c r="LG9" s="144">
        <v>5643387</v>
      </c>
      <c r="LH9" s="145">
        <v>5643387</v>
      </c>
      <c r="LI9" s="142">
        <v>0</v>
      </c>
      <c r="LJ9" s="140">
        <v>0</v>
      </c>
      <c r="LK9" s="144">
        <v>0</v>
      </c>
      <c r="LL9" s="394"/>
      <c r="LM9" s="140">
        <v>0</v>
      </c>
      <c r="LN9" s="140">
        <v>333687</v>
      </c>
      <c r="LO9" s="140">
        <v>3752038</v>
      </c>
      <c r="LP9" s="140">
        <v>2469827</v>
      </c>
      <c r="LQ9" s="140">
        <v>3380908</v>
      </c>
      <c r="LR9" s="144">
        <v>9936460</v>
      </c>
      <c r="LS9" s="359">
        <v>9936460</v>
      </c>
      <c r="LT9" s="142">
        <v>0</v>
      </c>
      <c r="LU9" s="140">
        <v>0</v>
      </c>
      <c r="LV9" s="144">
        <v>0</v>
      </c>
      <c r="LW9" s="394"/>
      <c r="LX9" s="140">
        <v>2170510</v>
      </c>
      <c r="LY9" s="140">
        <v>3200737</v>
      </c>
      <c r="LZ9" s="140">
        <v>5014962</v>
      </c>
      <c r="MA9" s="140">
        <v>4324561</v>
      </c>
      <c r="MB9" s="140">
        <v>9718447</v>
      </c>
      <c r="MC9" s="144">
        <v>24429217</v>
      </c>
      <c r="MD9" s="145">
        <v>24429217</v>
      </c>
      <c r="ME9" s="142">
        <v>0</v>
      </c>
      <c r="MF9" s="140">
        <v>0</v>
      </c>
      <c r="MG9" s="144">
        <v>0</v>
      </c>
      <c r="MH9" s="394"/>
      <c r="MI9" s="140">
        <v>22328634</v>
      </c>
      <c r="MJ9" s="140">
        <v>60448785</v>
      </c>
      <c r="MK9" s="140">
        <v>178129685</v>
      </c>
      <c r="ML9" s="140">
        <v>279177356</v>
      </c>
      <c r="MM9" s="140">
        <v>173616879</v>
      </c>
      <c r="MN9" s="144">
        <v>713701339</v>
      </c>
      <c r="MO9" s="146">
        <v>713701339</v>
      </c>
      <c r="MP9" s="142">
        <v>0</v>
      </c>
      <c r="MQ9" s="140">
        <v>0</v>
      </c>
      <c r="MR9" s="144">
        <v>0</v>
      </c>
      <c r="MS9" s="394"/>
      <c r="MT9" s="140">
        <v>1847619</v>
      </c>
      <c r="MU9" s="140">
        <v>11292831</v>
      </c>
      <c r="MV9" s="140">
        <v>105697615</v>
      </c>
      <c r="MW9" s="140">
        <v>170029507</v>
      </c>
      <c r="MX9" s="140">
        <v>100272480</v>
      </c>
      <c r="MY9" s="144">
        <v>389140052</v>
      </c>
      <c r="MZ9" s="146">
        <v>389140052</v>
      </c>
      <c r="NA9" s="142">
        <v>0</v>
      </c>
      <c r="NB9" s="140">
        <v>0</v>
      </c>
      <c r="NC9" s="144">
        <v>0</v>
      </c>
      <c r="ND9" s="394"/>
      <c r="NE9" s="140">
        <v>20388881</v>
      </c>
      <c r="NF9" s="140">
        <v>48661135</v>
      </c>
      <c r="NG9" s="140">
        <v>70783010</v>
      </c>
      <c r="NH9" s="140">
        <v>101238410</v>
      </c>
      <c r="NI9" s="140">
        <v>56607671</v>
      </c>
      <c r="NJ9" s="144">
        <v>297679107</v>
      </c>
      <c r="NK9" s="359">
        <v>297679107</v>
      </c>
      <c r="NL9" s="142">
        <v>0</v>
      </c>
      <c r="NM9" s="140">
        <v>0</v>
      </c>
      <c r="NN9" s="144">
        <v>0</v>
      </c>
      <c r="NO9" s="394"/>
      <c r="NP9" s="140">
        <v>92134</v>
      </c>
      <c r="NQ9" s="140">
        <v>0</v>
      </c>
      <c r="NR9" s="140">
        <v>442408</v>
      </c>
      <c r="NS9" s="140">
        <v>3821276</v>
      </c>
      <c r="NT9" s="140">
        <v>8305499</v>
      </c>
      <c r="NU9" s="144">
        <v>12661317</v>
      </c>
      <c r="NV9" s="145">
        <v>12661317</v>
      </c>
      <c r="NW9" s="142">
        <v>0</v>
      </c>
      <c r="NX9" s="140">
        <v>0</v>
      </c>
      <c r="NY9" s="144">
        <v>0</v>
      </c>
      <c r="NZ9" s="394"/>
      <c r="OA9" s="140">
        <v>0</v>
      </c>
      <c r="OB9" s="140">
        <v>494819</v>
      </c>
      <c r="OC9" s="140">
        <v>1206652</v>
      </c>
      <c r="OD9" s="140">
        <v>4088163</v>
      </c>
      <c r="OE9" s="140">
        <v>8431229</v>
      </c>
      <c r="OF9" s="144">
        <v>14220863</v>
      </c>
      <c r="OG9" s="145">
        <v>14220863</v>
      </c>
      <c r="OH9" s="142">
        <v>29371334</v>
      </c>
      <c r="OI9" s="140">
        <v>48658417</v>
      </c>
      <c r="OJ9" s="141">
        <v>78029751</v>
      </c>
      <c r="OK9" s="143">
        <v>0</v>
      </c>
      <c r="OL9" s="140">
        <v>411437580</v>
      </c>
      <c r="OM9" s="140">
        <v>584273333</v>
      </c>
      <c r="ON9" s="140">
        <v>647922657</v>
      </c>
      <c r="OO9" s="140">
        <v>676848486</v>
      </c>
      <c r="OP9" s="140">
        <v>423021283</v>
      </c>
      <c r="OQ9" s="144">
        <v>2743503339</v>
      </c>
      <c r="OR9" s="146">
        <v>2821533090</v>
      </c>
    </row>
    <row r="10" spans="1:408" ht="20.25" customHeight="1" x14ac:dyDescent="0.2">
      <c r="A10" s="130" t="s">
        <v>5</v>
      </c>
      <c r="B10" s="113">
        <v>12489954</v>
      </c>
      <c r="C10" s="117">
        <v>23323402</v>
      </c>
      <c r="D10" s="116">
        <v>35813356</v>
      </c>
      <c r="E10" s="112">
        <v>0</v>
      </c>
      <c r="F10" s="117">
        <v>112127445</v>
      </c>
      <c r="G10" s="117">
        <v>195787957</v>
      </c>
      <c r="H10" s="117">
        <v>168489965</v>
      </c>
      <c r="I10" s="117">
        <v>131143966</v>
      </c>
      <c r="J10" s="117">
        <v>92797957</v>
      </c>
      <c r="K10" s="112">
        <v>700347290</v>
      </c>
      <c r="L10" s="119">
        <v>736160646</v>
      </c>
      <c r="M10" s="113">
        <v>4007792</v>
      </c>
      <c r="N10" s="117">
        <v>9187658</v>
      </c>
      <c r="O10" s="116">
        <v>13195450</v>
      </c>
      <c r="P10" s="113">
        <v>0</v>
      </c>
      <c r="Q10" s="117">
        <v>35623333</v>
      </c>
      <c r="R10" s="117">
        <v>70467431</v>
      </c>
      <c r="S10" s="117">
        <v>54128210</v>
      </c>
      <c r="T10" s="117">
        <v>45646793</v>
      </c>
      <c r="U10" s="117">
        <v>46620611</v>
      </c>
      <c r="V10" s="116">
        <v>252486378</v>
      </c>
      <c r="W10" s="119">
        <v>265681828</v>
      </c>
      <c r="X10" s="113">
        <v>0</v>
      </c>
      <c r="Y10" s="117">
        <v>0</v>
      </c>
      <c r="Z10" s="116">
        <v>0</v>
      </c>
      <c r="AA10" s="113">
        <v>0</v>
      </c>
      <c r="AB10" s="117">
        <v>16073545</v>
      </c>
      <c r="AC10" s="117">
        <v>29862344</v>
      </c>
      <c r="AD10" s="117">
        <v>25711321</v>
      </c>
      <c r="AE10" s="117">
        <v>21327525</v>
      </c>
      <c r="AF10" s="117">
        <v>24550175</v>
      </c>
      <c r="AG10" s="116">
        <v>117524910</v>
      </c>
      <c r="AH10" s="119">
        <v>117524910</v>
      </c>
      <c r="AI10" s="113">
        <v>0</v>
      </c>
      <c r="AJ10" s="117">
        <v>40663</v>
      </c>
      <c r="AK10" s="116">
        <v>40663</v>
      </c>
      <c r="AL10" s="113">
        <v>0</v>
      </c>
      <c r="AM10" s="117">
        <v>164004</v>
      </c>
      <c r="AN10" s="117">
        <v>1009755</v>
      </c>
      <c r="AO10" s="117">
        <v>1151427</v>
      </c>
      <c r="AP10" s="117">
        <v>3308534</v>
      </c>
      <c r="AQ10" s="117">
        <v>6029703</v>
      </c>
      <c r="AR10" s="116">
        <v>11663423</v>
      </c>
      <c r="AS10" s="119">
        <v>11704086</v>
      </c>
      <c r="AT10" s="113">
        <v>2148692</v>
      </c>
      <c r="AU10" s="117">
        <v>6456003</v>
      </c>
      <c r="AV10" s="116">
        <v>8604695</v>
      </c>
      <c r="AW10" s="113">
        <v>0</v>
      </c>
      <c r="AX10" s="117">
        <v>12438915</v>
      </c>
      <c r="AY10" s="117">
        <v>27807459</v>
      </c>
      <c r="AZ10" s="117">
        <v>17261289</v>
      </c>
      <c r="BA10" s="117">
        <v>13393448</v>
      </c>
      <c r="BB10" s="117">
        <v>10341035</v>
      </c>
      <c r="BC10" s="116">
        <v>81242146</v>
      </c>
      <c r="BD10" s="119">
        <v>89846841</v>
      </c>
      <c r="BE10" s="113">
        <v>233076</v>
      </c>
      <c r="BF10" s="117">
        <v>785224</v>
      </c>
      <c r="BG10" s="115">
        <v>1018300</v>
      </c>
      <c r="BH10" s="114">
        <v>0</v>
      </c>
      <c r="BI10" s="117">
        <v>705141</v>
      </c>
      <c r="BJ10" s="117">
        <v>2091009</v>
      </c>
      <c r="BK10" s="117">
        <v>1343959</v>
      </c>
      <c r="BL10" s="117">
        <v>992369</v>
      </c>
      <c r="BM10" s="117">
        <v>624674</v>
      </c>
      <c r="BN10" s="116">
        <v>5757152</v>
      </c>
      <c r="BO10" s="119">
        <v>6775452</v>
      </c>
      <c r="BP10" s="113">
        <v>1626024</v>
      </c>
      <c r="BQ10" s="117">
        <v>1905768</v>
      </c>
      <c r="BR10" s="116">
        <v>3531792</v>
      </c>
      <c r="BS10" s="113">
        <v>0</v>
      </c>
      <c r="BT10" s="117">
        <v>6241728</v>
      </c>
      <c r="BU10" s="117">
        <v>9696864</v>
      </c>
      <c r="BV10" s="117">
        <v>8660214</v>
      </c>
      <c r="BW10" s="117">
        <v>6624917</v>
      </c>
      <c r="BX10" s="117">
        <v>5075024</v>
      </c>
      <c r="BY10" s="116">
        <v>36298747</v>
      </c>
      <c r="BZ10" s="119">
        <v>39830539</v>
      </c>
      <c r="CA10" s="113">
        <v>1438626</v>
      </c>
      <c r="CB10" s="117">
        <v>3417488</v>
      </c>
      <c r="CC10" s="116">
        <v>4856114</v>
      </c>
      <c r="CD10" s="113">
        <v>0</v>
      </c>
      <c r="CE10" s="117">
        <v>32883803</v>
      </c>
      <c r="CF10" s="117">
        <v>55259738</v>
      </c>
      <c r="CG10" s="117">
        <v>37904936</v>
      </c>
      <c r="CH10" s="117">
        <v>19495963</v>
      </c>
      <c r="CI10" s="117">
        <v>7488103</v>
      </c>
      <c r="CJ10" s="116">
        <v>153032543</v>
      </c>
      <c r="CK10" s="119">
        <v>157888657</v>
      </c>
      <c r="CL10" s="113">
        <v>0</v>
      </c>
      <c r="CM10" s="117">
        <v>0</v>
      </c>
      <c r="CN10" s="116">
        <v>0</v>
      </c>
      <c r="CO10" s="114">
        <v>0</v>
      </c>
      <c r="CP10" s="117">
        <v>26279143</v>
      </c>
      <c r="CQ10" s="117">
        <v>38724758</v>
      </c>
      <c r="CR10" s="117">
        <v>25893283</v>
      </c>
      <c r="CS10" s="117">
        <v>12680179</v>
      </c>
      <c r="CT10" s="117">
        <v>5493008</v>
      </c>
      <c r="CU10" s="116">
        <v>109070371</v>
      </c>
      <c r="CV10" s="119">
        <v>109070371</v>
      </c>
      <c r="CW10" s="113">
        <v>1438626</v>
      </c>
      <c r="CX10" s="117">
        <v>3417488</v>
      </c>
      <c r="CY10" s="116">
        <v>4856114</v>
      </c>
      <c r="CZ10" s="113">
        <v>0</v>
      </c>
      <c r="DA10" s="117">
        <v>6604660</v>
      </c>
      <c r="DB10" s="117">
        <v>16534980</v>
      </c>
      <c r="DC10" s="117">
        <v>12011653</v>
      </c>
      <c r="DD10" s="117">
        <v>6815784</v>
      </c>
      <c r="DE10" s="117">
        <v>1995095</v>
      </c>
      <c r="DF10" s="116">
        <v>43962172</v>
      </c>
      <c r="DG10" s="119">
        <v>48818286</v>
      </c>
      <c r="DH10" s="113">
        <v>42336</v>
      </c>
      <c r="DI10" s="117">
        <v>355871</v>
      </c>
      <c r="DJ10" s="115">
        <v>398207</v>
      </c>
      <c r="DK10" s="114">
        <v>0</v>
      </c>
      <c r="DL10" s="117">
        <v>3667497</v>
      </c>
      <c r="DM10" s="117">
        <v>7764305</v>
      </c>
      <c r="DN10" s="117">
        <v>17176178</v>
      </c>
      <c r="DO10" s="117">
        <v>12793706</v>
      </c>
      <c r="DP10" s="117">
        <v>5441728</v>
      </c>
      <c r="DQ10" s="116">
        <v>46843414</v>
      </c>
      <c r="DR10" s="119">
        <v>47241621</v>
      </c>
      <c r="DS10" s="113">
        <v>42336</v>
      </c>
      <c r="DT10" s="117">
        <v>328900</v>
      </c>
      <c r="DU10" s="116">
        <v>371236</v>
      </c>
      <c r="DV10" s="113">
        <v>0</v>
      </c>
      <c r="DW10" s="117">
        <v>2865713</v>
      </c>
      <c r="DX10" s="117">
        <v>6293539</v>
      </c>
      <c r="DY10" s="117">
        <v>13628977</v>
      </c>
      <c r="DZ10" s="117">
        <v>11316407</v>
      </c>
      <c r="EA10" s="117">
        <v>4443458</v>
      </c>
      <c r="EB10" s="116">
        <v>38548094</v>
      </c>
      <c r="EC10" s="119">
        <v>38919330</v>
      </c>
      <c r="ED10" s="113">
        <v>0</v>
      </c>
      <c r="EE10" s="115">
        <v>26971</v>
      </c>
      <c r="EF10" s="116">
        <v>26971</v>
      </c>
      <c r="EG10" s="113">
        <v>0</v>
      </c>
      <c r="EH10" s="117">
        <v>801784</v>
      </c>
      <c r="EI10" s="117">
        <v>1470766</v>
      </c>
      <c r="EJ10" s="117">
        <v>3547201</v>
      </c>
      <c r="EK10" s="117">
        <v>1477299</v>
      </c>
      <c r="EL10" s="117">
        <v>998270</v>
      </c>
      <c r="EM10" s="115">
        <v>8295320</v>
      </c>
      <c r="EN10" s="119">
        <v>8322291</v>
      </c>
      <c r="EO10" s="113">
        <v>0</v>
      </c>
      <c r="EP10" s="117">
        <v>0</v>
      </c>
      <c r="EQ10" s="115">
        <v>0</v>
      </c>
      <c r="ER10" s="114">
        <v>0</v>
      </c>
      <c r="ES10" s="117">
        <v>0</v>
      </c>
      <c r="ET10" s="117">
        <v>0</v>
      </c>
      <c r="EU10" s="117">
        <v>0</v>
      </c>
      <c r="EV10" s="117">
        <v>0</v>
      </c>
      <c r="EW10" s="117">
        <v>0</v>
      </c>
      <c r="EX10" s="116">
        <v>0</v>
      </c>
      <c r="EY10" s="119">
        <v>0</v>
      </c>
      <c r="EZ10" s="113">
        <v>0</v>
      </c>
      <c r="FA10" s="117">
        <v>0</v>
      </c>
      <c r="FB10" s="115">
        <v>0</v>
      </c>
      <c r="FC10" s="395"/>
      <c r="FD10" s="117">
        <v>0</v>
      </c>
      <c r="FE10" s="117">
        <v>0</v>
      </c>
      <c r="FF10" s="117">
        <v>0</v>
      </c>
      <c r="FG10" s="117">
        <v>0</v>
      </c>
      <c r="FH10" s="117">
        <v>0</v>
      </c>
      <c r="FI10" s="116">
        <v>0</v>
      </c>
      <c r="FJ10" s="119">
        <v>0</v>
      </c>
      <c r="FK10" s="113">
        <v>2036151</v>
      </c>
      <c r="FL10" s="117">
        <v>4483587</v>
      </c>
      <c r="FM10" s="116">
        <v>6519738</v>
      </c>
      <c r="FN10" s="113">
        <v>0</v>
      </c>
      <c r="FO10" s="117">
        <v>5493480</v>
      </c>
      <c r="FP10" s="117">
        <v>16980747</v>
      </c>
      <c r="FQ10" s="117">
        <v>12637542</v>
      </c>
      <c r="FR10" s="117">
        <v>9831725</v>
      </c>
      <c r="FS10" s="117">
        <v>6676848</v>
      </c>
      <c r="FT10" s="116">
        <v>51620342</v>
      </c>
      <c r="FU10" s="119">
        <v>58140080</v>
      </c>
      <c r="FV10" s="118">
        <v>895488</v>
      </c>
      <c r="FW10" s="117">
        <v>2811871</v>
      </c>
      <c r="FX10" s="115">
        <v>3707359</v>
      </c>
      <c r="FY10" s="114">
        <v>0</v>
      </c>
      <c r="FZ10" s="117">
        <v>3057544</v>
      </c>
      <c r="GA10" s="117">
        <v>15018952</v>
      </c>
      <c r="GB10" s="117">
        <v>11021398</v>
      </c>
      <c r="GC10" s="117">
        <v>8822425</v>
      </c>
      <c r="GD10" s="117">
        <v>6377904</v>
      </c>
      <c r="GE10" s="116">
        <v>44298223</v>
      </c>
      <c r="GF10" s="357">
        <v>48005582</v>
      </c>
      <c r="GG10" s="118">
        <v>86400</v>
      </c>
      <c r="GH10" s="117">
        <v>121820</v>
      </c>
      <c r="GI10" s="115">
        <v>208220</v>
      </c>
      <c r="GJ10" s="114">
        <v>0</v>
      </c>
      <c r="GK10" s="117">
        <v>372725</v>
      </c>
      <c r="GL10" s="117">
        <v>372814</v>
      </c>
      <c r="GM10" s="117">
        <v>366664</v>
      </c>
      <c r="GN10" s="117">
        <v>264340</v>
      </c>
      <c r="GO10" s="117">
        <v>79824</v>
      </c>
      <c r="GP10" s="116">
        <v>1456367</v>
      </c>
      <c r="GQ10" s="119">
        <v>1664587</v>
      </c>
      <c r="GR10" s="113">
        <v>1054263</v>
      </c>
      <c r="GS10" s="117">
        <v>1549896</v>
      </c>
      <c r="GT10" s="116">
        <v>2604159</v>
      </c>
      <c r="GU10" s="113">
        <v>0</v>
      </c>
      <c r="GV10" s="117">
        <v>2063211</v>
      </c>
      <c r="GW10" s="117">
        <v>1588981</v>
      </c>
      <c r="GX10" s="117">
        <v>1249480</v>
      </c>
      <c r="GY10" s="117">
        <v>744960</v>
      </c>
      <c r="GZ10" s="117">
        <v>219120</v>
      </c>
      <c r="HA10" s="115">
        <v>5865752</v>
      </c>
      <c r="HB10" s="119">
        <v>8469911</v>
      </c>
      <c r="HC10" s="113">
        <v>4965049</v>
      </c>
      <c r="HD10" s="117">
        <v>5878798</v>
      </c>
      <c r="HE10" s="115">
        <v>10843847</v>
      </c>
      <c r="HF10" s="114">
        <v>0</v>
      </c>
      <c r="HG10" s="117">
        <v>34459332</v>
      </c>
      <c r="HH10" s="117">
        <v>45315736</v>
      </c>
      <c r="HI10" s="117">
        <v>46643099</v>
      </c>
      <c r="HJ10" s="117">
        <v>43375779</v>
      </c>
      <c r="HK10" s="117">
        <v>26570667</v>
      </c>
      <c r="HL10" s="116">
        <v>196364613</v>
      </c>
      <c r="HM10" s="112">
        <v>207208460</v>
      </c>
      <c r="HN10" s="395"/>
      <c r="HO10" s="395"/>
      <c r="HP10" s="395"/>
      <c r="HQ10" s="395"/>
      <c r="HR10" s="395"/>
      <c r="HS10" s="395"/>
      <c r="HT10" s="395"/>
      <c r="HU10" s="395"/>
      <c r="HV10" s="395"/>
      <c r="HW10" s="395"/>
      <c r="HX10" s="395"/>
      <c r="HY10" s="148">
        <v>164625</v>
      </c>
      <c r="HZ10" s="149">
        <v>1244173</v>
      </c>
      <c r="IA10" s="150">
        <v>1408798</v>
      </c>
      <c r="IB10" s="151">
        <v>0</v>
      </c>
      <c r="IC10" s="152">
        <v>28866127</v>
      </c>
      <c r="ID10" s="153">
        <v>50064305</v>
      </c>
      <c r="IE10" s="154">
        <v>48630482</v>
      </c>
      <c r="IF10" s="152">
        <v>30402023</v>
      </c>
      <c r="IG10" s="154">
        <v>22561498</v>
      </c>
      <c r="IH10" s="155">
        <v>180524435</v>
      </c>
      <c r="II10" s="156">
        <v>181933233</v>
      </c>
      <c r="IJ10" s="259">
        <v>0</v>
      </c>
      <c r="IK10" s="266">
        <v>0</v>
      </c>
      <c r="IL10" s="267">
        <v>0</v>
      </c>
      <c r="IM10" s="395"/>
      <c r="IN10" s="123">
        <v>506194</v>
      </c>
      <c r="IO10" s="123">
        <v>2126227</v>
      </c>
      <c r="IP10" s="123">
        <v>1509805</v>
      </c>
      <c r="IQ10" s="123">
        <v>3193662</v>
      </c>
      <c r="IR10" s="123">
        <v>1706194</v>
      </c>
      <c r="IS10" s="158">
        <v>9042082</v>
      </c>
      <c r="IT10" s="360">
        <v>9042082</v>
      </c>
      <c r="IU10" s="159">
        <v>0</v>
      </c>
      <c r="IV10" s="123">
        <v>0</v>
      </c>
      <c r="IW10" s="124">
        <v>0</v>
      </c>
      <c r="IX10" s="395"/>
      <c r="IY10" s="123">
        <v>172122</v>
      </c>
      <c r="IZ10" s="123">
        <v>414899</v>
      </c>
      <c r="JA10" s="123">
        <v>712275</v>
      </c>
      <c r="JB10" s="123">
        <v>1055306</v>
      </c>
      <c r="JC10" s="123">
        <v>604620</v>
      </c>
      <c r="JD10" s="124">
        <v>2959222</v>
      </c>
      <c r="JE10" s="125">
        <v>2959222</v>
      </c>
      <c r="JF10" s="159">
        <v>0</v>
      </c>
      <c r="JG10" s="123">
        <v>0</v>
      </c>
      <c r="JH10" s="158">
        <v>0</v>
      </c>
      <c r="JI10" s="122">
        <v>0</v>
      </c>
      <c r="JJ10" s="123">
        <v>12365410</v>
      </c>
      <c r="JK10" s="123">
        <v>17101210</v>
      </c>
      <c r="JL10" s="123">
        <v>14859748</v>
      </c>
      <c r="JM10" s="123">
        <v>6266616</v>
      </c>
      <c r="JN10" s="123">
        <v>4648167</v>
      </c>
      <c r="JO10" s="124">
        <v>55241151</v>
      </c>
      <c r="JP10" s="360">
        <v>55241151</v>
      </c>
      <c r="JQ10" s="159">
        <v>0</v>
      </c>
      <c r="JR10" s="123">
        <v>0</v>
      </c>
      <c r="JS10" s="158">
        <v>0</v>
      </c>
      <c r="JT10" s="122">
        <v>0</v>
      </c>
      <c r="JU10" s="123">
        <v>2134160</v>
      </c>
      <c r="JV10" s="123">
        <v>4435722</v>
      </c>
      <c r="JW10" s="123">
        <v>4327008</v>
      </c>
      <c r="JX10" s="123">
        <v>2418772</v>
      </c>
      <c r="JY10" s="123">
        <v>1269085</v>
      </c>
      <c r="JZ10" s="124">
        <v>14584747</v>
      </c>
      <c r="KA10" s="360">
        <v>14584747</v>
      </c>
      <c r="KB10" s="262">
        <v>164625</v>
      </c>
      <c r="KC10" s="256">
        <v>1017981</v>
      </c>
      <c r="KD10" s="124">
        <v>1182606</v>
      </c>
      <c r="KE10" s="122">
        <v>0</v>
      </c>
      <c r="KF10" s="123">
        <v>3528518</v>
      </c>
      <c r="KG10" s="123">
        <v>6771713</v>
      </c>
      <c r="KH10" s="123">
        <v>6622849</v>
      </c>
      <c r="KI10" s="123">
        <v>6659764</v>
      </c>
      <c r="KJ10" s="123">
        <v>2464311</v>
      </c>
      <c r="KK10" s="124">
        <v>26047155</v>
      </c>
      <c r="KL10" s="160">
        <v>27229761</v>
      </c>
      <c r="KM10" s="259">
        <v>0</v>
      </c>
      <c r="KN10" s="266">
        <v>226192</v>
      </c>
      <c r="KO10" s="267">
        <v>226192</v>
      </c>
      <c r="KP10" s="395"/>
      <c r="KQ10" s="123">
        <v>9597769</v>
      </c>
      <c r="KR10" s="123">
        <v>17958540</v>
      </c>
      <c r="KS10" s="123">
        <v>18335660</v>
      </c>
      <c r="KT10" s="123">
        <v>9570505</v>
      </c>
      <c r="KU10" s="123">
        <v>4274291</v>
      </c>
      <c r="KV10" s="124">
        <v>59736765</v>
      </c>
      <c r="KW10" s="360">
        <v>59962957</v>
      </c>
      <c r="KX10" s="159">
        <v>0</v>
      </c>
      <c r="KY10" s="123">
        <v>0</v>
      </c>
      <c r="KZ10" s="124">
        <v>0</v>
      </c>
      <c r="LA10" s="395"/>
      <c r="LB10" s="123">
        <v>0</v>
      </c>
      <c r="LC10" s="123">
        <v>0</v>
      </c>
      <c r="LD10" s="123">
        <v>0</v>
      </c>
      <c r="LE10" s="123">
        <v>0</v>
      </c>
      <c r="LF10" s="123">
        <v>0</v>
      </c>
      <c r="LG10" s="124">
        <v>0</v>
      </c>
      <c r="LH10" s="125">
        <v>0</v>
      </c>
      <c r="LI10" s="159">
        <v>0</v>
      </c>
      <c r="LJ10" s="123">
        <v>0</v>
      </c>
      <c r="LK10" s="124">
        <v>0</v>
      </c>
      <c r="LL10" s="395"/>
      <c r="LM10" s="123">
        <v>0</v>
      </c>
      <c r="LN10" s="123">
        <v>166768</v>
      </c>
      <c r="LO10" s="123">
        <v>275315</v>
      </c>
      <c r="LP10" s="123">
        <v>278368</v>
      </c>
      <c r="LQ10" s="123">
        <v>268009</v>
      </c>
      <c r="LR10" s="124">
        <v>988460</v>
      </c>
      <c r="LS10" s="360">
        <v>988460</v>
      </c>
      <c r="LT10" s="159">
        <v>0</v>
      </c>
      <c r="LU10" s="123">
        <v>0</v>
      </c>
      <c r="LV10" s="124">
        <v>0</v>
      </c>
      <c r="LW10" s="395"/>
      <c r="LX10" s="123">
        <v>561954</v>
      </c>
      <c r="LY10" s="123">
        <v>1089226</v>
      </c>
      <c r="LZ10" s="123">
        <v>1987822</v>
      </c>
      <c r="MA10" s="123">
        <v>959030</v>
      </c>
      <c r="MB10" s="123">
        <v>7326821</v>
      </c>
      <c r="MC10" s="124">
        <v>11924853</v>
      </c>
      <c r="MD10" s="125">
        <v>11924853</v>
      </c>
      <c r="ME10" s="159">
        <v>0</v>
      </c>
      <c r="MF10" s="123">
        <v>0</v>
      </c>
      <c r="MG10" s="124">
        <v>0</v>
      </c>
      <c r="MH10" s="395"/>
      <c r="MI10" s="123">
        <v>8556636</v>
      </c>
      <c r="MJ10" s="123">
        <v>32578354</v>
      </c>
      <c r="MK10" s="123">
        <v>88440261</v>
      </c>
      <c r="ML10" s="123">
        <v>127349140</v>
      </c>
      <c r="MM10" s="123">
        <v>83286413</v>
      </c>
      <c r="MN10" s="124">
        <v>340210804</v>
      </c>
      <c r="MO10" s="160">
        <v>340210804</v>
      </c>
      <c r="MP10" s="159">
        <v>0</v>
      </c>
      <c r="MQ10" s="123">
        <v>0</v>
      </c>
      <c r="MR10" s="124">
        <v>0</v>
      </c>
      <c r="MS10" s="395"/>
      <c r="MT10" s="123">
        <v>844303</v>
      </c>
      <c r="MU10" s="123">
        <v>7053490</v>
      </c>
      <c r="MV10" s="123">
        <v>53767124</v>
      </c>
      <c r="MW10" s="123">
        <v>74479691</v>
      </c>
      <c r="MX10" s="123">
        <v>49025686</v>
      </c>
      <c r="MY10" s="124">
        <v>185170294</v>
      </c>
      <c r="MZ10" s="160">
        <v>185170294</v>
      </c>
      <c r="NA10" s="159">
        <v>0</v>
      </c>
      <c r="NB10" s="123">
        <v>0</v>
      </c>
      <c r="NC10" s="124">
        <v>0</v>
      </c>
      <c r="ND10" s="395"/>
      <c r="NE10" s="123">
        <v>7712333</v>
      </c>
      <c r="NF10" s="123">
        <v>25256981</v>
      </c>
      <c r="NG10" s="123">
        <v>34374877</v>
      </c>
      <c r="NH10" s="123">
        <v>50761410</v>
      </c>
      <c r="NI10" s="123">
        <v>28957251</v>
      </c>
      <c r="NJ10" s="124">
        <v>147062852</v>
      </c>
      <c r="NK10" s="360">
        <v>147062852</v>
      </c>
      <c r="NL10" s="159">
        <v>0</v>
      </c>
      <c r="NM10" s="123">
        <v>0</v>
      </c>
      <c r="NN10" s="124">
        <v>0</v>
      </c>
      <c r="NO10" s="395"/>
      <c r="NP10" s="123">
        <v>0</v>
      </c>
      <c r="NQ10" s="123">
        <v>0</v>
      </c>
      <c r="NR10" s="123">
        <v>0</v>
      </c>
      <c r="NS10" s="123">
        <v>669536</v>
      </c>
      <c r="NT10" s="123">
        <v>2493142</v>
      </c>
      <c r="NU10" s="124">
        <v>3162678</v>
      </c>
      <c r="NV10" s="125">
        <v>3162678</v>
      </c>
      <c r="NW10" s="159">
        <v>0</v>
      </c>
      <c r="NX10" s="123">
        <v>0</v>
      </c>
      <c r="NY10" s="124">
        <v>0</v>
      </c>
      <c r="NZ10" s="395"/>
      <c r="OA10" s="123">
        <v>0</v>
      </c>
      <c r="OB10" s="123">
        <v>267883</v>
      </c>
      <c r="OC10" s="123">
        <v>298260</v>
      </c>
      <c r="OD10" s="123">
        <v>1438503</v>
      </c>
      <c r="OE10" s="123">
        <v>2810334</v>
      </c>
      <c r="OF10" s="124">
        <v>4814980</v>
      </c>
      <c r="OG10" s="125">
        <v>4814980</v>
      </c>
      <c r="OH10" s="159">
        <v>12654579</v>
      </c>
      <c r="OI10" s="123">
        <v>24567575</v>
      </c>
      <c r="OJ10" s="158">
        <v>37222154</v>
      </c>
      <c r="OK10" s="122">
        <v>0</v>
      </c>
      <c r="OL10" s="123">
        <v>149550208</v>
      </c>
      <c r="OM10" s="123">
        <v>278430616</v>
      </c>
      <c r="ON10" s="123">
        <v>305560708</v>
      </c>
      <c r="OO10" s="123">
        <v>288895129</v>
      </c>
      <c r="OP10" s="123">
        <v>198645868</v>
      </c>
      <c r="OQ10" s="124">
        <v>1221082529</v>
      </c>
      <c r="OR10" s="160">
        <v>1258304683</v>
      </c>
    </row>
    <row r="11" spans="1:408" ht="20.25" customHeight="1" x14ac:dyDescent="0.2">
      <c r="A11" s="130" t="s">
        <v>6</v>
      </c>
      <c r="B11" s="113">
        <v>4742911</v>
      </c>
      <c r="C11" s="117">
        <v>4846354</v>
      </c>
      <c r="D11" s="116">
        <v>9589265</v>
      </c>
      <c r="E11" s="112">
        <v>0</v>
      </c>
      <c r="F11" s="117">
        <v>42827602</v>
      </c>
      <c r="G11" s="117">
        <v>47584336</v>
      </c>
      <c r="H11" s="117">
        <v>40128314</v>
      </c>
      <c r="I11" s="117">
        <v>44283421</v>
      </c>
      <c r="J11" s="117">
        <v>28998294</v>
      </c>
      <c r="K11" s="112">
        <v>203821967</v>
      </c>
      <c r="L11" s="119">
        <v>213411232</v>
      </c>
      <c r="M11" s="113">
        <v>1226456</v>
      </c>
      <c r="N11" s="117">
        <v>1815331</v>
      </c>
      <c r="O11" s="116">
        <v>3041787</v>
      </c>
      <c r="P11" s="113">
        <v>0</v>
      </c>
      <c r="Q11" s="117">
        <v>13819553</v>
      </c>
      <c r="R11" s="117">
        <v>16636848</v>
      </c>
      <c r="S11" s="117">
        <v>14270677</v>
      </c>
      <c r="T11" s="117">
        <v>16452878</v>
      </c>
      <c r="U11" s="117">
        <v>14587515</v>
      </c>
      <c r="V11" s="116">
        <v>75767471</v>
      </c>
      <c r="W11" s="119">
        <v>78809258</v>
      </c>
      <c r="X11" s="113">
        <v>0</v>
      </c>
      <c r="Y11" s="117">
        <v>0</v>
      </c>
      <c r="Z11" s="116">
        <v>0</v>
      </c>
      <c r="AA11" s="113">
        <v>0</v>
      </c>
      <c r="AB11" s="117">
        <v>5820005</v>
      </c>
      <c r="AC11" s="117">
        <v>7340170</v>
      </c>
      <c r="AD11" s="117">
        <v>7582788</v>
      </c>
      <c r="AE11" s="117">
        <v>8256711</v>
      </c>
      <c r="AF11" s="117">
        <v>7668372</v>
      </c>
      <c r="AG11" s="116">
        <v>36668046</v>
      </c>
      <c r="AH11" s="119">
        <v>36668046</v>
      </c>
      <c r="AI11" s="113">
        <v>0</v>
      </c>
      <c r="AJ11" s="117">
        <v>0</v>
      </c>
      <c r="AK11" s="116">
        <v>0</v>
      </c>
      <c r="AL11" s="113">
        <v>0</v>
      </c>
      <c r="AM11" s="117">
        <v>48108</v>
      </c>
      <c r="AN11" s="117">
        <v>216490</v>
      </c>
      <c r="AO11" s="117">
        <v>522676</v>
      </c>
      <c r="AP11" s="117">
        <v>628918</v>
      </c>
      <c r="AQ11" s="117">
        <v>1802582</v>
      </c>
      <c r="AR11" s="116">
        <v>3218774</v>
      </c>
      <c r="AS11" s="119">
        <v>3218774</v>
      </c>
      <c r="AT11" s="113">
        <v>451987</v>
      </c>
      <c r="AU11" s="117">
        <v>1312569</v>
      </c>
      <c r="AV11" s="116">
        <v>1764556</v>
      </c>
      <c r="AW11" s="113">
        <v>0</v>
      </c>
      <c r="AX11" s="117">
        <v>4676490</v>
      </c>
      <c r="AY11" s="117">
        <v>6064815</v>
      </c>
      <c r="AZ11" s="117">
        <v>3614497</v>
      </c>
      <c r="BA11" s="117">
        <v>4450103</v>
      </c>
      <c r="BB11" s="117">
        <v>3079058</v>
      </c>
      <c r="BC11" s="116">
        <v>21884963</v>
      </c>
      <c r="BD11" s="119">
        <v>23649519</v>
      </c>
      <c r="BE11" s="113">
        <v>49821</v>
      </c>
      <c r="BF11" s="117">
        <v>53858</v>
      </c>
      <c r="BG11" s="115">
        <v>103679</v>
      </c>
      <c r="BH11" s="114">
        <v>0</v>
      </c>
      <c r="BI11" s="117">
        <v>318470</v>
      </c>
      <c r="BJ11" s="117">
        <v>458317</v>
      </c>
      <c r="BK11" s="117">
        <v>124698</v>
      </c>
      <c r="BL11" s="117">
        <v>416730</v>
      </c>
      <c r="BM11" s="117">
        <v>229423</v>
      </c>
      <c r="BN11" s="116">
        <v>1547638</v>
      </c>
      <c r="BO11" s="119">
        <v>1651317</v>
      </c>
      <c r="BP11" s="113">
        <v>724648</v>
      </c>
      <c r="BQ11" s="117">
        <v>448904</v>
      </c>
      <c r="BR11" s="116">
        <v>1173552</v>
      </c>
      <c r="BS11" s="113">
        <v>0</v>
      </c>
      <c r="BT11" s="117">
        <v>2956480</v>
      </c>
      <c r="BU11" s="117">
        <v>2557056</v>
      </c>
      <c r="BV11" s="117">
        <v>2426018</v>
      </c>
      <c r="BW11" s="117">
        <v>2700416</v>
      </c>
      <c r="BX11" s="117">
        <v>1808080</v>
      </c>
      <c r="BY11" s="116">
        <v>12448050</v>
      </c>
      <c r="BZ11" s="119">
        <v>13621602</v>
      </c>
      <c r="CA11" s="113">
        <v>106158</v>
      </c>
      <c r="CB11" s="117">
        <v>403041</v>
      </c>
      <c r="CC11" s="116">
        <v>509199</v>
      </c>
      <c r="CD11" s="113">
        <v>0</v>
      </c>
      <c r="CE11" s="117">
        <v>14073071</v>
      </c>
      <c r="CF11" s="117">
        <v>14266700</v>
      </c>
      <c r="CG11" s="117">
        <v>9439359</v>
      </c>
      <c r="CH11" s="117">
        <v>6472115</v>
      </c>
      <c r="CI11" s="117">
        <v>2673549</v>
      </c>
      <c r="CJ11" s="116">
        <v>46924794</v>
      </c>
      <c r="CK11" s="119">
        <v>47433993</v>
      </c>
      <c r="CL11" s="113">
        <v>0</v>
      </c>
      <c r="CM11" s="117">
        <v>0</v>
      </c>
      <c r="CN11" s="116">
        <v>0</v>
      </c>
      <c r="CO11" s="114">
        <v>0</v>
      </c>
      <c r="CP11" s="117">
        <v>11719121</v>
      </c>
      <c r="CQ11" s="117">
        <v>9959763</v>
      </c>
      <c r="CR11" s="117">
        <v>7063184</v>
      </c>
      <c r="CS11" s="117">
        <v>4694227</v>
      </c>
      <c r="CT11" s="117">
        <v>1884146</v>
      </c>
      <c r="CU11" s="116">
        <v>35320441</v>
      </c>
      <c r="CV11" s="119">
        <v>35320441</v>
      </c>
      <c r="CW11" s="113">
        <v>106158</v>
      </c>
      <c r="CX11" s="117">
        <v>403041</v>
      </c>
      <c r="CY11" s="116">
        <v>509199</v>
      </c>
      <c r="CZ11" s="113">
        <v>0</v>
      </c>
      <c r="DA11" s="117">
        <v>2353950</v>
      </c>
      <c r="DB11" s="117">
        <v>4306937</v>
      </c>
      <c r="DC11" s="117">
        <v>2376175</v>
      </c>
      <c r="DD11" s="117">
        <v>1777888</v>
      </c>
      <c r="DE11" s="117">
        <v>789403</v>
      </c>
      <c r="DF11" s="116">
        <v>11604353</v>
      </c>
      <c r="DG11" s="119">
        <v>12113552</v>
      </c>
      <c r="DH11" s="113">
        <v>0</v>
      </c>
      <c r="DI11" s="117">
        <v>29358</v>
      </c>
      <c r="DJ11" s="115">
        <v>29358</v>
      </c>
      <c r="DK11" s="114">
        <v>0</v>
      </c>
      <c r="DL11" s="117">
        <v>1169382</v>
      </c>
      <c r="DM11" s="117">
        <v>2447659</v>
      </c>
      <c r="DN11" s="117">
        <v>3807557</v>
      </c>
      <c r="DO11" s="117">
        <v>2156918</v>
      </c>
      <c r="DP11" s="117">
        <v>1257583</v>
      </c>
      <c r="DQ11" s="116">
        <v>10839099</v>
      </c>
      <c r="DR11" s="119">
        <v>10868457</v>
      </c>
      <c r="DS11" s="113">
        <v>0</v>
      </c>
      <c r="DT11" s="117">
        <v>29358</v>
      </c>
      <c r="DU11" s="116">
        <v>29358</v>
      </c>
      <c r="DV11" s="113">
        <v>0</v>
      </c>
      <c r="DW11" s="117">
        <v>901043</v>
      </c>
      <c r="DX11" s="117">
        <v>2125985</v>
      </c>
      <c r="DY11" s="117">
        <v>2976076</v>
      </c>
      <c r="DZ11" s="117">
        <v>1861830</v>
      </c>
      <c r="EA11" s="117">
        <v>1100206</v>
      </c>
      <c r="EB11" s="116">
        <v>8965140</v>
      </c>
      <c r="EC11" s="119">
        <v>8994498</v>
      </c>
      <c r="ED11" s="113">
        <v>0</v>
      </c>
      <c r="EE11" s="115">
        <v>0</v>
      </c>
      <c r="EF11" s="116">
        <v>0</v>
      </c>
      <c r="EG11" s="113">
        <v>0</v>
      </c>
      <c r="EH11" s="117">
        <v>268339</v>
      </c>
      <c r="EI11" s="117">
        <v>321674</v>
      </c>
      <c r="EJ11" s="117">
        <v>831481</v>
      </c>
      <c r="EK11" s="117">
        <v>295088</v>
      </c>
      <c r="EL11" s="117">
        <v>157377</v>
      </c>
      <c r="EM11" s="115">
        <v>1873959</v>
      </c>
      <c r="EN11" s="119">
        <v>1873959</v>
      </c>
      <c r="EO11" s="113">
        <v>0</v>
      </c>
      <c r="EP11" s="117">
        <v>0</v>
      </c>
      <c r="EQ11" s="115">
        <v>0</v>
      </c>
      <c r="ER11" s="114">
        <v>0</v>
      </c>
      <c r="ES11" s="117">
        <v>0</v>
      </c>
      <c r="ET11" s="117">
        <v>0</v>
      </c>
      <c r="EU11" s="117">
        <v>0</v>
      </c>
      <c r="EV11" s="117">
        <v>0</v>
      </c>
      <c r="EW11" s="117">
        <v>0</v>
      </c>
      <c r="EX11" s="116">
        <v>0</v>
      </c>
      <c r="EY11" s="119">
        <v>0</v>
      </c>
      <c r="EZ11" s="113">
        <v>0</v>
      </c>
      <c r="FA11" s="117">
        <v>0</v>
      </c>
      <c r="FB11" s="115">
        <v>0</v>
      </c>
      <c r="FC11" s="395"/>
      <c r="FD11" s="117">
        <v>0</v>
      </c>
      <c r="FE11" s="117">
        <v>0</v>
      </c>
      <c r="FF11" s="117">
        <v>0</v>
      </c>
      <c r="FG11" s="117">
        <v>0</v>
      </c>
      <c r="FH11" s="117">
        <v>0</v>
      </c>
      <c r="FI11" s="116">
        <v>0</v>
      </c>
      <c r="FJ11" s="119">
        <v>0</v>
      </c>
      <c r="FK11" s="113">
        <v>833528</v>
      </c>
      <c r="FL11" s="117">
        <v>1086992</v>
      </c>
      <c r="FM11" s="116">
        <v>1920520</v>
      </c>
      <c r="FN11" s="113">
        <v>0</v>
      </c>
      <c r="FO11" s="117">
        <v>2084824</v>
      </c>
      <c r="FP11" s="117">
        <v>4002078</v>
      </c>
      <c r="FQ11" s="117">
        <v>2912874</v>
      </c>
      <c r="FR11" s="117">
        <v>3178787</v>
      </c>
      <c r="FS11" s="117">
        <v>2352068</v>
      </c>
      <c r="FT11" s="116">
        <v>14530631</v>
      </c>
      <c r="FU11" s="119">
        <v>16451151</v>
      </c>
      <c r="FV11" s="118">
        <v>282088</v>
      </c>
      <c r="FW11" s="117">
        <v>650064</v>
      </c>
      <c r="FX11" s="115">
        <v>932152</v>
      </c>
      <c r="FY11" s="114">
        <v>0</v>
      </c>
      <c r="FZ11" s="117">
        <v>1707832</v>
      </c>
      <c r="GA11" s="117">
        <v>3609758</v>
      </c>
      <c r="GB11" s="117">
        <v>2851458</v>
      </c>
      <c r="GC11" s="117">
        <v>2669131</v>
      </c>
      <c r="GD11" s="117">
        <v>2265204</v>
      </c>
      <c r="GE11" s="116">
        <v>13103383</v>
      </c>
      <c r="GF11" s="357">
        <v>14035535</v>
      </c>
      <c r="GG11" s="118">
        <v>36000</v>
      </c>
      <c r="GH11" s="117">
        <v>61408</v>
      </c>
      <c r="GI11" s="115">
        <v>97408</v>
      </c>
      <c r="GJ11" s="114">
        <v>0</v>
      </c>
      <c r="GK11" s="117">
        <v>27720</v>
      </c>
      <c r="GL11" s="117">
        <v>159464</v>
      </c>
      <c r="GM11" s="117">
        <v>31416</v>
      </c>
      <c r="GN11" s="117">
        <v>86856</v>
      </c>
      <c r="GO11" s="117">
        <v>54864</v>
      </c>
      <c r="GP11" s="116">
        <v>360320</v>
      </c>
      <c r="GQ11" s="119">
        <v>457728</v>
      </c>
      <c r="GR11" s="113">
        <v>515440</v>
      </c>
      <c r="GS11" s="117">
        <v>375520</v>
      </c>
      <c r="GT11" s="116">
        <v>890960</v>
      </c>
      <c r="GU11" s="113">
        <v>0</v>
      </c>
      <c r="GV11" s="117">
        <v>349272</v>
      </c>
      <c r="GW11" s="117">
        <v>232856</v>
      </c>
      <c r="GX11" s="117">
        <v>30000</v>
      </c>
      <c r="GY11" s="117">
        <v>422800</v>
      </c>
      <c r="GZ11" s="117">
        <v>32000</v>
      </c>
      <c r="HA11" s="115">
        <v>1066928</v>
      </c>
      <c r="HB11" s="119">
        <v>1957888</v>
      </c>
      <c r="HC11" s="113">
        <v>2576769</v>
      </c>
      <c r="HD11" s="117">
        <v>1511632</v>
      </c>
      <c r="HE11" s="115">
        <v>4088401</v>
      </c>
      <c r="HF11" s="114">
        <v>0</v>
      </c>
      <c r="HG11" s="117">
        <v>11680772</v>
      </c>
      <c r="HH11" s="117">
        <v>10231051</v>
      </c>
      <c r="HI11" s="117">
        <v>9697847</v>
      </c>
      <c r="HJ11" s="117">
        <v>16022723</v>
      </c>
      <c r="HK11" s="117">
        <v>8127579</v>
      </c>
      <c r="HL11" s="116">
        <v>55759972</v>
      </c>
      <c r="HM11" s="112">
        <v>59848373</v>
      </c>
      <c r="HN11" s="395"/>
      <c r="HO11" s="395"/>
      <c r="HP11" s="395"/>
      <c r="HQ11" s="395"/>
      <c r="HR11" s="395"/>
      <c r="HS11" s="395"/>
      <c r="HT11" s="395"/>
      <c r="HU11" s="395"/>
      <c r="HV11" s="395"/>
      <c r="HW11" s="395"/>
      <c r="HX11" s="395"/>
      <c r="HY11" s="148">
        <v>254945</v>
      </c>
      <c r="HZ11" s="149">
        <v>65784</v>
      </c>
      <c r="IA11" s="150">
        <v>320729</v>
      </c>
      <c r="IB11" s="162">
        <v>0</v>
      </c>
      <c r="IC11" s="149">
        <v>12480459</v>
      </c>
      <c r="ID11" s="163">
        <v>14913941</v>
      </c>
      <c r="IE11" s="150">
        <v>17965493</v>
      </c>
      <c r="IF11" s="149">
        <v>14960747</v>
      </c>
      <c r="IG11" s="150">
        <v>6238572</v>
      </c>
      <c r="IH11" s="164">
        <v>66559212</v>
      </c>
      <c r="II11" s="156">
        <v>66879941</v>
      </c>
      <c r="IJ11" s="259">
        <v>0</v>
      </c>
      <c r="IK11" s="266">
        <v>0</v>
      </c>
      <c r="IL11" s="267">
        <v>0</v>
      </c>
      <c r="IM11" s="395"/>
      <c r="IN11" s="123">
        <v>359280</v>
      </c>
      <c r="IO11" s="123">
        <v>688490</v>
      </c>
      <c r="IP11" s="123">
        <v>598563</v>
      </c>
      <c r="IQ11" s="123">
        <v>2043812</v>
      </c>
      <c r="IR11" s="123">
        <v>824141</v>
      </c>
      <c r="IS11" s="158">
        <v>4514286</v>
      </c>
      <c r="IT11" s="360">
        <v>4514286</v>
      </c>
      <c r="IU11" s="159">
        <v>0</v>
      </c>
      <c r="IV11" s="123">
        <v>0</v>
      </c>
      <c r="IW11" s="124">
        <v>0</v>
      </c>
      <c r="IX11" s="395"/>
      <c r="IY11" s="123">
        <v>177980</v>
      </c>
      <c r="IZ11" s="123">
        <v>129796</v>
      </c>
      <c r="JA11" s="123">
        <v>103812</v>
      </c>
      <c r="JB11" s="123">
        <v>120963</v>
      </c>
      <c r="JC11" s="123">
        <v>93964</v>
      </c>
      <c r="JD11" s="124">
        <v>626515</v>
      </c>
      <c r="JE11" s="125">
        <v>626515</v>
      </c>
      <c r="JF11" s="159">
        <v>0</v>
      </c>
      <c r="JG11" s="123">
        <v>0</v>
      </c>
      <c r="JH11" s="158">
        <v>0</v>
      </c>
      <c r="JI11" s="122">
        <v>0</v>
      </c>
      <c r="JJ11" s="123">
        <v>4482456</v>
      </c>
      <c r="JK11" s="123">
        <v>3904254</v>
      </c>
      <c r="JL11" s="123">
        <v>2427415</v>
      </c>
      <c r="JM11" s="123">
        <v>1870031</v>
      </c>
      <c r="JN11" s="123">
        <v>809921</v>
      </c>
      <c r="JO11" s="124">
        <v>13494077</v>
      </c>
      <c r="JP11" s="360">
        <v>13494077</v>
      </c>
      <c r="JQ11" s="159">
        <v>0</v>
      </c>
      <c r="JR11" s="123">
        <v>0</v>
      </c>
      <c r="JS11" s="158">
        <v>0</v>
      </c>
      <c r="JT11" s="122">
        <v>0</v>
      </c>
      <c r="JU11" s="123">
        <v>1280076</v>
      </c>
      <c r="JV11" s="123">
        <v>1556270</v>
      </c>
      <c r="JW11" s="123">
        <v>1828501</v>
      </c>
      <c r="JX11" s="123">
        <v>1094131</v>
      </c>
      <c r="JY11" s="123">
        <v>601444</v>
      </c>
      <c r="JZ11" s="124">
        <v>6360422</v>
      </c>
      <c r="KA11" s="360">
        <v>6360422</v>
      </c>
      <c r="KB11" s="262">
        <v>254945</v>
      </c>
      <c r="KC11" s="256">
        <v>65784</v>
      </c>
      <c r="KD11" s="124">
        <v>320729</v>
      </c>
      <c r="KE11" s="122">
        <v>0</v>
      </c>
      <c r="KF11" s="123">
        <v>1297565</v>
      </c>
      <c r="KG11" s="123">
        <v>2714993</v>
      </c>
      <c r="KH11" s="123">
        <v>1897353</v>
      </c>
      <c r="KI11" s="123">
        <v>1954206</v>
      </c>
      <c r="KJ11" s="123">
        <v>769379</v>
      </c>
      <c r="KK11" s="124">
        <v>8633496</v>
      </c>
      <c r="KL11" s="160">
        <v>8954225</v>
      </c>
      <c r="KM11" s="259">
        <v>0</v>
      </c>
      <c r="KN11" s="266">
        <v>0</v>
      </c>
      <c r="KO11" s="267">
        <v>0</v>
      </c>
      <c r="KP11" s="395"/>
      <c r="KQ11" s="123">
        <v>4285036</v>
      </c>
      <c r="KR11" s="123">
        <v>5458306</v>
      </c>
      <c r="KS11" s="123">
        <v>7866508</v>
      </c>
      <c r="KT11" s="123">
        <v>5824541</v>
      </c>
      <c r="KU11" s="123">
        <v>1732996</v>
      </c>
      <c r="KV11" s="124">
        <v>25167387</v>
      </c>
      <c r="KW11" s="360">
        <v>25167387</v>
      </c>
      <c r="KX11" s="159">
        <v>0</v>
      </c>
      <c r="KY11" s="123">
        <v>0</v>
      </c>
      <c r="KZ11" s="124">
        <v>0</v>
      </c>
      <c r="LA11" s="395"/>
      <c r="LB11" s="123">
        <v>0</v>
      </c>
      <c r="LC11" s="123">
        <v>0</v>
      </c>
      <c r="LD11" s="123">
        <v>0</v>
      </c>
      <c r="LE11" s="123">
        <v>0</v>
      </c>
      <c r="LF11" s="123">
        <v>0</v>
      </c>
      <c r="LG11" s="124">
        <v>0</v>
      </c>
      <c r="LH11" s="125">
        <v>0</v>
      </c>
      <c r="LI11" s="159">
        <v>0</v>
      </c>
      <c r="LJ11" s="123">
        <v>0</v>
      </c>
      <c r="LK11" s="124">
        <v>0</v>
      </c>
      <c r="LL11" s="395"/>
      <c r="LM11" s="123">
        <v>0</v>
      </c>
      <c r="LN11" s="123">
        <v>0</v>
      </c>
      <c r="LO11" s="123">
        <v>1831365</v>
      </c>
      <c r="LP11" s="123">
        <v>855840</v>
      </c>
      <c r="LQ11" s="123">
        <v>649820</v>
      </c>
      <c r="LR11" s="124">
        <v>3337025</v>
      </c>
      <c r="LS11" s="360">
        <v>3337025</v>
      </c>
      <c r="LT11" s="159">
        <v>0</v>
      </c>
      <c r="LU11" s="123">
        <v>0</v>
      </c>
      <c r="LV11" s="124">
        <v>0</v>
      </c>
      <c r="LW11" s="395"/>
      <c r="LX11" s="123">
        <v>598066</v>
      </c>
      <c r="LY11" s="123">
        <v>461832</v>
      </c>
      <c r="LZ11" s="123">
        <v>1411976</v>
      </c>
      <c r="MA11" s="123">
        <v>1197223</v>
      </c>
      <c r="MB11" s="123">
        <v>756907</v>
      </c>
      <c r="MC11" s="124">
        <v>4426004</v>
      </c>
      <c r="MD11" s="125">
        <v>4426004</v>
      </c>
      <c r="ME11" s="159">
        <v>0</v>
      </c>
      <c r="MF11" s="123">
        <v>0</v>
      </c>
      <c r="MG11" s="124">
        <v>0</v>
      </c>
      <c r="MH11" s="395"/>
      <c r="MI11" s="123">
        <v>3252422</v>
      </c>
      <c r="MJ11" s="123">
        <v>6798401</v>
      </c>
      <c r="MK11" s="123">
        <v>19799481</v>
      </c>
      <c r="ML11" s="123">
        <v>27569810</v>
      </c>
      <c r="MM11" s="123">
        <v>22409097</v>
      </c>
      <c r="MN11" s="124">
        <v>79829211</v>
      </c>
      <c r="MO11" s="160">
        <v>79829211</v>
      </c>
      <c r="MP11" s="159">
        <v>0</v>
      </c>
      <c r="MQ11" s="123">
        <v>0</v>
      </c>
      <c r="MR11" s="124">
        <v>0</v>
      </c>
      <c r="MS11" s="395"/>
      <c r="MT11" s="123">
        <v>0</v>
      </c>
      <c r="MU11" s="123">
        <v>1129696</v>
      </c>
      <c r="MV11" s="123">
        <v>11693804</v>
      </c>
      <c r="MW11" s="123">
        <v>14955895</v>
      </c>
      <c r="MX11" s="123">
        <v>10273751</v>
      </c>
      <c r="MY11" s="124">
        <v>38053146</v>
      </c>
      <c r="MZ11" s="160">
        <v>38053146</v>
      </c>
      <c r="NA11" s="159">
        <v>0</v>
      </c>
      <c r="NB11" s="123">
        <v>0</v>
      </c>
      <c r="NC11" s="124">
        <v>0</v>
      </c>
      <c r="ND11" s="395"/>
      <c r="NE11" s="123">
        <v>3160288</v>
      </c>
      <c r="NF11" s="123">
        <v>5668705</v>
      </c>
      <c r="NG11" s="123">
        <v>7663269</v>
      </c>
      <c r="NH11" s="123">
        <v>9811330</v>
      </c>
      <c r="NI11" s="123">
        <v>7819066</v>
      </c>
      <c r="NJ11" s="124">
        <v>34122658</v>
      </c>
      <c r="NK11" s="360">
        <v>34122658</v>
      </c>
      <c r="NL11" s="159">
        <v>0</v>
      </c>
      <c r="NM11" s="123">
        <v>0</v>
      </c>
      <c r="NN11" s="124">
        <v>0</v>
      </c>
      <c r="NO11" s="395"/>
      <c r="NP11" s="123">
        <v>92134</v>
      </c>
      <c r="NQ11" s="123">
        <v>0</v>
      </c>
      <c r="NR11" s="123">
        <v>442408</v>
      </c>
      <c r="NS11" s="123">
        <v>2571772</v>
      </c>
      <c r="NT11" s="123">
        <v>2387087</v>
      </c>
      <c r="NU11" s="124">
        <v>5493401</v>
      </c>
      <c r="NV11" s="125">
        <v>5493401</v>
      </c>
      <c r="NW11" s="159">
        <v>0</v>
      </c>
      <c r="NX11" s="123">
        <v>0</v>
      </c>
      <c r="NY11" s="124">
        <v>0</v>
      </c>
      <c r="NZ11" s="395"/>
      <c r="OA11" s="123">
        <v>0</v>
      </c>
      <c r="OB11" s="123">
        <v>0</v>
      </c>
      <c r="OC11" s="123">
        <v>0</v>
      </c>
      <c r="OD11" s="123">
        <v>230813</v>
      </c>
      <c r="OE11" s="123">
        <v>1929193</v>
      </c>
      <c r="OF11" s="124">
        <v>2160006</v>
      </c>
      <c r="OG11" s="125">
        <v>2160006</v>
      </c>
      <c r="OH11" s="159">
        <v>4997856</v>
      </c>
      <c r="OI11" s="123">
        <v>4912138</v>
      </c>
      <c r="OJ11" s="158">
        <v>9909994</v>
      </c>
      <c r="OK11" s="122">
        <v>0</v>
      </c>
      <c r="OL11" s="123">
        <v>58560483</v>
      </c>
      <c r="OM11" s="123">
        <v>69296678</v>
      </c>
      <c r="ON11" s="123">
        <v>77893288</v>
      </c>
      <c r="OO11" s="123">
        <v>86813978</v>
      </c>
      <c r="OP11" s="123">
        <v>57645963</v>
      </c>
      <c r="OQ11" s="124">
        <v>350210390</v>
      </c>
      <c r="OR11" s="160">
        <v>360120384</v>
      </c>
    </row>
    <row r="12" spans="1:408" ht="20.25" customHeight="1" x14ac:dyDescent="0.2">
      <c r="A12" s="130" t="s">
        <v>14</v>
      </c>
      <c r="B12" s="113">
        <v>1926046</v>
      </c>
      <c r="C12" s="117">
        <v>3633505</v>
      </c>
      <c r="D12" s="116">
        <v>5559551</v>
      </c>
      <c r="E12" s="112">
        <v>0</v>
      </c>
      <c r="F12" s="117">
        <v>19946362</v>
      </c>
      <c r="G12" s="117">
        <v>25076352</v>
      </c>
      <c r="H12" s="117">
        <v>22938410</v>
      </c>
      <c r="I12" s="117">
        <v>21415927</v>
      </c>
      <c r="J12" s="117">
        <v>11408326</v>
      </c>
      <c r="K12" s="115">
        <v>100785377</v>
      </c>
      <c r="L12" s="119">
        <v>106344928</v>
      </c>
      <c r="M12" s="113">
        <v>359378</v>
      </c>
      <c r="N12" s="117">
        <v>993574</v>
      </c>
      <c r="O12" s="116">
        <v>1352952</v>
      </c>
      <c r="P12" s="113">
        <v>0</v>
      </c>
      <c r="Q12" s="117">
        <v>6424957</v>
      </c>
      <c r="R12" s="117">
        <v>7996613</v>
      </c>
      <c r="S12" s="117">
        <v>7934505</v>
      </c>
      <c r="T12" s="117">
        <v>4923943</v>
      </c>
      <c r="U12" s="117">
        <v>4857434</v>
      </c>
      <c r="V12" s="116">
        <v>32137452</v>
      </c>
      <c r="W12" s="119">
        <v>33490404</v>
      </c>
      <c r="X12" s="113">
        <v>0</v>
      </c>
      <c r="Y12" s="117">
        <v>0</v>
      </c>
      <c r="Z12" s="116">
        <v>0</v>
      </c>
      <c r="AA12" s="113">
        <v>0</v>
      </c>
      <c r="AB12" s="117">
        <v>3242141</v>
      </c>
      <c r="AC12" s="117">
        <v>3764601</v>
      </c>
      <c r="AD12" s="117">
        <v>4043288</v>
      </c>
      <c r="AE12" s="117">
        <v>1877135</v>
      </c>
      <c r="AF12" s="117">
        <v>2751873</v>
      </c>
      <c r="AG12" s="116">
        <v>15679038</v>
      </c>
      <c r="AH12" s="119">
        <v>15679038</v>
      </c>
      <c r="AI12" s="113">
        <v>0</v>
      </c>
      <c r="AJ12" s="117">
        <v>0</v>
      </c>
      <c r="AK12" s="116">
        <v>0</v>
      </c>
      <c r="AL12" s="113">
        <v>0</v>
      </c>
      <c r="AM12" s="117">
        <v>0</v>
      </c>
      <c r="AN12" s="117">
        <v>0</v>
      </c>
      <c r="AO12" s="117">
        <v>82070</v>
      </c>
      <c r="AP12" s="117">
        <v>210216</v>
      </c>
      <c r="AQ12" s="117">
        <v>410051</v>
      </c>
      <c r="AR12" s="116">
        <v>702337</v>
      </c>
      <c r="AS12" s="119">
        <v>702337</v>
      </c>
      <c r="AT12" s="113">
        <v>121905</v>
      </c>
      <c r="AU12" s="117">
        <v>683399</v>
      </c>
      <c r="AV12" s="116">
        <v>805304</v>
      </c>
      <c r="AW12" s="113">
        <v>0</v>
      </c>
      <c r="AX12" s="117">
        <v>1876864</v>
      </c>
      <c r="AY12" s="117">
        <v>2992564</v>
      </c>
      <c r="AZ12" s="117">
        <v>2592355</v>
      </c>
      <c r="BA12" s="117">
        <v>1681616</v>
      </c>
      <c r="BB12" s="117">
        <v>1144347</v>
      </c>
      <c r="BC12" s="116">
        <v>10287746</v>
      </c>
      <c r="BD12" s="119">
        <v>11093050</v>
      </c>
      <c r="BE12" s="113">
        <v>21353</v>
      </c>
      <c r="BF12" s="117">
        <v>53383</v>
      </c>
      <c r="BG12" s="115">
        <v>74736</v>
      </c>
      <c r="BH12" s="114">
        <v>0</v>
      </c>
      <c r="BI12" s="117">
        <v>31416</v>
      </c>
      <c r="BJ12" s="117">
        <v>0</v>
      </c>
      <c r="BK12" s="117">
        <v>17912</v>
      </c>
      <c r="BL12" s="117">
        <v>103168</v>
      </c>
      <c r="BM12" s="117">
        <v>60027</v>
      </c>
      <c r="BN12" s="116">
        <v>212523</v>
      </c>
      <c r="BO12" s="119">
        <v>287259</v>
      </c>
      <c r="BP12" s="113">
        <v>216120</v>
      </c>
      <c r="BQ12" s="117">
        <v>256792</v>
      </c>
      <c r="BR12" s="116">
        <v>472912</v>
      </c>
      <c r="BS12" s="113">
        <v>0</v>
      </c>
      <c r="BT12" s="117">
        <v>1274536</v>
      </c>
      <c r="BU12" s="117">
        <v>1239448</v>
      </c>
      <c r="BV12" s="117">
        <v>1198880</v>
      </c>
      <c r="BW12" s="117">
        <v>1051808</v>
      </c>
      <c r="BX12" s="117">
        <v>491136</v>
      </c>
      <c r="BY12" s="116">
        <v>5255808</v>
      </c>
      <c r="BZ12" s="119">
        <v>5728720</v>
      </c>
      <c r="CA12" s="113">
        <v>64861</v>
      </c>
      <c r="CB12" s="117">
        <v>391803</v>
      </c>
      <c r="CC12" s="116">
        <v>456664</v>
      </c>
      <c r="CD12" s="113">
        <v>0</v>
      </c>
      <c r="CE12" s="117">
        <v>6193472</v>
      </c>
      <c r="CF12" s="117">
        <v>8282983</v>
      </c>
      <c r="CG12" s="117">
        <v>6520485</v>
      </c>
      <c r="CH12" s="117">
        <v>6058686</v>
      </c>
      <c r="CI12" s="117">
        <v>1256835</v>
      </c>
      <c r="CJ12" s="116">
        <v>28312461</v>
      </c>
      <c r="CK12" s="119">
        <v>28769125</v>
      </c>
      <c r="CL12" s="113">
        <v>0</v>
      </c>
      <c r="CM12" s="117">
        <v>0</v>
      </c>
      <c r="CN12" s="116">
        <v>0</v>
      </c>
      <c r="CO12" s="114">
        <v>0</v>
      </c>
      <c r="CP12" s="117">
        <v>5864852</v>
      </c>
      <c r="CQ12" s="117">
        <v>6823235</v>
      </c>
      <c r="CR12" s="117">
        <v>5045459</v>
      </c>
      <c r="CS12" s="117">
        <v>5272366</v>
      </c>
      <c r="CT12" s="117">
        <v>1145409</v>
      </c>
      <c r="CU12" s="116">
        <v>24151321</v>
      </c>
      <c r="CV12" s="119">
        <v>24151321</v>
      </c>
      <c r="CW12" s="113">
        <v>64861</v>
      </c>
      <c r="CX12" s="117">
        <v>391803</v>
      </c>
      <c r="CY12" s="116">
        <v>456664</v>
      </c>
      <c r="CZ12" s="113">
        <v>0</v>
      </c>
      <c r="DA12" s="117">
        <v>328620</v>
      </c>
      <c r="DB12" s="117">
        <v>1459748</v>
      </c>
      <c r="DC12" s="117">
        <v>1475026</v>
      </c>
      <c r="DD12" s="117">
        <v>786320</v>
      </c>
      <c r="DE12" s="117">
        <v>111426</v>
      </c>
      <c r="DF12" s="116">
        <v>4161140</v>
      </c>
      <c r="DG12" s="119">
        <v>4617804</v>
      </c>
      <c r="DH12" s="113">
        <v>0</v>
      </c>
      <c r="DI12" s="117">
        <v>147719</v>
      </c>
      <c r="DJ12" s="115">
        <v>147719</v>
      </c>
      <c r="DK12" s="114">
        <v>0</v>
      </c>
      <c r="DL12" s="117">
        <v>595439</v>
      </c>
      <c r="DM12" s="117">
        <v>464872</v>
      </c>
      <c r="DN12" s="117">
        <v>1990938</v>
      </c>
      <c r="DO12" s="117">
        <v>2333083</v>
      </c>
      <c r="DP12" s="117">
        <v>641677</v>
      </c>
      <c r="DQ12" s="116">
        <v>6026009</v>
      </c>
      <c r="DR12" s="119">
        <v>6173728</v>
      </c>
      <c r="DS12" s="113">
        <v>0</v>
      </c>
      <c r="DT12" s="117">
        <v>147719</v>
      </c>
      <c r="DU12" s="116">
        <v>147719</v>
      </c>
      <c r="DV12" s="113">
        <v>0</v>
      </c>
      <c r="DW12" s="117">
        <v>595439</v>
      </c>
      <c r="DX12" s="117">
        <v>464872</v>
      </c>
      <c r="DY12" s="117">
        <v>1861559</v>
      </c>
      <c r="DZ12" s="117">
        <v>2298040</v>
      </c>
      <c r="EA12" s="117">
        <v>641677</v>
      </c>
      <c r="EB12" s="116">
        <v>5861587</v>
      </c>
      <c r="EC12" s="119">
        <v>6009306</v>
      </c>
      <c r="ED12" s="113">
        <v>0</v>
      </c>
      <c r="EE12" s="115">
        <v>0</v>
      </c>
      <c r="EF12" s="116">
        <v>0</v>
      </c>
      <c r="EG12" s="113">
        <v>0</v>
      </c>
      <c r="EH12" s="117">
        <v>0</v>
      </c>
      <c r="EI12" s="117">
        <v>0</v>
      </c>
      <c r="EJ12" s="117">
        <v>129379</v>
      </c>
      <c r="EK12" s="117">
        <v>35043</v>
      </c>
      <c r="EL12" s="117">
        <v>0</v>
      </c>
      <c r="EM12" s="115">
        <v>164422</v>
      </c>
      <c r="EN12" s="119">
        <v>164422</v>
      </c>
      <c r="EO12" s="113">
        <v>0</v>
      </c>
      <c r="EP12" s="117">
        <v>0</v>
      </c>
      <c r="EQ12" s="115">
        <v>0</v>
      </c>
      <c r="ER12" s="114">
        <v>0</v>
      </c>
      <c r="ES12" s="117">
        <v>0</v>
      </c>
      <c r="ET12" s="117">
        <v>0</v>
      </c>
      <c r="EU12" s="117">
        <v>0</v>
      </c>
      <c r="EV12" s="117">
        <v>0</v>
      </c>
      <c r="EW12" s="117">
        <v>0</v>
      </c>
      <c r="EX12" s="116">
        <v>0</v>
      </c>
      <c r="EY12" s="119">
        <v>0</v>
      </c>
      <c r="EZ12" s="113">
        <v>0</v>
      </c>
      <c r="FA12" s="117">
        <v>0</v>
      </c>
      <c r="FB12" s="115">
        <v>0</v>
      </c>
      <c r="FC12" s="395"/>
      <c r="FD12" s="117">
        <v>0</v>
      </c>
      <c r="FE12" s="117">
        <v>0</v>
      </c>
      <c r="FF12" s="117">
        <v>0</v>
      </c>
      <c r="FG12" s="117">
        <v>0</v>
      </c>
      <c r="FH12" s="117">
        <v>0</v>
      </c>
      <c r="FI12" s="116">
        <v>0</v>
      </c>
      <c r="FJ12" s="119">
        <v>0</v>
      </c>
      <c r="FK12" s="113">
        <v>629071</v>
      </c>
      <c r="FL12" s="117">
        <v>864523</v>
      </c>
      <c r="FM12" s="116">
        <v>1493594</v>
      </c>
      <c r="FN12" s="113">
        <v>0</v>
      </c>
      <c r="FO12" s="117">
        <v>706924</v>
      </c>
      <c r="FP12" s="117">
        <v>2780516</v>
      </c>
      <c r="FQ12" s="117">
        <v>2012116</v>
      </c>
      <c r="FR12" s="117">
        <v>1986088</v>
      </c>
      <c r="FS12" s="117">
        <v>1100302</v>
      </c>
      <c r="FT12" s="116">
        <v>8585946</v>
      </c>
      <c r="FU12" s="119">
        <v>10079540</v>
      </c>
      <c r="FV12" s="118">
        <v>173768</v>
      </c>
      <c r="FW12" s="117">
        <v>522200</v>
      </c>
      <c r="FX12" s="115">
        <v>695968</v>
      </c>
      <c r="FY12" s="114">
        <v>0</v>
      </c>
      <c r="FZ12" s="117">
        <v>616304</v>
      </c>
      <c r="GA12" s="117">
        <v>2599784</v>
      </c>
      <c r="GB12" s="117">
        <v>1972936</v>
      </c>
      <c r="GC12" s="117">
        <v>1700408</v>
      </c>
      <c r="GD12" s="117">
        <v>915792</v>
      </c>
      <c r="GE12" s="116">
        <v>7805224</v>
      </c>
      <c r="GF12" s="357">
        <v>8501192</v>
      </c>
      <c r="GG12" s="118">
        <v>68072</v>
      </c>
      <c r="GH12" s="117">
        <v>0</v>
      </c>
      <c r="GI12" s="115">
        <v>68072</v>
      </c>
      <c r="GJ12" s="114">
        <v>0</v>
      </c>
      <c r="GK12" s="117">
        <v>76676</v>
      </c>
      <c r="GL12" s="117">
        <v>70380</v>
      </c>
      <c r="GM12" s="117">
        <v>39180</v>
      </c>
      <c r="GN12" s="117">
        <v>77680</v>
      </c>
      <c r="GO12" s="117">
        <v>25630</v>
      </c>
      <c r="GP12" s="116">
        <v>289546</v>
      </c>
      <c r="GQ12" s="119">
        <v>357618</v>
      </c>
      <c r="GR12" s="113">
        <v>387231</v>
      </c>
      <c r="GS12" s="117">
        <v>342323</v>
      </c>
      <c r="GT12" s="116">
        <v>729554</v>
      </c>
      <c r="GU12" s="113">
        <v>0</v>
      </c>
      <c r="GV12" s="117">
        <v>13944</v>
      </c>
      <c r="GW12" s="117">
        <v>110352</v>
      </c>
      <c r="GX12" s="117">
        <v>0</v>
      </c>
      <c r="GY12" s="117">
        <v>208000</v>
      </c>
      <c r="GZ12" s="117">
        <v>158880</v>
      </c>
      <c r="HA12" s="115">
        <v>491176</v>
      </c>
      <c r="HB12" s="119">
        <v>1220730</v>
      </c>
      <c r="HC12" s="113">
        <v>872736</v>
      </c>
      <c r="HD12" s="117">
        <v>1235886</v>
      </c>
      <c r="HE12" s="115">
        <v>2108622</v>
      </c>
      <c r="HF12" s="114">
        <v>0</v>
      </c>
      <c r="HG12" s="117">
        <v>6025570</v>
      </c>
      <c r="HH12" s="117">
        <v>5551368</v>
      </c>
      <c r="HI12" s="117">
        <v>4480366</v>
      </c>
      <c r="HJ12" s="117">
        <v>6114127</v>
      </c>
      <c r="HK12" s="117">
        <v>3552078</v>
      </c>
      <c r="HL12" s="116">
        <v>25723509</v>
      </c>
      <c r="HM12" s="112">
        <v>27832131</v>
      </c>
      <c r="HN12" s="395"/>
      <c r="HO12" s="395"/>
      <c r="HP12" s="395"/>
      <c r="HQ12" s="395"/>
      <c r="HR12" s="395"/>
      <c r="HS12" s="395"/>
      <c r="HT12" s="395"/>
      <c r="HU12" s="395"/>
      <c r="HV12" s="395"/>
      <c r="HW12" s="395"/>
      <c r="HX12" s="395"/>
      <c r="HY12" s="148">
        <v>42733</v>
      </c>
      <c r="HZ12" s="149">
        <v>75890</v>
      </c>
      <c r="IA12" s="150">
        <v>118623</v>
      </c>
      <c r="IB12" s="151">
        <v>0</v>
      </c>
      <c r="IC12" s="152">
        <v>6127995</v>
      </c>
      <c r="ID12" s="153">
        <v>7440160</v>
      </c>
      <c r="IE12" s="154">
        <v>8277299</v>
      </c>
      <c r="IF12" s="152">
        <v>6745706</v>
      </c>
      <c r="IG12" s="154">
        <v>1787566</v>
      </c>
      <c r="IH12" s="155">
        <v>30378726</v>
      </c>
      <c r="II12" s="156">
        <v>30497349</v>
      </c>
      <c r="IJ12" s="259">
        <v>0</v>
      </c>
      <c r="IK12" s="266">
        <v>0</v>
      </c>
      <c r="IL12" s="267">
        <v>0</v>
      </c>
      <c r="IM12" s="395"/>
      <c r="IN12" s="123">
        <v>82625</v>
      </c>
      <c r="IO12" s="123">
        <v>0</v>
      </c>
      <c r="IP12" s="123">
        <v>0</v>
      </c>
      <c r="IQ12" s="123">
        <v>0</v>
      </c>
      <c r="IR12" s="123">
        <v>0</v>
      </c>
      <c r="IS12" s="158">
        <v>82625</v>
      </c>
      <c r="IT12" s="360">
        <v>82625</v>
      </c>
      <c r="IU12" s="159">
        <v>0</v>
      </c>
      <c r="IV12" s="123">
        <v>0</v>
      </c>
      <c r="IW12" s="124">
        <v>0</v>
      </c>
      <c r="IX12" s="395"/>
      <c r="IY12" s="123">
        <v>0</v>
      </c>
      <c r="IZ12" s="123">
        <v>0</v>
      </c>
      <c r="JA12" s="123">
        <v>0</v>
      </c>
      <c r="JB12" s="123">
        <v>0</v>
      </c>
      <c r="JC12" s="123">
        <v>0</v>
      </c>
      <c r="JD12" s="124">
        <v>0</v>
      </c>
      <c r="JE12" s="125">
        <v>0</v>
      </c>
      <c r="JF12" s="159">
        <v>0</v>
      </c>
      <c r="JG12" s="123">
        <v>0</v>
      </c>
      <c r="JH12" s="158">
        <v>0</v>
      </c>
      <c r="JI12" s="122">
        <v>0</v>
      </c>
      <c r="JJ12" s="123">
        <v>3088488</v>
      </c>
      <c r="JK12" s="123">
        <v>3740098</v>
      </c>
      <c r="JL12" s="123">
        <v>3008437</v>
      </c>
      <c r="JM12" s="123">
        <v>1887185</v>
      </c>
      <c r="JN12" s="123">
        <v>333936</v>
      </c>
      <c r="JO12" s="124">
        <v>12058144</v>
      </c>
      <c r="JP12" s="360">
        <v>12058144</v>
      </c>
      <c r="JQ12" s="159">
        <v>0</v>
      </c>
      <c r="JR12" s="123">
        <v>0</v>
      </c>
      <c r="JS12" s="158">
        <v>0</v>
      </c>
      <c r="JT12" s="122">
        <v>0</v>
      </c>
      <c r="JU12" s="123">
        <v>34725</v>
      </c>
      <c r="JV12" s="123">
        <v>75608</v>
      </c>
      <c r="JW12" s="123">
        <v>158330</v>
      </c>
      <c r="JX12" s="123">
        <v>192492</v>
      </c>
      <c r="JY12" s="123">
        <v>0</v>
      </c>
      <c r="JZ12" s="124">
        <v>461155</v>
      </c>
      <c r="KA12" s="360">
        <v>461155</v>
      </c>
      <c r="KB12" s="262">
        <v>42733</v>
      </c>
      <c r="KC12" s="256">
        <v>75890</v>
      </c>
      <c r="KD12" s="124">
        <v>118623</v>
      </c>
      <c r="KE12" s="122">
        <v>0</v>
      </c>
      <c r="KF12" s="123">
        <v>919603</v>
      </c>
      <c r="KG12" s="123">
        <v>750912</v>
      </c>
      <c r="KH12" s="123">
        <v>1137623</v>
      </c>
      <c r="KI12" s="123">
        <v>1050722</v>
      </c>
      <c r="KJ12" s="123">
        <v>289158</v>
      </c>
      <c r="KK12" s="124">
        <v>4148018</v>
      </c>
      <c r="KL12" s="160">
        <v>4266641</v>
      </c>
      <c r="KM12" s="259">
        <v>0</v>
      </c>
      <c r="KN12" s="266">
        <v>0</v>
      </c>
      <c r="KO12" s="267">
        <v>0</v>
      </c>
      <c r="KP12" s="395"/>
      <c r="KQ12" s="123">
        <v>1874319</v>
      </c>
      <c r="KR12" s="123">
        <v>2669502</v>
      </c>
      <c r="KS12" s="123">
        <v>3482033</v>
      </c>
      <c r="KT12" s="123">
        <v>3312999</v>
      </c>
      <c r="KU12" s="123">
        <v>1164472</v>
      </c>
      <c r="KV12" s="124">
        <v>12503325</v>
      </c>
      <c r="KW12" s="360">
        <v>12503325</v>
      </c>
      <c r="KX12" s="159">
        <v>0</v>
      </c>
      <c r="KY12" s="123">
        <v>0</v>
      </c>
      <c r="KZ12" s="124">
        <v>0</v>
      </c>
      <c r="LA12" s="395"/>
      <c r="LB12" s="123">
        <v>0</v>
      </c>
      <c r="LC12" s="123">
        <v>0</v>
      </c>
      <c r="LD12" s="123">
        <v>0</v>
      </c>
      <c r="LE12" s="123">
        <v>0</v>
      </c>
      <c r="LF12" s="123">
        <v>0</v>
      </c>
      <c r="LG12" s="124">
        <v>0</v>
      </c>
      <c r="LH12" s="125">
        <v>0</v>
      </c>
      <c r="LI12" s="159">
        <v>0</v>
      </c>
      <c r="LJ12" s="123">
        <v>0</v>
      </c>
      <c r="LK12" s="124">
        <v>0</v>
      </c>
      <c r="LL12" s="395"/>
      <c r="LM12" s="123">
        <v>0</v>
      </c>
      <c r="LN12" s="123">
        <v>0</v>
      </c>
      <c r="LO12" s="123">
        <v>490876</v>
      </c>
      <c r="LP12" s="123">
        <v>0</v>
      </c>
      <c r="LQ12" s="123">
        <v>0</v>
      </c>
      <c r="LR12" s="124">
        <v>490876</v>
      </c>
      <c r="LS12" s="360">
        <v>490876</v>
      </c>
      <c r="LT12" s="159">
        <v>0</v>
      </c>
      <c r="LU12" s="123">
        <v>0</v>
      </c>
      <c r="LV12" s="124">
        <v>0</v>
      </c>
      <c r="LW12" s="395"/>
      <c r="LX12" s="123">
        <v>128235</v>
      </c>
      <c r="LY12" s="123">
        <v>204040</v>
      </c>
      <c r="LZ12" s="123">
        <v>0</v>
      </c>
      <c r="MA12" s="123">
        <v>302308</v>
      </c>
      <c r="MB12" s="123">
        <v>0</v>
      </c>
      <c r="MC12" s="124">
        <v>634583</v>
      </c>
      <c r="MD12" s="125">
        <v>634583</v>
      </c>
      <c r="ME12" s="159">
        <v>0</v>
      </c>
      <c r="MF12" s="123">
        <v>0</v>
      </c>
      <c r="MG12" s="124">
        <v>0</v>
      </c>
      <c r="MH12" s="395"/>
      <c r="MI12" s="123">
        <v>1134822</v>
      </c>
      <c r="MJ12" s="123">
        <v>3083917</v>
      </c>
      <c r="MK12" s="123">
        <v>12188085</v>
      </c>
      <c r="ML12" s="123">
        <v>22877593</v>
      </c>
      <c r="MM12" s="123">
        <v>10770473</v>
      </c>
      <c r="MN12" s="124">
        <v>50054890</v>
      </c>
      <c r="MO12" s="160">
        <v>50054890</v>
      </c>
      <c r="MP12" s="159">
        <v>0</v>
      </c>
      <c r="MQ12" s="123">
        <v>0</v>
      </c>
      <c r="MR12" s="124">
        <v>0</v>
      </c>
      <c r="MS12" s="395"/>
      <c r="MT12" s="123">
        <v>217494</v>
      </c>
      <c r="MU12" s="123">
        <v>0</v>
      </c>
      <c r="MV12" s="123">
        <v>8461758</v>
      </c>
      <c r="MW12" s="123">
        <v>15815217</v>
      </c>
      <c r="MX12" s="123">
        <v>5450977</v>
      </c>
      <c r="MY12" s="124">
        <v>29945446</v>
      </c>
      <c r="MZ12" s="160">
        <v>29945446</v>
      </c>
      <c r="NA12" s="159">
        <v>0</v>
      </c>
      <c r="NB12" s="123">
        <v>0</v>
      </c>
      <c r="NC12" s="124">
        <v>0</v>
      </c>
      <c r="ND12" s="395"/>
      <c r="NE12" s="123">
        <v>917328</v>
      </c>
      <c r="NF12" s="123">
        <v>3083917</v>
      </c>
      <c r="NG12" s="123">
        <v>3726327</v>
      </c>
      <c r="NH12" s="123">
        <v>6418275</v>
      </c>
      <c r="NI12" s="123">
        <v>2085303</v>
      </c>
      <c r="NJ12" s="124">
        <v>16231150</v>
      </c>
      <c r="NK12" s="360">
        <v>16231150</v>
      </c>
      <c r="NL12" s="159">
        <v>0</v>
      </c>
      <c r="NM12" s="123">
        <v>0</v>
      </c>
      <c r="NN12" s="124">
        <v>0</v>
      </c>
      <c r="NO12" s="395"/>
      <c r="NP12" s="123">
        <v>0</v>
      </c>
      <c r="NQ12" s="123">
        <v>0</v>
      </c>
      <c r="NR12" s="123">
        <v>0</v>
      </c>
      <c r="NS12" s="123">
        <v>289984</v>
      </c>
      <c r="NT12" s="123">
        <v>2628541</v>
      </c>
      <c r="NU12" s="124">
        <v>2918525</v>
      </c>
      <c r="NV12" s="125">
        <v>2918525</v>
      </c>
      <c r="NW12" s="159">
        <v>0</v>
      </c>
      <c r="NX12" s="123">
        <v>0</v>
      </c>
      <c r="NY12" s="124">
        <v>0</v>
      </c>
      <c r="NZ12" s="395"/>
      <c r="OA12" s="123">
        <v>0</v>
      </c>
      <c r="OB12" s="123">
        <v>0</v>
      </c>
      <c r="OC12" s="123">
        <v>0</v>
      </c>
      <c r="OD12" s="123">
        <v>354117</v>
      </c>
      <c r="OE12" s="123">
        <v>605652</v>
      </c>
      <c r="OF12" s="124">
        <v>959769</v>
      </c>
      <c r="OG12" s="125">
        <v>959769</v>
      </c>
      <c r="OH12" s="159">
        <v>1968779</v>
      </c>
      <c r="OI12" s="123">
        <v>3709395</v>
      </c>
      <c r="OJ12" s="158">
        <v>5678174</v>
      </c>
      <c r="OK12" s="122">
        <v>0</v>
      </c>
      <c r="OL12" s="123">
        <v>27209179</v>
      </c>
      <c r="OM12" s="123">
        <v>35600429</v>
      </c>
      <c r="ON12" s="123">
        <v>43403794</v>
      </c>
      <c r="OO12" s="123">
        <v>51039226</v>
      </c>
      <c r="OP12" s="123">
        <v>23966365</v>
      </c>
      <c r="OQ12" s="124">
        <v>181218993</v>
      </c>
      <c r="OR12" s="160">
        <v>186897167</v>
      </c>
    </row>
    <row r="13" spans="1:408" ht="20.25" customHeight="1" x14ac:dyDescent="0.2">
      <c r="A13" s="130" t="s">
        <v>7</v>
      </c>
      <c r="B13" s="113">
        <v>1072229</v>
      </c>
      <c r="C13" s="117">
        <v>1195526</v>
      </c>
      <c r="D13" s="116">
        <v>2267755</v>
      </c>
      <c r="E13" s="112">
        <v>0</v>
      </c>
      <c r="F13" s="117">
        <v>25011772</v>
      </c>
      <c r="G13" s="117">
        <v>25041939</v>
      </c>
      <c r="H13" s="117">
        <v>23173069</v>
      </c>
      <c r="I13" s="117">
        <v>18177031</v>
      </c>
      <c r="J13" s="117">
        <v>9327651</v>
      </c>
      <c r="K13" s="112">
        <v>100731462</v>
      </c>
      <c r="L13" s="119">
        <v>102999217</v>
      </c>
      <c r="M13" s="113">
        <v>231720</v>
      </c>
      <c r="N13" s="117">
        <v>246564</v>
      </c>
      <c r="O13" s="116">
        <v>478284</v>
      </c>
      <c r="P13" s="113">
        <v>0</v>
      </c>
      <c r="Q13" s="117">
        <v>7492180</v>
      </c>
      <c r="R13" s="117">
        <v>8057596</v>
      </c>
      <c r="S13" s="117">
        <v>8133943</v>
      </c>
      <c r="T13" s="117">
        <v>7140792</v>
      </c>
      <c r="U13" s="117">
        <v>4109291</v>
      </c>
      <c r="V13" s="116">
        <v>34933802</v>
      </c>
      <c r="W13" s="119">
        <v>35412086</v>
      </c>
      <c r="X13" s="113">
        <v>0</v>
      </c>
      <c r="Y13" s="117">
        <v>0</v>
      </c>
      <c r="Z13" s="116">
        <v>0</v>
      </c>
      <c r="AA13" s="113">
        <v>0</v>
      </c>
      <c r="AB13" s="117">
        <v>3602319</v>
      </c>
      <c r="AC13" s="117">
        <v>4730152</v>
      </c>
      <c r="AD13" s="117">
        <v>4635417</v>
      </c>
      <c r="AE13" s="117">
        <v>4649846</v>
      </c>
      <c r="AF13" s="117">
        <v>2044778</v>
      </c>
      <c r="AG13" s="116">
        <v>19662512</v>
      </c>
      <c r="AH13" s="119">
        <v>19662512</v>
      </c>
      <c r="AI13" s="113">
        <v>0</v>
      </c>
      <c r="AJ13" s="117">
        <v>0</v>
      </c>
      <c r="AK13" s="116">
        <v>0</v>
      </c>
      <c r="AL13" s="113">
        <v>0</v>
      </c>
      <c r="AM13" s="117">
        <v>46292</v>
      </c>
      <c r="AN13" s="117">
        <v>72979</v>
      </c>
      <c r="AO13" s="117">
        <v>557968</v>
      </c>
      <c r="AP13" s="117">
        <v>406174</v>
      </c>
      <c r="AQ13" s="117">
        <v>819737</v>
      </c>
      <c r="AR13" s="116">
        <v>1903150</v>
      </c>
      <c r="AS13" s="119">
        <v>1903150</v>
      </c>
      <c r="AT13" s="113">
        <v>83920</v>
      </c>
      <c r="AU13" s="117">
        <v>91120</v>
      </c>
      <c r="AV13" s="116">
        <v>175040</v>
      </c>
      <c r="AW13" s="113">
        <v>0</v>
      </c>
      <c r="AX13" s="117">
        <v>2242821</v>
      </c>
      <c r="AY13" s="117">
        <v>1904878</v>
      </c>
      <c r="AZ13" s="117">
        <v>1540859</v>
      </c>
      <c r="BA13" s="117">
        <v>1121353</v>
      </c>
      <c r="BB13" s="117">
        <v>682771</v>
      </c>
      <c r="BC13" s="116">
        <v>7492682</v>
      </c>
      <c r="BD13" s="119">
        <v>7667722</v>
      </c>
      <c r="BE13" s="113">
        <v>0</v>
      </c>
      <c r="BF13" s="117">
        <v>31700</v>
      </c>
      <c r="BG13" s="115">
        <v>31700</v>
      </c>
      <c r="BH13" s="114">
        <v>0</v>
      </c>
      <c r="BI13" s="117">
        <v>144676</v>
      </c>
      <c r="BJ13" s="117">
        <v>189491</v>
      </c>
      <c r="BK13" s="117">
        <v>122691</v>
      </c>
      <c r="BL13" s="117">
        <v>95099</v>
      </c>
      <c r="BM13" s="117">
        <v>84533</v>
      </c>
      <c r="BN13" s="116">
        <v>636490</v>
      </c>
      <c r="BO13" s="119">
        <v>668190</v>
      </c>
      <c r="BP13" s="113">
        <v>147800</v>
      </c>
      <c r="BQ13" s="117">
        <v>123744</v>
      </c>
      <c r="BR13" s="116">
        <v>271544</v>
      </c>
      <c r="BS13" s="113">
        <v>0</v>
      </c>
      <c r="BT13" s="117">
        <v>1456072</v>
      </c>
      <c r="BU13" s="117">
        <v>1160096</v>
      </c>
      <c r="BV13" s="117">
        <v>1277008</v>
      </c>
      <c r="BW13" s="117">
        <v>868320</v>
      </c>
      <c r="BX13" s="117">
        <v>477472</v>
      </c>
      <c r="BY13" s="116">
        <v>5238968</v>
      </c>
      <c r="BZ13" s="119">
        <v>5510512</v>
      </c>
      <c r="CA13" s="113">
        <v>56673</v>
      </c>
      <c r="CB13" s="117">
        <v>76196</v>
      </c>
      <c r="CC13" s="116">
        <v>132869</v>
      </c>
      <c r="CD13" s="113">
        <v>0</v>
      </c>
      <c r="CE13" s="117">
        <v>7743458</v>
      </c>
      <c r="CF13" s="117">
        <v>7303201</v>
      </c>
      <c r="CG13" s="117">
        <v>4943237</v>
      </c>
      <c r="CH13" s="117">
        <v>2525050</v>
      </c>
      <c r="CI13" s="117">
        <v>1053464</v>
      </c>
      <c r="CJ13" s="116">
        <v>23568410</v>
      </c>
      <c r="CK13" s="119">
        <v>23701279</v>
      </c>
      <c r="CL13" s="113">
        <v>0</v>
      </c>
      <c r="CM13" s="117">
        <v>0</v>
      </c>
      <c r="CN13" s="116">
        <v>0</v>
      </c>
      <c r="CO13" s="114">
        <v>0</v>
      </c>
      <c r="CP13" s="117">
        <v>6625389</v>
      </c>
      <c r="CQ13" s="117">
        <v>6540346</v>
      </c>
      <c r="CR13" s="117">
        <v>3751608</v>
      </c>
      <c r="CS13" s="117">
        <v>2166245</v>
      </c>
      <c r="CT13" s="117">
        <v>916721</v>
      </c>
      <c r="CU13" s="116">
        <v>20000309</v>
      </c>
      <c r="CV13" s="119">
        <v>20000309</v>
      </c>
      <c r="CW13" s="113">
        <v>56673</v>
      </c>
      <c r="CX13" s="117">
        <v>76196</v>
      </c>
      <c r="CY13" s="116">
        <v>132869</v>
      </c>
      <c r="CZ13" s="113">
        <v>0</v>
      </c>
      <c r="DA13" s="117">
        <v>1118069</v>
      </c>
      <c r="DB13" s="117">
        <v>762855</v>
      </c>
      <c r="DC13" s="117">
        <v>1191629</v>
      </c>
      <c r="DD13" s="117">
        <v>358805</v>
      </c>
      <c r="DE13" s="117">
        <v>136743</v>
      </c>
      <c r="DF13" s="116">
        <v>3568101</v>
      </c>
      <c r="DG13" s="119">
        <v>3700970</v>
      </c>
      <c r="DH13" s="113">
        <v>0</v>
      </c>
      <c r="DI13" s="117">
        <v>0</v>
      </c>
      <c r="DJ13" s="115">
        <v>0</v>
      </c>
      <c r="DK13" s="114">
        <v>0</v>
      </c>
      <c r="DL13" s="117">
        <v>1060608</v>
      </c>
      <c r="DM13" s="117">
        <v>1268716</v>
      </c>
      <c r="DN13" s="117">
        <v>1884010</v>
      </c>
      <c r="DO13" s="117">
        <v>1199250</v>
      </c>
      <c r="DP13" s="117">
        <v>376487</v>
      </c>
      <c r="DQ13" s="116">
        <v>5789071</v>
      </c>
      <c r="DR13" s="119">
        <v>5789071</v>
      </c>
      <c r="DS13" s="113">
        <v>0</v>
      </c>
      <c r="DT13" s="117">
        <v>0</v>
      </c>
      <c r="DU13" s="116">
        <v>0</v>
      </c>
      <c r="DV13" s="113">
        <v>0</v>
      </c>
      <c r="DW13" s="117">
        <v>860889</v>
      </c>
      <c r="DX13" s="117">
        <v>1233727</v>
      </c>
      <c r="DY13" s="117">
        <v>1884010</v>
      </c>
      <c r="DZ13" s="117">
        <v>1138064</v>
      </c>
      <c r="EA13" s="117">
        <v>376487</v>
      </c>
      <c r="EB13" s="116">
        <v>5493177</v>
      </c>
      <c r="EC13" s="119">
        <v>5493177</v>
      </c>
      <c r="ED13" s="113">
        <v>0</v>
      </c>
      <c r="EE13" s="115">
        <v>0</v>
      </c>
      <c r="EF13" s="116">
        <v>0</v>
      </c>
      <c r="EG13" s="113">
        <v>0</v>
      </c>
      <c r="EH13" s="117">
        <v>199719</v>
      </c>
      <c r="EI13" s="117">
        <v>34989</v>
      </c>
      <c r="EJ13" s="117">
        <v>0</v>
      </c>
      <c r="EK13" s="117">
        <v>61186</v>
      </c>
      <c r="EL13" s="117">
        <v>0</v>
      </c>
      <c r="EM13" s="115">
        <v>295894</v>
      </c>
      <c r="EN13" s="119">
        <v>295894</v>
      </c>
      <c r="EO13" s="113">
        <v>0</v>
      </c>
      <c r="EP13" s="117">
        <v>0</v>
      </c>
      <c r="EQ13" s="115">
        <v>0</v>
      </c>
      <c r="ER13" s="114">
        <v>0</v>
      </c>
      <c r="ES13" s="117">
        <v>0</v>
      </c>
      <c r="ET13" s="117">
        <v>0</v>
      </c>
      <c r="EU13" s="117">
        <v>0</v>
      </c>
      <c r="EV13" s="117">
        <v>0</v>
      </c>
      <c r="EW13" s="117">
        <v>0</v>
      </c>
      <c r="EX13" s="116">
        <v>0</v>
      </c>
      <c r="EY13" s="119">
        <v>0</v>
      </c>
      <c r="EZ13" s="113">
        <v>0</v>
      </c>
      <c r="FA13" s="117">
        <v>0</v>
      </c>
      <c r="FB13" s="115">
        <v>0</v>
      </c>
      <c r="FC13" s="395"/>
      <c r="FD13" s="117">
        <v>0</v>
      </c>
      <c r="FE13" s="117">
        <v>0</v>
      </c>
      <c r="FF13" s="117">
        <v>0</v>
      </c>
      <c r="FG13" s="117">
        <v>0</v>
      </c>
      <c r="FH13" s="117">
        <v>0</v>
      </c>
      <c r="FI13" s="116">
        <v>0</v>
      </c>
      <c r="FJ13" s="119">
        <v>0</v>
      </c>
      <c r="FK13" s="113">
        <v>351168</v>
      </c>
      <c r="FL13" s="117">
        <v>255728</v>
      </c>
      <c r="FM13" s="116">
        <v>606896</v>
      </c>
      <c r="FN13" s="113">
        <v>0</v>
      </c>
      <c r="FO13" s="117">
        <v>997784</v>
      </c>
      <c r="FP13" s="117">
        <v>2492300</v>
      </c>
      <c r="FQ13" s="117">
        <v>1804716</v>
      </c>
      <c r="FR13" s="117">
        <v>1171952</v>
      </c>
      <c r="FS13" s="117">
        <v>650200</v>
      </c>
      <c r="FT13" s="116">
        <v>7116952</v>
      </c>
      <c r="FU13" s="119">
        <v>7723848</v>
      </c>
      <c r="FV13" s="118">
        <v>59520</v>
      </c>
      <c r="FW13" s="117">
        <v>118128</v>
      </c>
      <c r="FX13" s="115">
        <v>177648</v>
      </c>
      <c r="FY13" s="114">
        <v>0</v>
      </c>
      <c r="FZ13" s="117">
        <v>698376</v>
      </c>
      <c r="GA13" s="117">
        <v>2449664</v>
      </c>
      <c r="GB13" s="117">
        <v>1593184</v>
      </c>
      <c r="GC13" s="117">
        <v>1098384</v>
      </c>
      <c r="GD13" s="117">
        <v>650200</v>
      </c>
      <c r="GE13" s="116">
        <v>6489808</v>
      </c>
      <c r="GF13" s="357">
        <v>6667456</v>
      </c>
      <c r="GG13" s="118">
        <v>43648</v>
      </c>
      <c r="GH13" s="117">
        <v>0</v>
      </c>
      <c r="GI13" s="115">
        <v>43648</v>
      </c>
      <c r="GJ13" s="114">
        <v>0</v>
      </c>
      <c r="GK13" s="117">
        <v>5808</v>
      </c>
      <c r="GL13" s="117">
        <v>42636</v>
      </c>
      <c r="GM13" s="117">
        <v>103468</v>
      </c>
      <c r="GN13" s="117">
        <v>73568</v>
      </c>
      <c r="GO13" s="117">
        <v>0</v>
      </c>
      <c r="GP13" s="116">
        <v>225480</v>
      </c>
      <c r="GQ13" s="119">
        <v>269128</v>
      </c>
      <c r="GR13" s="113">
        <v>248000</v>
      </c>
      <c r="GS13" s="117">
        <v>137600</v>
      </c>
      <c r="GT13" s="116">
        <v>385600</v>
      </c>
      <c r="GU13" s="113">
        <v>0</v>
      </c>
      <c r="GV13" s="117">
        <v>293600</v>
      </c>
      <c r="GW13" s="117">
        <v>0</v>
      </c>
      <c r="GX13" s="117">
        <v>108064</v>
      </c>
      <c r="GY13" s="117">
        <v>0</v>
      </c>
      <c r="GZ13" s="117">
        <v>0</v>
      </c>
      <c r="HA13" s="115">
        <v>401664</v>
      </c>
      <c r="HB13" s="119">
        <v>787264</v>
      </c>
      <c r="HC13" s="113">
        <v>432668</v>
      </c>
      <c r="HD13" s="117">
        <v>617038</v>
      </c>
      <c r="HE13" s="115">
        <v>1049706</v>
      </c>
      <c r="HF13" s="114">
        <v>0</v>
      </c>
      <c r="HG13" s="117">
        <v>7717742</v>
      </c>
      <c r="HH13" s="117">
        <v>5920126</v>
      </c>
      <c r="HI13" s="117">
        <v>6407163</v>
      </c>
      <c r="HJ13" s="117">
        <v>6139987</v>
      </c>
      <c r="HK13" s="117">
        <v>3138209</v>
      </c>
      <c r="HL13" s="116">
        <v>29323227</v>
      </c>
      <c r="HM13" s="112">
        <v>30372933</v>
      </c>
      <c r="HN13" s="395"/>
      <c r="HO13" s="395"/>
      <c r="HP13" s="395"/>
      <c r="HQ13" s="395"/>
      <c r="HR13" s="395"/>
      <c r="HS13" s="395"/>
      <c r="HT13" s="395"/>
      <c r="HU13" s="395"/>
      <c r="HV13" s="395"/>
      <c r="HW13" s="395"/>
      <c r="HX13" s="395"/>
      <c r="HY13" s="148">
        <v>42106</v>
      </c>
      <c r="HZ13" s="149">
        <v>0</v>
      </c>
      <c r="IA13" s="150">
        <v>42106</v>
      </c>
      <c r="IB13" s="162">
        <v>0</v>
      </c>
      <c r="IC13" s="149">
        <v>8278333</v>
      </c>
      <c r="ID13" s="163">
        <v>5896774</v>
      </c>
      <c r="IE13" s="150">
        <v>6799263</v>
      </c>
      <c r="IF13" s="149">
        <v>3114818</v>
      </c>
      <c r="IG13" s="150">
        <v>1413881</v>
      </c>
      <c r="IH13" s="164">
        <v>25503069</v>
      </c>
      <c r="II13" s="156">
        <v>25545175</v>
      </c>
      <c r="IJ13" s="259">
        <v>0</v>
      </c>
      <c r="IK13" s="266">
        <v>0</v>
      </c>
      <c r="IL13" s="267">
        <v>0</v>
      </c>
      <c r="IM13" s="395"/>
      <c r="IN13" s="123">
        <v>0</v>
      </c>
      <c r="IO13" s="123">
        <v>0</v>
      </c>
      <c r="IP13" s="123">
        <v>0</v>
      </c>
      <c r="IQ13" s="123">
        <v>0</v>
      </c>
      <c r="IR13" s="123">
        <v>0</v>
      </c>
      <c r="IS13" s="158">
        <v>0</v>
      </c>
      <c r="IT13" s="360">
        <v>0</v>
      </c>
      <c r="IU13" s="159">
        <v>0</v>
      </c>
      <c r="IV13" s="123">
        <v>0</v>
      </c>
      <c r="IW13" s="124">
        <v>0</v>
      </c>
      <c r="IX13" s="395"/>
      <c r="IY13" s="123">
        <v>0</v>
      </c>
      <c r="IZ13" s="123">
        <v>0</v>
      </c>
      <c r="JA13" s="123">
        <v>0</v>
      </c>
      <c r="JB13" s="123">
        <v>0</v>
      </c>
      <c r="JC13" s="123">
        <v>0</v>
      </c>
      <c r="JD13" s="124">
        <v>0</v>
      </c>
      <c r="JE13" s="125">
        <v>0</v>
      </c>
      <c r="JF13" s="159">
        <v>0</v>
      </c>
      <c r="JG13" s="123">
        <v>0</v>
      </c>
      <c r="JH13" s="158">
        <v>0</v>
      </c>
      <c r="JI13" s="122">
        <v>0</v>
      </c>
      <c r="JJ13" s="123">
        <v>3521777</v>
      </c>
      <c r="JK13" s="123">
        <v>2835812</v>
      </c>
      <c r="JL13" s="123">
        <v>1197126</v>
      </c>
      <c r="JM13" s="123">
        <v>169076</v>
      </c>
      <c r="JN13" s="123">
        <v>47609</v>
      </c>
      <c r="JO13" s="124">
        <v>7771400</v>
      </c>
      <c r="JP13" s="360">
        <v>7771400</v>
      </c>
      <c r="JQ13" s="159">
        <v>0</v>
      </c>
      <c r="JR13" s="123">
        <v>0</v>
      </c>
      <c r="JS13" s="158">
        <v>0</v>
      </c>
      <c r="JT13" s="122">
        <v>0</v>
      </c>
      <c r="JU13" s="123">
        <v>785462</v>
      </c>
      <c r="JV13" s="123">
        <v>763007</v>
      </c>
      <c r="JW13" s="123">
        <v>773428</v>
      </c>
      <c r="JX13" s="123">
        <v>0</v>
      </c>
      <c r="JY13" s="123">
        <v>0</v>
      </c>
      <c r="JZ13" s="124">
        <v>2321897</v>
      </c>
      <c r="KA13" s="360">
        <v>2321897</v>
      </c>
      <c r="KB13" s="262">
        <v>42106</v>
      </c>
      <c r="KC13" s="256">
        <v>0</v>
      </c>
      <c r="KD13" s="124">
        <v>42106</v>
      </c>
      <c r="KE13" s="122">
        <v>0</v>
      </c>
      <c r="KF13" s="123">
        <v>747668</v>
      </c>
      <c r="KG13" s="123">
        <v>927180</v>
      </c>
      <c r="KH13" s="123">
        <v>0</v>
      </c>
      <c r="KI13" s="123">
        <v>228732</v>
      </c>
      <c r="KJ13" s="123">
        <v>0</v>
      </c>
      <c r="KK13" s="124">
        <v>1903580</v>
      </c>
      <c r="KL13" s="160">
        <v>1945686</v>
      </c>
      <c r="KM13" s="259">
        <v>0</v>
      </c>
      <c r="KN13" s="266">
        <v>0</v>
      </c>
      <c r="KO13" s="267">
        <v>0</v>
      </c>
      <c r="KP13" s="395"/>
      <c r="KQ13" s="123">
        <v>3091307</v>
      </c>
      <c r="KR13" s="123">
        <v>1219059</v>
      </c>
      <c r="KS13" s="123">
        <v>4828709</v>
      </c>
      <c r="KT13" s="123">
        <v>2050734</v>
      </c>
      <c r="KU13" s="123">
        <v>758517</v>
      </c>
      <c r="KV13" s="124">
        <v>11948326</v>
      </c>
      <c r="KW13" s="360">
        <v>11948326</v>
      </c>
      <c r="KX13" s="159">
        <v>0</v>
      </c>
      <c r="KY13" s="123">
        <v>0</v>
      </c>
      <c r="KZ13" s="124">
        <v>0</v>
      </c>
      <c r="LA13" s="395"/>
      <c r="LB13" s="123">
        <v>0</v>
      </c>
      <c r="LC13" s="123">
        <v>0</v>
      </c>
      <c r="LD13" s="123">
        <v>0</v>
      </c>
      <c r="LE13" s="123">
        <v>0</v>
      </c>
      <c r="LF13" s="123">
        <v>0</v>
      </c>
      <c r="LG13" s="124">
        <v>0</v>
      </c>
      <c r="LH13" s="125">
        <v>0</v>
      </c>
      <c r="LI13" s="159">
        <v>0</v>
      </c>
      <c r="LJ13" s="123">
        <v>0</v>
      </c>
      <c r="LK13" s="124">
        <v>0</v>
      </c>
      <c r="LL13" s="395"/>
      <c r="LM13" s="123">
        <v>0</v>
      </c>
      <c r="LN13" s="123">
        <v>0</v>
      </c>
      <c r="LO13" s="123">
        <v>0</v>
      </c>
      <c r="LP13" s="123">
        <v>0</v>
      </c>
      <c r="LQ13" s="123">
        <v>0</v>
      </c>
      <c r="LR13" s="124">
        <v>0</v>
      </c>
      <c r="LS13" s="360">
        <v>0</v>
      </c>
      <c r="LT13" s="159">
        <v>0</v>
      </c>
      <c r="LU13" s="123">
        <v>0</v>
      </c>
      <c r="LV13" s="124">
        <v>0</v>
      </c>
      <c r="LW13" s="395"/>
      <c r="LX13" s="123">
        <v>132119</v>
      </c>
      <c r="LY13" s="123">
        <v>151716</v>
      </c>
      <c r="LZ13" s="123">
        <v>0</v>
      </c>
      <c r="MA13" s="123">
        <v>666276</v>
      </c>
      <c r="MB13" s="123">
        <v>607755</v>
      </c>
      <c r="MC13" s="124">
        <v>1557866</v>
      </c>
      <c r="MD13" s="125">
        <v>1557866</v>
      </c>
      <c r="ME13" s="159">
        <v>0</v>
      </c>
      <c r="MF13" s="123">
        <v>0</v>
      </c>
      <c r="MG13" s="124">
        <v>0</v>
      </c>
      <c r="MH13" s="395"/>
      <c r="MI13" s="123">
        <v>2205346</v>
      </c>
      <c r="MJ13" s="123">
        <v>4669303</v>
      </c>
      <c r="MK13" s="123">
        <v>9449824</v>
      </c>
      <c r="ML13" s="123">
        <v>20447522</v>
      </c>
      <c r="MM13" s="123">
        <v>9255265</v>
      </c>
      <c r="MN13" s="124">
        <v>46027260</v>
      </c>
      <c r="MO13" s="160">
        <v>46027260</v>
      </c>
      <c r="MP13" s="159">
        <v>0</v>
      </c>
      <c r="MQ13" s="123">
        <v>0</v>
      </c>
      <c r="MR13" s="124">
        <v>0</v>
      </c>
      <c r="MS13" s="395"/>
      <c r="MT13" s="123">
        <v>0</v>
      </c>
      <c r="MU13" s="123">
        <v>1368677</v>
      </c>
      <c r="MV13" s="123">
        <v>5604226</v>
      </c>
      <c r="MW13" s="123">
        <v>14141280</v>
      </c>
      <c r="MX13" s="123">
        <v>6519897</v>
      </c>
      <c r="MY13" s="124">
        <v>27634080</v>
      </c>
      <c r="MZ13" s="160">
        <v>27634080</v>
      </c>
      <c r="NA13" s="159">
        <v>0</v>
      </c>
      <c r="NB13" s="123">
        <v>0</v>
      </c>
      <c r="NC13" s="124">
        <v>0</v>
      </c>
      <c r="ND13" s="395"/>
      <c r="NE13" s="123">
        <v>2205346</v>
      </c>
      <c r="NF13" s="123">
        <v>3300626</v>
      </c>
      <c r="NG13" s="123">
        <v>3845598</v>
      </c>
      <c r="NH13" s="123">
        <v>6306242</v>
      </c>
      <c r="NI13" s="123">
        <v>2735368</v>
      </c>
      <c r="NJ13" s="124">
        <v>18393180</v>
      </c>
      <c r="NK13" s="360">
        <v>18393180</v>
      </c>
      <c r="NL13" s="159">
        <v>0</v>
      </c>
      <c r="NM13" s="123">
        <v>0</v>
      </c>
      <c r="NN13" s="124">
        <v>0</v>
      </c>
      <c r="NO13" s="395"/>
      <c r="NP13" s="123">
        <v>0</v>
      </c>
      <c r="NQ13" s="123">
        <v>0</v>
      </c>
      <c r="NR13" s="123">
        <v>0</v>
      </c>
      <c r="NS13" s="123">
        <v>0</v>
      </c>
      <c r="NT13" s="123">
        <v>0</v>
      </c>
      <c r="NU13" s="124">
        <v>0</v>
      </c>
      <c r="NV13" s="125">
        <v>0</v>
      </c>
      <c r="NW13" s="159">
        <v>0</v>
      </c>
      <c r="NX13" s="123">
        <v>0</v>
      </c>
      <c r="NY13" s="124">
        <v>0</v>
      </c>
      <c r="NZ13" s="395"/>
      <c r="OA13" s="123">
        <v>0</v>
      </c>
      <c r="OB13" s="123">
        <v>0</v>
      </c>
      <c r="OC13" s="123">
        <v>0</v>
      </c>
      <c r="OD13" s="123">
        <v>0</v>
      </c>
      <c r="OE13" s="123">
        <v>0</v>
      </c>
      <c r="OF13" s="124">
        <v>0</v>
      </c>
      <c r="OG13" s="125">
        <v>0</v>
      </c>
      <c r="OH13" s="159">
        <v>1114335</v>
      </c>
      <c r="OI13" s="123">
        <v>1195526</v>
      </c>
      <c r="OJ13" s="158">
        <v>2309861</v>
      </c>
      <c r="OK13" s="122">
        <v>0</v>
      </c>
      <c r="OL13" s="123">
        <v>35495451</v>
      </c>
      <c r="OM13" s="123">
        <v>35608016</v>
      </c>
      <c r="ON13" s="123">
        <v>39422156</v>
      </c>
      <c r="OO13" s="123">
        <v>41739371</v>
      </c>
      <c r="OP13" s="123">
        <v>19996797</v>
      </c>
      <c r="OQ13" s="124">
        <v>172261791</v>
      </c>
      <c r="OR13" s="160">
        <v>174571652</v>
      </c>
    </row>
    <row r="14" spans="1:408" ht="20.25" customHeight="1" x14ac:dyDescent="0.2">
      <c r="A14" s="130" t="s">
        <v>8</v>
      </c>
      <c r="B14" s="113">
        <v>891559</v>
      </c>
      <c r="C14" s="117">
        <v>1094933</v>
      </c>
      <c r="D14" s="116">
        <v>1986492</v>
      </c>
      <c r="E14" s="112">
        <v>0</v>
      </c>
      <c r="F14" s="117">
        <v>6212146</v>
      </c>
      <c r="G14" s="117">
        <v>9369076</v>
      </c>
      <c r="H14" s="117">
        <v>7956609</v>
      </c>
      <c r="I14" s="117">
        <v>5993769</v>
      </c>
      <c r="J14" s="117">
        <v>5503147</v>
      </c>
      <c r="K14" s="112">
        <v>35034747</v>
      </c>
      <c r="L14" s="119">
        <v>37021239</v>
      </c>
      <c r="M14" s="113">
        <v>192326</v>
      </c>
      <c r="N14" s="117">
        <v>275914</v>
      </c>
      <c r="O14" s="116">
        <v>468240</v>
      </c>
      <c r="P14" s="113">
        <v>0</v>
      </c>
      <c r="Q14" s="117">
        <v>1890510</v>
      </c>
      <c r="R14" s="117">
        <v>2931397</v>
      </c>
      <c r="S14" s="117">
        <v>3553686</v>
      </c>
      <c r="T14" s="117">
        <v>1999562</v>
      </c>
      <c r="U14" s="117">
        <v>3054497</v>
      </c>
      <c r="V14" s="116">
        <v>13429652</v>
      </c>
      <c r="W14" s="119">
        <v>13897892</v>
      </c>
      <c r="X14" s="113">
        <v>0</v>
      </c>
      <c r="Y14" s="117">
        <v>0</v>
      </c>
      <c r="Z14" s="116">
        <v>0</v>
      </c>
      <c r="AA14" s="113">
        <v>0</v>
      </c>
      <c r="AB14" s="117">
        <v>851283</v>
      </c>
      <c r="AC14" s="117">
        <v>1408213</v>
      </c>
      <c r="AD14" s="117">
        <v>2184842</v>
      </c>
      <c r="AE14" s="117">
        <v>581990</v>
      </c>
      <c r="AF14" s="117">
        <v>2107959</v>
      </c>
      <c r="AG14" s="116">
        <v>7134287</v>
      </c>
      <c r="AH14" s="119">
        <v>7134287</v>
      </c>
      <c r="AI14" s="113">
        <v>0</v>
      </c>
      <c r="AJ14" s="117">
        <v>0</v>
      </c>
      <c r="AK14" s="116">
        <v>0</v>
      </c>
      <c r="AL14" s="113">
        <v>0</v>
      </c>
      <c r="AM14" s="117">
        <v>0</v>
      </c>
      <c r="AN14" s="117">
        <v>46292</v>
      </c>
      <c r="AO14" s="117">
        <v>46292</v>
      </c>
      <c r="AP14" s="117">
        <v>284815</v>
      </c>
      <c r="AQ14" s="117">
        <v>376670</v>
      </c>
      <c r="AR14" s="116">
        <v>754069</v>
      </c>
      <c r="AS14" s="119">
        <v>754069</v>
      </c>
      <c r="AT14" s="113">
        <v>76678</v>
      </c>
      <c r="AU14" s="117">
        <v>136757</v>
      </c>
      <c r="AV14" s="116">
        <v>213435</v>
      </c>
      <c r="AW14" s="113">
        <v>0</v>
      </c>
      <c r="AX14" s="117">
        <v>636182</v>
      </c>
      <c r="AY14" s="117">
        <v>859922</v>
      </c>
      <c r="AZ14" s="117">
        <v>697914</v>
      </c>
      <c r="BA14" s="117">
        <v>524259</v>
      </c>
      <c r="BB14" s="117">
        <v>277953</v>
      </c>
      <c r="BC14" s="116">
        <v>2996230</v>
      </c>
      <c r="BD14" s="119">
        <v>3209665</v>
      </c>
      <c r="BE14" s="113">
        <v>0</v>
      </c>
      <c r="BF14" s="117">
        <v>47549</v>
      </c>
      <c r="BG14" s="115">
        <v>47549</v>
      </c>
      <c r="BH14" s="114">
        <v>0</v>
      </c>
      <c r="BI14" s="117">
        <v>26061</v>
      </c>
      <c r="BJ14" s="117">
        <v>200074</v>
      </c>
      <c r="BK14" s="117">
        <v>355302</v>
      </c>
      <c r="BL14" s="117">
        <v>162530</v>
      </c>
      <c r="BM14" s="117">
        <v>20931</v>
      </c>
      <c r="BN14" s="116">
        <v>764898</v>
      </c>
      <c r="BO14" s="119">
        <v>812447</v>
      </c>
      <c r="BP14" s="113">
        <v>115648</v>
      </c>
      <c r="BQ14" s="117">
        <v>91608</v>
      </c>
      <c r="BR14" s="116">
        <v>207256</v>
      </c>
      <c r="BS14" s="113">
        <v>0</v>
      </c>
      <c r="BT14" s="117">
        <v>376984</v>
      </c>
      <c r="BU14" s="117">
        <v>416896</v>
      </c>
      <c r="BV14" s="117">
        <v>269336</v>
      </c>
      <c r="BW14" s="117">
        <v>445968</v>
      </c>
      <c r="BX14" s="117">
        <v>270984</v>
      </c>
      <c r="BY14" s="116">
        <v>1780168</v>
      </c>
      <c r="BZ14" s="119">
        <v>1987424</v>
      </c>
      <c r="CA14" s="113">
        <v>141974</v>
      </c>
      <c r="CB14" s="117">
        <v>73452</v>
      </c>
      <c r="CC14" s="116">
        <v>215426</v>
      </c>
      <c r="CD14" s="113">
        <v>0</v>
      </c>
      <c r="CE14" s="117">
        <v>1865263</v>
      </c>
      <c r="CF14" s="117">
        <v>3436606</v>
      </c>
      <c r="CG14" s="117">
        <v>1909757</v>
      </c>
      <c r="CH14" s="117">
        <v>867653</v>
      </c>
      <c r="CI14" s="117">
        <v>985596</v>
      </c>
      <c r="CJ14" s="116">
        <v>9064875</v>
      </c>
      <c r="CK14" s="119">
        <v>9280301</v>
      </c>
      <c r="CL14" s="113">
        <v>0</v>
      </c>
      <c r="CM14" s="117">
        <v>0</v>
      </c>
      <c r="CN14" s="116">
        <v>0</v>
      </c>
      <c r="CO14" s="114">
        <v>0</v>
      </c>
      <c r="CP14" s="117">
        <v>1681729</v>
      </c>
      <c r="CQ14" s="117">
        <v>2741127</v>
      </c>
      <c r="CR14" s="117">
        <v>1327824</v>
      </c>
      <c r="CS14" s="117">
        <v>607623</v>
      </c>
      <c r="CT14" s="117">
        <v>825768</v>
      </c>
      <c r="CU14" s="116">
        <v>7184071</v>
      </c>
      <c r="CV14" s="119">
        <v>7184071</v>
      </c>
      <c r="CW14" s="113">
        <v>141974</v>
      </c>
      <c r="CX14" s="117">
        <v>73452</v>
      </c>
      <c r="CY14" s="116">
        <v>215426</v>
      </c>
      <c r="CZ14" s="113">
        <v>0</v>
      </c>
      <c r="DA14" s="117">
        <v>183534</v>
      </c>
      <c r="DB14" s="117">
        <v>695479</v>
      </c>
      <c r="DC14" s="117">
        <v>581933</v>
      </c>
      <c r="DD14" s="117">
        <v>260030</v>
      </c>
      <c r="DE14" s="117">
        <v>159828</v>
      </c>
      <c r="DF14" s="116">
        <v>1880804</v>
      </c>
      <c r="DG14" s="119">
        <v>2096230</v>
      </c>
      <c r="DH14" s="113">
        <v>0</v>
      </c>
      <c r="DI14" s="117">
        <v>0</v>
      </c>
      <c r="DJ14" s="115">
        <v>0</v>
      </c>
      <c r="DK14" s="114">
        <v>0</v>
      </c>
      <c r="DL14" s="117">
        <v>198181</v>
      </c>
      <c r="DM14" s="117">
        <v>376293</v>
      </c>
      <c r="DN14" s="117">
        <v>876382</v>
      </c>
      <c r="DO14" s="117">
        <v>322789</v>
      </c>
      <c r="DP14" s="117">
        <v>74043</v>
      </c>
      <c r="DQ14" s="116">
        <v>1847688</v>
      </c>
      <c r="DR14" s="119">
        <v>1847688</v>
      </c>
      <c r="DS14" s="113">
        <v>0</v>
      </c>
      <c r="DT14" s="117">
        <v>0</v>
      </c>
      <c r="DU14" s="116">
        <v>0</v>
      </c>
      <c r="DV14" s="113">
        <v>0</v>
      </c>
      <c r="DW14" s="117">
        <v>198181</v>
      </c>
      <c r="DX14" s="117">
        <v>376293</v>
      </c>
      <c r="DY14" s="117">
        <v>763757</v>
      </c>
      <c r="DZ14" s="117">
        <v>322789</v>
      </c>
      <c r="EA14" s="117">
        <v>74043</v>
      </c>
      <c r="EB14" s="116">
        <v>1735063</v>
      </c>
      <c r="EC14" s="119">
        <v>1735063</v>
      </c>
      <c r="ED14" s="113">
        <v>0</v>
      </c>
      <c r="EE14" s="115">
        <v>0</v>
      </c>
      <c r="EF14" s="116">
        <v>0</v>
      </c>
      <c r="EG14" s="113">
        <v>0</v>
      </c>
      <c r="EH14" s="117">
        <v>0</v>
      </c>
      <c r="EI14" s="117">
        <v>0</v>
      </c>
      <c r="EJ14" s="117">
        <v>112625</v>
      </c>
      <c r="EK14" s="117">
        <v>0</v>
      </c>
      <c r="EL14" s="117">
        <v>0</v>
      </c>
      <c r="EM14" s="115">
        <v>112625</v>
      </c>
      <c r="EN14" s="119">
        <v>112625</v>
      </c>
      <c r="EO14" s="113">
        <v>0</v>
      </c>
      <c r="EP14" s="117">
        <v>0</v>
      </c>
      <c r="EQ14" s="115">
        <v>0</v>
      </c>
      <c r="ER14" s="114">
        <v>0</v>
      </c>
      <c r="ES14" s="117">
        <v>0</v>
      </c>
      <c r="ET14" s="117">
        <v>0</v>
      </c>
      <c r="EU14" s="117">
        <v>0</v>
      </c>
      <c r="EV14" s="117">
        <v>0</v>
      </c>
      <c r="EW14" s="117">
        <v>0</v>
      </c>
      <c r="EX14" s="116">
        <v>0</v>
      </c>
      <c r="EY14" s="119">
        <v>0</v>
      </c>
      <c r="EZ14" s="113">
        <v>0</v>
      </c>
      <c r="FA14" s="117">
        <v>0</v>
      </c>
      <c r="FB14" s="115">
        <v>0</v>
      </c>
      <c r="FC14" s="395"/>
      <c r="FD14" s="117">
        <v>0</v>
      </c>
      <c r="FE14" s="117">
        <v>0</v>
      </c>
      <c r="FF14" s="117">
        <v>0</v>
      </c>
      <c r="FG14" s="117">
        <v>0</v>
      </c>
      <c r="FH14" s="117">
        <v>0</v>
      </c>
      <c r="FI14" s="116">
        <v>0</v>
      </c>
      <c r="FJ14" s="119">
        <v>0</v>
      </c>
      <c r="FK14" s="113">
        <v>275888</v>
      </c>
      <c r="FL14" s="117">
        <v>110320</v>
      </c>
      <c r="FM14" s="116">
        <v>386208</v>
      </c>
      <c r="FN14" s="113">
        <v>0</v>
      </c>
      <c r="FO14" s="117">
        <v>382672</v>
      </c>
      <c r="FP14" s="117">
        <v>894952</v>
      </c>
      <c r="FQ14" s="117">
        <v>827904</v>
      </c>
      <c r="FR14" s="117">
        <v>590232</v>
      </c>
      <c r="FS14" s="117">
        <v>341568</v>
      </c>
      <c r="FT14" s="116">
        <v>3037328</v>
      </c>
      <c r="FU14" s="119">
        <v>3423536</v>
      </c>
      <c r="FV14" s="118">
        <v>115888</v>
      </c>
      <c r="FW14" s="117">
        <v>59920</v>
      </c>
      <c r="FX14" s="115">
        <v>175808</v>
      </c>
      <c r="FY14" s="114">
        <v>0</v>
      </c>
      <c r="FZ14" s="117">
        <v>320784</v>
      </c>
      <c r="GA14" s="117">
        <v>894952</v>
      </c>
      <c r="GB14" s="117">
        <v>684904</v>
      </c>
      <c r="GC14" s="117">
        <v>562552</v>
      </c>
      <c r="GD14" s="117">
        <v>341568</v>
      </c>
      <c r="GE14" s="116">
        <v>2804760</v>
      </c>
      <c r="GF14" s="357">
        <v>2980568</v>
      </c>
      <c r="GG14" s="118">
        <v>0</v>
      </c>
      <c r="GH14" s="117">
        <v>0</v>
      </c>
      <c r="GI14" s="115">
        <v>0</v>
      </c>
      <c r="GJ14" s="114">
        <v>0</v>
      </c>
      <c r="GK14" s="117">
        <v>15488</v>
      </c>
      <c r="GL14" s="117">
        <v>0</v>
      </c>
      <c r="GM14" s="117">
        <v>19008</v>
      </c>
      <c r="GN14" s="117">
        <v>27680</v>
      </c>
      <c r="GO14" s="117">
        <v>0</v>
      </c>
      <c r="GP14" s="116">
        <v>62176</v>
      </c>
      <c r="GQ14" s="119">
        <v>62176</v>
      </c>
      <c r="GR14" s="113">
        <v>160000</v>
      </c>
      <c r="GS14" s="117">
        <v>50400</v>
      </c>
      <c r="GT14" s="116">
        <v>210400</v>
      </c>
      <c r="GU14" s="113">
        <v>0</v>
      </c>
      <c r="GV14" s="117">
        <v>46400</v>
      </c>
      <c r="GW14" s="117">
        <v>0</v>
      </c>
      <c r="GX14" s="117">
        <v>123992</v>
      </c>
      <c r="GY14" s="117">
        <v>0</v>
      </c>
      <c r="GZ14" s="117">
        <v>0</v>
      </c>
      <c r="HA14" s="115">
        <v>170392</v>
      </c>
      <c r="HB14" s="119">
        <v>380792</v>
      </c>
      <c r="HC14" s="113">
        <v>281371</v>
      </c>
      <c r="HD14" s="117">
        <v>635247</v>
      </c>
      <c r="HE14" s="115">
        <v>916618</v>
      </c>
      <c r="HF14" s="114">
        <v>0</v>
      </c>
      <c r="HG14" s="117">
        <v>1875520</v>
      </c>
      <c r="HH14" s="117">
        <v>1729828</v>
      </c>
      <c r="HI14" s="117">
        <v>788880</v>
      </c>
      <c r="HJ14" s="117">
        <v>2213533</v>
      </c>
      <c r="HK14" s="117">
        <v>1047443</v>
      </c>
      <c r="HL14" s="116">
        <v>7655204</v>
      </c>
      <c r="HM14" s="112">
        <v>8571822</v>
      </c>
      <c r="HN14" s="395"/>
      <c r="HO14" s="395"/>
      <c r="HP14" s="395"/>
      <c r="HQ14" s="395"/>
      <c r="HR14" s="395"/>
      <c r="HS14" s="395"/>
      <c r="HT14" s="395"/>
      <c r="HU14" s="395"/>
      <c r="HV14" s="395"/>
      <c r="HW14" s="395"/>
      <c r="HX14" s="395"/>
      <c r="HY14" s="148">
        <v>48251</v>
      </c>
      <c r="HZ14" s="149">
        <v>0</v>
      </c>
      <c r="IA14" s="150">
        <v>48251</v>
      </c>
      <c r="IB14" s="151">
        <v>0</v>
      </c>
      <c r="IC14" s="152">
        <v>3572304</v>
      </c>
      <c r="ID14" s="153">
        <v>3694370</v>
      </c>
      <c r="IE14" s="154">
        <v>2413229</v>
      </c>
      <c r="IF14" s="152">
        <v>2840823</v>
      </c>
      <c r="IG14" s="154">
        <v>508999</v>
      </c>
      <c r="IH14" s="155">
        <v>13029725</v>
      </c>
      <c r="II14" s="156">
        <v>13077976</v>
      </c>
      <c r="IJ14" s="259">
        <v>0</v>
      </c>
      <c r="IK14" s="266">
        <v>0</v>
      </c>
      <c r="IL14" s="267">
        <v>0</v>
      </c>
      <c r="IM14" s="395"/>
      <c r="IN14" s="123">
        <v>176660</v>
      </c>
      <c r="IO14" s="123">
        <v>0</v>
      </c>
      <c r="IP14" s="123">
        <v>0</v>
      </c>
      <c r="IQ14" s="123">
        <v>0</v>
      </c>
      <c r="IR14" s="123">
        <v>0</v>
      </c>
      <c r="IS14" s="158">
        <v>176660</v>
      </c>
      <c r="IT14" s="360">
        <v>176660</v>
      </c>
      <c r="IU14" s="159">
        <v>0</v>
      </c>
      <c r="IV14" s="123">
        <v>0</v>
      </c>
      <c r="IW14" s="124">
        <v>0</v>
      </c>
      <c r="IX14" s="395"/>
      <c r="IY14" s="123">
        <v>0</v>
      </c>
      <c r="IZ14" s="123">
        <v>0</v>
      </c>
      <c r="JA14" s="123">
        <v>0</v>
      </c>
      <c r="JB14" s="123">
        <v>0</v>
      </c>
      <c r="JC14" s="123">
        <v>53431</v>
      </c>
      <c r="JD14" s="124">
        <v>53431</v>
      </c>
      <c r="JE14" s="125">
        <v>53431</v>
      </c>
      <c r="JF14" s="159">
        <v>0</v>
      </c>
      <c r="JG14" s="123">
        <v>0</v>
      </c>
      <c r="JH14" s="158">
        <v>0</v>
      </c>
      <c r="JI14" s="122">
        <v>0</v>
      </c>
      <c r="JJ14" s="123">
        <v>1555734</v>
      </c>
      <c r="JK14" s="123">
        <v>1554589</v>
      </c>
      <c r="JL14" s="123">
        <v>727405</v>
      </c>
      <c r="JM14" s="123">
        <v>631084</v>
      </c>
      <c r="JN14" s="123">
        <v>195690</v>
      </c>
      <c r="JO14" s="124">
        <v>4664502</v>
      </c>
      <c r="JP14" s="360">
        <v>4664502</v>
      </c>
      <c r="JQ14" s="159">
        <v>0</v>
      </c>
      <c r="JR14" s="123">
        <v>0</v>
      </c>
      <c r="JS14" s="158">
        <v>0</v>
      </c>
      <c r="JT14" s="122">
        <v>0</v>
      </c>
      <c r="JU14" s="123">
        <v>0</v>
      </c>
      <c r="JV14" s="123">
        <v>0</v>
      </c>
      <c r="JW14" s="123">
        <v>0</v>
      </c>
      <c r="JX14" s="123">
        <v>0</v>
      </c>
      <c r="JY14" s="123">
        <v>0</v>
      </c>
      <c r="JZ14" s="124">
        <v>0</v>
      </c>
      <c r="KA14" s="360">
        <v>0</v>
      </c>
      <c r="KB14" s="262">
        <v>48251</v>
      </c>
      <c r="KC14" s="256">
        <v>0</v>
      </c>
      <c r="KD14" s="124">
        <v>48251</v>
      </c>
      <c r="KE14" s="122">
        <v>0</v>
      </c>
      <c r="KF14" s="123">
        <v>838660</v>
      </c>
      <c r="KG14" s="123">
        <v>1191023</v>
      </c>
      <c r="KH14" s="123">
        <v>218908</v>
      </c>
      <c r="KI14" s="123">
        <v>265732</v>
      </c>
      <c r="KJ14" s="123">
        <v>0</v>
      </c>
      <c r="KK14" s="124">
        <v>2514323</v>
      </c>
      <c r="KL14" s="160">
        <v>2562574</v>
      </c>
      <c r="KM14" s="259">
        <v>0</v>
      </c>
      <c r="KN14" s="266">
        <v>0</v>
      </c>
      <c r="KO14" s="267">
        <v>0</v>
      </c>
      <c r="KP14" s="395"/>
      <c r="KQ14" s="123">
        <v>699538</v>
      </c>
      <c r="KR14" s="123">
        <v>729791</v>
      </c>
      <c r="KS14" s="123">
        <v>1241531</v>
      </c>
      <c r="KT14" s="123">
        <v>765131</v>
      </c>
      <c r="KU14" s="123">
        <v>259878</v>
      </c>
      <c r="KV14" s="124">
        <v>3695869</v>
      </c>
      <c r="KW14" s="360">
        <v>3695869</v>
      </c>
      <c r="KX14" s="159">
        <v>0</v>
      </c>
      <c r="KY14" s="123">
        <v>0</v>
      </c>
      <c r="KZ14" s="124">
        <v>0</v>
      </c>
      <c r="LA14" s="395"/>
      <c r="LB14" s="123">
        <v>0</v>
      </c>
      <c r="LC14" s="123">
        <v>0</v>
      </c>
      <c r="LD14" s="123">
        <v>0</v>
      </c>
      <c r="LE14" s="123">
        <v>854840</v>
      </c>
      <c r="LF14" s="123">
        <v>0</v>
      </c>
      <c r="LG14" s="124">
        <v>854840</v>
      </c>
      <c r="LH14" s="125">
        <v>854840</v>
      </c>
      <c r="LI14" s="159">
        <v>0</v>
      </c>
      <c r="LJ14" s="123">
        <v>0</v>
      </c>
      <c r="LK14" s="124">
        <v>0</v>
      </c>
      <c r="LL14" s="395"/>
      <c r="LM14" s="123">
        <v>0</v>
      </c>
      <c r="LN14" s="123">
        <v>0</v>
      </c>
      <c r="LO14" s="123">
        <v>225385</v>
      </c>
      <c r="LP14" s="123">
        <v>0</v>
      </c>
      <c r="LQ14" s="123">
        <v>0</v>
      </c>
      <c r="LR14" s="124">
        <v>225385</v>
      </c>
      <c r="LS14" s="360">
        <v>225385</v>
      </c>
      <c r="LT14" s="159">
        <v>0</v>
      </c>
      <c r="LU14" s="123">
        <v>0</v>
      </c>
      <c r="LV14" s="124">
        <v>0</v>
      </c>
      <c r="LW14" s="395"/>
      <c r="LX14" s="123">
        <v>301712</v>
      </c>
      <c r="LY14" s="123">
        <v>218967</v>
      </c>
      <c r="LZ14" s="123">
        <v>0</v>
      </c>
      <c r="MA14" s="123">
        <v>324036</v>
      </c>
      <c r="MB14" s="123">
        <v>0</v>
      </c>
      <c r="MC14" s="124">
        <v>844715</v>
      </c>
      <c r="MD14" s="125">
        <v>844715</v>
      </c>
      <c r="ME14" s="159">
        <v>0</v>
      </c>
      <c r="MF14" s="123">
        <v>0</v>
      </c>
      <c r="MG14" s="124">
        <v>0</v>
      </c>
      <c r="MH14" s="395"/>
      <c r="MI14" s="123">
        <v>431793</v>
      </c>
      <c r="MJ14" s="123">
        <v>1817786</v>
      </c>
      <c r="MK14" s="123">
        <v>3144534</v>
      </c>
      <c r="ML14" s="123">
        <v>5491979</v>
      </c>
      <c r="MM14" s="123">
        <v>2335446</v>
      </c>
      <c r="MN14" s="124">
        <v>13221538</v>
      </c>
      <c r="MO14" s="160">
        <v>13221538</v>
      </c>
      <c r="MP14" s="159">
        <v>0</v>
      </c>
      <c r="MQ14" s="123">
        <v>0</v>
      </c>
      <c r="MR14" s="124">
        <v>0</v>
      </c>
      <c r="MS14" s="395"/>
      <c r="MT14" s="123">
        <v>0</v>
      </c>
      <c r="MU14" s="123">
        <v>698083</v>
      </c>
      <c r="MV14" s="123">
        <v>1347494</v>
      </c>
      <c r="MW14" s="123">
        <v>2696533</v>
      </c>
      <c r="MX14" s="123">
        <v>1985622</v>
      </c>
      <c r="MY14" s="124">
        <v>6727732</v>
      </c>
      <c r="MZ14" s="160">
        <v>6727732</v>
      </c>
      <c r="NA14" s="159">
        <v>0</v>
      </c>
      <c r="NB14" s="123">
        <v>0</v>
      </c>
      <c r="NC14" s="124">
        <v>0</v>
      </c>
      <c r="ND14" s="395"/>
      <c r="NE14" s="123">
        <v>431793</v>
      </c>
      <c r="NF14" s="123">
        <v>1119703</v>
      </c>
      <c r="NG14" s="123">
        <v>1797040</v>
      </c>
      <c r="NH14" s="123">
        <v>2494366</v>
      </c>
      <c r="NI14" s="123">
        <v>349824</v>
      </c>
      <c r="NJ14" s="124">
        <v>6192726</v>
      </c>
      <c r="NK14" s="360">
        <v>6192726</v>
      </c>
      <c r="NL14" s="159">
        <v>0</v>
      </c>
      <c r="NM14" s="123">
        <v>0</v>
      </c>
      <c r="NN14" s="124">
        <v>0</v>
      </c>
      <c r="NO14" s="395"/>
      <c r="NP14" s="123">
        <v>0</v>
      </c>
      <c r="NQ14" s="123">
        <v>0</v>
      </c>
      <c r="NR14" s="123">
        <v>0</v>
      </c>
      <c r="NS14" s="123">
        <v>0</v>
      </c>
      <c r="NT14" s="123">
        <v>0</v>
      </c>
      <c r="NU14" s="124">
        <v>0</v>
      </c>
      <c r="NV14" s="125">
        <v>0</v>
      </c>
      <c r="NW14" s="159">
        <v>0</v>
      </c>
      <c r="NX14" s="123">
        <v>0</v>
      </c>
      <c r="NY14" s="124">
        <v>0</v>
      </c>
      <c r="NZ14" s="395"/>
      <c r="OA14" s="123">
        <v>0</v>
      </c>
      <c r="OB14" s="123">
        <v>0</v>
      </c>
      <c r="OC14" s="123">
        <v>0</v>
      </c>
      <c r="OD14" s="123">
        <v>301080</v>
      </c>
      <c r="OE14" s="123">
        <v>0</v>
      </c>
      <c r="OF14" s="124">
        <v>301080</v>
      </c>
      <c r="OG14" s="125">
        <v>301080</v>
      </c>
      <c r="OH14" s="159">
        <v>939810</v>
      </c>
      <c r="OI14" s="123">
        <v>1094933</v>
      </c>
      <c r="OJ14" s="158">
        <v>2034743</v>
      </c>
      <c r="OK14" s="122">
        <v>0</v>
      </c>
      <c r="OL14" s="123">
        <v>10216243</v>
      </c>
      <c r="OM14" s="123">
        <v>14881232</v>
      </c>
      <c r="ON14" s="123">
        <v>13514372</v>
      </c>
      <c r="OO14" s="123">
        <v>14326571</v>
      </c>
      <c r="OP14" s="123">
        <v>8347592</v>
      </c>
      <c r="OQ14" s="124">
        <v>61286010</v>
      </c>
      <c r="OR14" s="160">
        <v>63320753</v>
      </c>
    </row>
    <row r="15" spans="1:408" ht="20.25" customHeight="1" x14ac:dyDescent="0.2">
      <c r="A15" s="130" t="s">
        <v>9</v>
      </c>
      <c r="B15" s="113">
        <v>1148094</v>
      </c>
      <c r="C15" s="117">
        <v>1161080</v>
      </c>
      <c r="D15" s="116">
        <v>2309174</v>
      </c>
      <c r="E15" s="114">
        <v>0</v>
      </c>
      <c r="F15" s="117">
        <v>11266067</v>
      </c>
      <c r="G15" s="117">
        <v>13303746</v>
      </c>
      <c r="H15" s="117">
        <v>11754105</v>
      </c>
      <c r="I15" s="117">
        <v>11247473</v>
      </c>
      <c r="J15" s="117">
        <v>9087205</v>
      </c>
      <c r="K15" s="112">
        <v>56658596</v>
      </c>
      <c r="L15" s="119">
        <v>58967770</v>
      </c>
      <c r="M15" s="113">
        <v>248555</v>
      </c>
      <c r="N15" s="117">
        <v>306416</v>
      </c>
      <c r="O15" s="116">
        <v>554971</v>
      </c>
      <c r="P15" s="113">
        <v>0</v>
      </c>
      <c r="Q15" s="117">
        <v>3619062</v>
      </c>
      <c r="R15" s="117">
        <v>4840767</v>
      </c>
      <c r="S15" s="117">
        <v>4474893</v>
      </c>
      <c r="T15" s="117">
        <v>5471070</v>
      </c>
      <c r="U15" s="117">
        <v>4088322</v>
      </c>
      <c r="V15" s="116">
        <v>22494114</v>
      </c>
      <c r="W15" s="119">
        <v>23049085</v>
      </c>
      <c r="X15" s="113">
        <v>0</v>
      </c>
      <c r="Y15" s="117">
        <v>0</v>
      </c>
      <c r="Z15" s="116">
        <v>0</v>
      </c>
      <c r="AA15" s="113">
        <v>0</v>
      </c>
      <c r="AB15" s="117">
        <v>1378280</v>
      </c>
      <c r="AC15" s="117">
        <v>2690345</v>
      </c>
      <c r="AD15" s="117">
        <v>2415602</v>
      </c>
      <c r="AE15" s="117">
        <v>3376687</v>
      </c>
      <c r="AF15" s="117">
        <v>2315956</v>
      </c>
      <c r="AG15" s="116">
        <v>12176870</v>
      </c>
      <c r="AH15" s="119">
        <v>12176870</v>
      </c>
      <c r="AI15" s="113">
        <v>0</v>
      </c>
      <c r="AJ15" s="117">
        <v>0</v>
      </c>
      <c r="AK15" s="116">
        <v>0</v>
      </c>
      <c r="AL15" s="113">
        <v>0</v>
      </c>
      <c r="AM15" s="117">
        <v>13852</v>
      </c>
      <c r="AN15" s="117">
        <v>0</v>
      </c>
      <c r="AO15" s="117">
        <v>58622</v>
      </c>
      <c r="AP15" s="117">
        <v>297172</v>
      </c>
      <c r="AQ15" s="117">
        <v>214218</v>
      </c>
      <c r="AR15" s="116">
        <v>583864</v>
      </c>
      <c r="AS15" s="119">
        <v>583864</v>
      </c>
      <c r="AT15" s="113">
        <v>17008</v>
      </c>
      <c r="AU15" s="117">
        <v>193738</v>
      </c>
      <c r="AV15" s="116">
        <v>210746</v>
      </c>
      <c r="AW15" s="113">
        <v>0</v>
      </c>
      <c r="AX15" s="117">
        <v>1456276</v>
      </c>
      <c r="AY15" s="117">
        <v>1315142</v>
      </c>
      <c r="AZ15" s="117">
        <v>971117</v>
      </c>
      <c r="BA15" s="117">
        <v>1065838</v>
      </c>
      <c r="BB15" s="117">
        <v>881477</v>
      </c>
      <c r="BC15" s="116">
        <v>5689850</v>
      </c>
      <c r="BD15" s="119">
        <v>5900596</v>
      </c>
      <c r="BE15" s="113">
        <v>48811</v>
      </c>
      <c r="BF15" s="117">
        <v>18982</v>
      </c>
      <c r="BG15" s="115">
        <v>67793</v>
      </c>
      <c r="BH15" s="114">
        <v>0</v>
      </c>
      <c r="BI15" s="117">
        <v>24406</v>
      </c>
      <c r="BJ15" s="117">
        <v>255224</v>
      </c>
      <c r="BK15" s="117">
        <v>96360</v>
      </c>
      <c r="BL15" s="117">
        <v>166893</v>
      </c>
      <c r="BM15" s="117">
        <v>173935</v>
      </c>
      <c r="BN15" s="116">
        <v>716818</v>
      </c>
      <c r="BO15" s="119">
        <v>784611</v>
      </c>
      <c r="BP15" s="113">
        <v>182736</v>
      </c>
      <c r="BQ15" s="117">
        <v>93696</v>
      </c>
      <c r="BR15" s="116">
        <v>276432</v>
      </c>
      <c r="BS15" s="113">
        <v>0</v>
      </c>
      <c r="BT15" s="117">
        <v>746248</v>
      </c>
      <c r="BU15" s="117">
        <v>580056</v>
      </c>
      <c r="BV15" s="117">
        <v>933192</v>
      </c>
      <c r="BW15" s="117">
        <v>564480</v>
      </c>
      <c r="BX15" s="117">
        <v>502736</v>
      </c>
      <c r="BY15" s="116">
        <v>3326712</v>
      </c>
      <c r="BZ15" s="119">
        <v>3603144</v>
      </c>
      <c r="CA15" s="113">
        <v>62989</v>
      </c>
      <c r="CB15" s="117">
        <v>116293</v>
      </c>
      <c r="CC15" s="116">
        <v>179282</v>
      </c>
      <c r="CD15" s="113">
        <v>0</v>
      </c>
      <c r="CE15" s="117">
        <v>3205301</v>
      </c>
      <c r="CF15" s="117">
        <v>3808576</v>
      </c>
      <c r="CG15" s="117">
        <v>3079561</v>
      </c>
      <c r="CH15" s="117">
        <v>1918870</v>
      </c>
      <c r="CI15" s="117">
        <v>1108772</v>
      </c>
      <c r="CJ15" s="116">
        <v>13121080</v>
      </c>
      <c r="CK15" s="119">
        <v>13300362</v>
      </c>
      <c r="CL15" s="113">
        <v>0</v>
      </c>
      <c r="CM15" s="117">
        <v>0</v>
      </c>
      <c r="CN15" s="116">
        <v>0</v>
      </c>
      <c r="CO15" s="114">
        <v>0</v>
      </c>
      <c r="CP15" s="117">
        <v>2455974</v>
      </c>
      <c r="CQ15" s="117">
        <v>2736829</v>
      </c>
      <c r="CR15" s="117">
        <v>2391265</v>
      </c>
      <c r="CS15" s="117">
        <v>1308178</v>
      </c>
      <c r="CT15" s="117">
        <v>894572</v>
      </c>
      <c r="CU15" s="116">
        <v>9786818</v>
      </c>
      <c r="CV15" s="119">
        <v>9786818</v>
      </c>
      <c r="CW15" s="113">
        <v>62989</v>
      </c>
      <c r="CX15" s="117">
        <v>116293</v>
      </c>
      <c r="CY15" s="116">
        <v>179282</v>
      </c>
      <c r="CZ15" s="113">
        <v>0</v>
      </c>
      <c r="DA15" s="117">
        <v>749327</v>
      </c>
      <c r="DB15" s="117">
        <v>1071747</v>
      </c>
      <c r="DC15" s="117">
        <v>688296</v>
      </c>
      <c r="DD15" s="117">
        <v>610692</v>
      </c>
      <c r="DE15" s="117">
        <v>214200</v>
      </c>
      <c r="DF15" s="116">
        <v>3334262</v>
      </c>
      <c r="DG15" s="119">
        <v>3513544</v>
      </c>
      <c r="DH15" s="113">
        <v>0</v>
      </c>
      <c r="DI15" s="117">
        <v>0</v>
      </c>
      <c r="DJ15" s="115">
        <v>0</v>
      </c>
      <c r="DK15" s="114">
        <v>0</v>
      </c>
      <c r="DL15" s="117">
        <v>341590</v>
      </c>
      <c r="DM15" s="117">
        <v>638762</v>
      </c>
      <c r="DN15" s="117">
        <v>836890</v>
      </c>
      <c r="DO15" s="117">
        <v>572125</v>
      </c>
      <c r="DP15" s="117">
        <v>465481</v>
      </c>
      <c r="DQ15" s="116">
        <v>2854848</v>
      </c>
      <c r="DR15" s="119">
        <v>2854848</v>
      </c>
      <c r="DS15" s="113">
        <v>0</v>
      </c>
      <c r="DT15" s="117">
        <v>0</v>
      </c>
      <c r="DU15" s="116">
        <v>0</v>
      </c>
      <c r="DV15" s="113">
        <v>0</v>
      </c>
      <c r="DW15" s="117">
        <v>289866</v>
      </c>
      <c r="DX15" s="117">
        <v>461578</v>
      </c>
      <c r="DY15" s="117">
        <v>799459</v>
      </c>
      <c r="DZ15" s="117">
        <v>572125</v>
      </c>
      <c r="EA15" s="117">
        <v>465481</v>
      </c>
      <c r="EB15" s="116">
        <v>2588509</v>
      </c>
      <c r="EC15" s="119">
        <v>2588509</v>
      </c>
      <c r="ED15" s="113">
        <v>0</v>
      </c>
      <c r="EE15" s="115">
        <v>0</v>
      </c>
      <c r="EF15" s="116">
        <v>0</v>
      </c>
      <c r="EG15" s="113">
        <v>0</v>
      </c>
      <c r="EH15" s="117">
        <v>51724</v>
      </c>
      <c r="EI15" s="117">
        <v>177184</v>
      </c>
      <c r="EJ15" s="117">
        <v>37431</v>
      </c>
      <c r="EK15" s="117">
        <v>0</v>
      </c>
      <c r="EL15" s="117">
        <v>0</v>
      </c>
      <c r="EM15" s="115">
        <v>266339</v>
      </c>
      <c r="EN15" s="119">
        <v>266339</v>
      </c>
      <c r="EO15" s="113">
        <v>0</v>
      </c>
      <c r="EP15" s="117">
        <v>0</v>
      </c>
      <c r="EQ15" s="115">
        <v>0</v>
      </c>
      <c r="ER15" s="114">
        <v>0</v>
      </c>
      <c r="ES15" s="117">
        <v>0</v>
      </c>
      <c r="ET15" s="117">
        <v>0</v>
      </c>
      <c r="EU15" s="117">
        <v>0</v>
      </c>
      <c r="EV15" s="117">
        <v>0</v>
      </c>
      <c r="EW15" s="117">
        <v>0</v>
      </c>
      <c r="EX15" s="116">
        <v>0</v>
      </c>
      <c r="EY15" s="119">
        <v>0</v>
      </c>
      <c r="EZ15" s="113">
        <v>0</v>
      </c>
      <c r="FA15" s="117">
        <v>0</v>
      </c>
      <c r="FB15" s="115">
        <v>0</v>
      </c>
      <c r="FC15" s="395"/>
      <c r="FD15" s="117">
        <v>0</v>
      </c>
      <c r="FE15" s="117">
        <v>0</v>
      </c>
      <c r="FF15" s="117">
        <v>0</v>
      </c>
      <c r="FG15" s="117">
        <v>0</v>
      </c>
      <c r="FH15" s="117">
        <v>0</v>
      </c>
      <c r="FI15" s="116">
        <v>0</v>
      </c>
      <c r="FJ15" s="119">
        <v>0</v>
      </c>
      <c r="FK15" s="113">
        <v>277072</v>
      </c>
      <c r="FL15" s="117">
        <v>397736</v>
      </c>
      <c r="FM15" s="116">
        <v>674808</v>
      </c>
      <c r="FN15" s="113">
        <v>0</v>
      </c>
      <c r="FO15" s="117">
        <v>770064</v>
      </c>
      <c r="FP15" s="117">
        <v>1161024</v>
      </c>
      <c r="FQ15" s="117">
        <v>815216</v>
      </c>
      <c r="FR15" s="117">
        <v>726840</v>
      </c>
      <c r="FS15" s="117">
        <v>581760</v>
      </c>
      <c r="FT15" s="116">
        <v>4054904</v>
      </c>
      <c r="FU15" s="119">
        <v>4729712</v>
      </c>
      <c r="FV15" s="118">
        <v>141872</v>
      </c>
      <c r="FW15" s="117">
        <v>160936</v>
      </c>
      <c r="FX15" s="115">
        <v>302808</v>
      </c>
      <c r="FY15" s="114">
        <v>0</v>
      </c>
      <c r="FZ15" s="117">
        <v>658064</v>
      </c>
      <c r="GA15" s="117">
        <v>1139640</v>
      </c>
      <c r="GB15" s="117">
        <v>754144</v>
      </c>
      <c r="GC15" s="117">
        <v>707640</v>
      </c>
      <c r="GD15" s="117">
        <v>581760</v>
      </c>
      <c r="GE15" s="116">
        <v>3841248</v>
      </c>
      <c r="GF15" s="357">
        <v>4144056</v>
      </c>
      <c r="GG15" s="118">
        <v>0</v>
      </c>
      <c r="GH15" s="117">
        <v>0</v>
      </c>
      <c r="GI15" s="115">
        <v>0</v>
      </c>
      <c r="GJ15" s="114">
        <v>0</v>
      </c>
      <c r="GK15" s="117">
        <v>0</v>
      </c>
      <c r="GL15" s="117">
        <v>21384</v>
      </c>
      <c r="GM15" s="117">
        <v>61072</v>
      </c>
      <c r="GN15" s="117">
        <v>0</v>
      </c>
      <c r="GO15" s="117">
        <v>0</v>
      </c>
      <c r="GP15" s="116">
        <v>82456</v>
      </c>
      <c r="GQ15" s="119">
        <v>82456</v>
      </c>
      <c r="GR15" s="113">
        <v>135200</v>
      </c>
      <c r="GS15" s="117">
        <v>236800</v>
      </c>
      <c r="GT15" s="116">
        <v>372000</v>
      </c>
      <c r="GU15" s="113">
        <v>0</v>
      </c>
      <c r="GV15" s="117">
        <v>112000</v>
      </c>
      <c r="GW15" s="117">
        <v>0</v>
      </c>
      <c r="GX15" s="117">
        <v>0</v>
      </c>
      <c r="GY15" s="117">
        <v>19200</v>
      </c>
      <c r="GZ15" s="117">
        <v>0</v>
      </c>
      <c r="HA15" s="115">
        <v>131200</v>
      </c>
      <c r="HB15" s="119">
        <v>503200</v>
      </c>
      <c r="HC15" s="113">
        <v>559478</v>
      </c>
      <c r="HD15" s="117">
        <v>340635</v>
      </c>
      <c r="HE15" s="115">
        <v>900113</v>
      </c>
      <c r="HF15" s="114">
        <v>0</v>
      </c>
      <c r="HG15" s="117">
        <v>3330050</v>
      </c>
      <c r="HH15" s="117">
        <v>2854617</v>
      </c>
      <c r="HI15" s="117">
        <v>2547545</v>
      </c>
      <c r="HJ15" s="117">
        <v>2558568</v>
      </c>
      <c r="HK15" s="117">
        <v>2842870</v>
      </c>
      <c r="HL15" s="116">
        <v>14133650</v>
      </c>
      <c r="HM15" s="112">
        <v>15033763</v>
      </c>
      <c r="HN15" s="395"/>
      <c r="HO15" s="395"/>
      <c r="HP15" s="395"/>
      <c r="HQ15" s="395"/>
      <c r="HR15" s="395"/>
      <c r="HS15" s="395"/>
      <c r="HT15" s="395"/>
      <c r="HU15" s="395"/>
      <c r="HV15" s="395"/>
      <c r="HW15" s="395"/>
      <c r="HX15" s="395"/>
      <c r="HY15" s="132">
        <v>42834</v>
      </c>
      <c r="HZ15" s="165">
        <v>0</v>
      </c>
      <c r="IA15" s="134">
        <v>42834</v>
      </c>
      <c r="IB15" s="162">
        <v>0</v>
      </c>
      <c r="IC15" s="149">
        <v>2851563</v>
      </c>
      <c r="ID15" s="163">
        <v>3134180</v>
      </c>
      <c r="IE15" s="150">
        <v>4024938</v>
      </c>
      <c r="IF15" s="149">
        <v>1521815</v>
      </c>
      <c r="IG15" s="150">
        <v>931499</v>
      </c>
      <c r="IH15" s="164">
        <v>12463995</v>
      </c>
      <c r="II15" s="138">
        <v>12506829</v>
      </c>
      <c r="IJ15" s="259">
        <v>0</v>
      </c>
      <c r="IK15" s="266">
        <v>0</v>
      </c>
      <c r="IL15" s="267">
        <v>0</v>
      </c>
      <c r="IM15" s="395"/>
      <c r="IN15" s="123">
        <v>0</v>
      </c>
      <c r="IO15" s="123">
        <v>0</v>
      </c>
      <c r="IP15" s="123">
        <v>0</v>
      </c>
      <c r="IQ15" s="123">
        <v>-241703</v>
      </c>
      <c r="IR15" s="123">
        <v>0</v>
      </c>
      <c r="IS15" s="158">
        <v>-241703</v>
      </c>
      <c r="IT15" s="360">
        <v>-241703</v>
      </c>
      <c r="IU15" s="159">
        <v>0</v>
      </c>
      <c r="IV15" s="123">
        <v>0</v>
      </c>
      <c r="IW15" s="124">
        <v>0</v>
      </c>
      <c r="IX15" s="395"/>
      <c r="IY15" s="123">
        <v>0</v>
      </c>
      <c r="IZ15" s="123">
        <v>0</v>
      </c>
      <c r="JA15" s="123">
        <v>0</v>
      </c>
      <c r="JB15" s="123">
        <v>0</v>
      </c>
      <c r="JC15" s="123">
        <v>0</v>
      </c>
      <c r="JD15" s="124">
        <v>0</v>
      </c>
      <c r="JE15" s="125">
        <v>0</v>
      </c>
      <c r="JF15" s="159">
        <v>0</v>
      </c>
      <c r="JG15" s="123">
        <v>0</v>
      </c>
      <c r="JH15" s="158">
        <v>0</v>
      </c>
      <c r="JI15" s="122">
        <v>0</v>
      </c>
      <c r="JJ15" s="123">
        <v>1708311</v>
      </c>
      <c r="JK15" s="123">
        <v>1345668</v>
      </c>
      <c r="JL15" s="123">
        <v>1102284</v>
      </c>
      <c r="JM15" s="123">
        <v>1250547</v>
      </c>
      <c r="JN15" s="123">
        <v>0</v>
      </c>
      <c r="JO15" s="124">
        <v>5406810</v>
      </c>
      <c r="JP15" s="360">
        <v>5406810</v>
      </c>
      <c r="JQ15" s="159">
        <v>0</v>
      </c>
      <c r="JR15" s="123">
        <v>0</v>
      </c>
      <c r="JS15" s="158">
        <v>0</v>
      </c>
      <c r="JT15" s="122">
        <v>0</v>
      </c>
      <c r="JU15" s="123">
        <v>33460</v>
      </c>
      <c r="JV15" s="123">
        <v>39559</v>
      </c>
      <c r="JW15" s="123">
        <v>284594</v>
      </c>
      <c r="JX15" s="123">
        <v>0</v>
      </c>
      <c r="JY15" s="123">
        <v>0</v>
      </c>
      <c r="JZ15" s="124">
        <v>357613</v>
      </c>
      <c r="KA15" s="360">
        <v>357613</v>
      </c>
      <c r="KB15" s="262">
        <v>42834</v>
      </c>
      <c r="KC15" s="256">
        <v>0</v>
      </c>
      <c r="KD15" s="124">
        <v>42834</v>
      </c>
      <c r="KE15" s="122">
        <v>0</v>
      </c>
      <c r="KF15" s="123">
        <v>234906</v>
      </c>
      <c r="KG15" s="123">
        <v>329734</v>
      </c>
      <c r="KH15" s="123">
        <v>0</v>
      </c>
      <c r="KI15" s="123">
        <v>250389</v>
      </c>
      <c r="KJ15" s="123">
        <v>161739</v>
      </c>
      <c r="KK15" s="124">
        <v>976768</v>
      </c>
      <c r="KL15" s="160">
        <v>1019602</v>
      </c>
      <c r="KM15" s="259">
        <v>0</v>
      </c>
      <c r="KN15" s="266">
        <v>0</v>
      </c>
      <c r="KO15" s="267">
        <v>0</v>
      </c>
      <c r="KP15" s="395"/>
      <c r="KQ15" s="123">
        <v>713815</v>
      </c>
      <c r="KR15" s="123">
        <v>1230572</v>
      </c>
      <c r="KS15" s="123">
        <v>1744986</v>
      </c>
      <c r="KT15" s="123">
        <v>262582</v>
      </c>
      <c r="KU15" s="123">
        <v>769760</v>
      </c>
      <c r="KV15" s="124">
        <v>4721715</v>
      </c>
      <c r="KW15" s="360">
        <v>4721715</v>
      </c>
      <c r="KX15" s="159">
        <v>0</v>
      </c>
      <c r="KY15" s="123">
        <v>0</v>
      </c>
      <c r="KZ15" s="124">
        <v>0</v>
      </c>
      <c r="LA15" s="395"/>
      <c r="LB15" s="123">
        <v>161071</v>
      </c>
      <c r="LC15" s="123">
        <v>0</v>
      </c>
      <c r="LD15" s="123">
        <v>401532</v>
      </c>
      <c r="LE15" s="123">
        <v>0</v>
      </c>
      <c r="LF15" s="123">
        <v>0</v>
      </c>
      <c r="LG15" s="124">
        <v>562603</v>
      </c>
      <c r="LH15" s="125">
        <v>562603</v>
      </c>
      <c r="LI15" s="159">
        <v>0</v>
      </c>
      <c r="LJ15" s="123">
        <v>0</v>
      </c>
      <c r="LK15" s="124">
        <v>0</v>
      </c>
      <c r="LL15" s="395"/>
      <c r="LM15" s="123">
        <v>0</v>
      </c>
      <c r="LN15" s="123">
        <v>0</v>
      </c>
      <c r="LO15" s="123">
        <v>0</v>
      </c>
      <c r="LP15" s="123">
        <v>0</v>
      </c>
      <c r="LQ15" s="123">
        <v>0</v>
      </c>
      <c r="LR15" s="124">
        <v>0</v>
      </c>
      <c r="LS15" s="360">
        <v>0</v>
      </c>
      <c r="LT15" s="159">
        <v>0</v>
      </c>
      <c r="LU15" s="123">
        <v>0</v>
      </c>
      <c r="LV15" s="124">
        <v>0</v>
      </c>
      <c r="LW15" s="395"/>
      <c r="LX15" s="123">
        <v>0</v>
      </c>
      <c r="LY15" s="123">
        <v>188647</v>
      </c>
      <c r="LZ15" s="123">
        <v>491542</v>
      </c>
      <c r="MA15" s="123">
        <v>0</v>
      </c>
      <c r="MB15" s="123">
        <v>0</v>
      </c>
      <c r="MC15" s="124">
        <v>680189</v>
      </c>
      <c r="MD15" s="125">
        <v>680189</v>
      </c>
      <c r="ME15" s="159">
        <v>0</v>
      </c>
      <c r="MF15" s="123">
        <v>0</v>
      </c>
      <c r="MG15" s="124">
        <v>0</v>
      </c>
      <c r="MH15" s="395"/>
      <c r="MI15" s="123">
        <v>553760</v>
      </c>
      <c r="MJ15" s="123">
        <v>253047</v>
      </c>
      <c r="MK15" s="123">
        <v>5830405</v>
      </c>
      <c r="ML15" s="123">
        <v>8827063</v>
      </c>
      <c r="MM15" s="123">
        <v>4568571</v>
      </c>
      <c r="MN15" s="124">
        <v>20032846</v>
      </c>
      <c r="MO15" s="160">
        <v>20032846</v>
      </c>
      <c r="MP15" s="159">
        <v>0</v>
      </c>
      <c r="MQ15" s="123">
        <v>0</v>
      </c>
      <c r="MR15" s="124">
        <v>0</v>
      </c>
      <c r="MS15" s="395"/>
      <c r="MT15" s="123">
        <v>0</v>
      </c>
      <c r="MU15" s="123">
        <v>0</v>
      </c>
      <c r="MV15" s="123">
        <v>3764114</v>
      </c>
      <c r="MW15" s="123">
        <v>5618971</v>
      </c>
      <c r="MX15" s="123">
        <v>2606485</v>
      </c>
      <c r="MY15" s="124">
        <v>11989570</v>
      </c>
      <c r="MZ15" s="160">
        <v>11989570</v>
      </c>
      <c r="NA15" s="159">
        <v>0</v>
      </c>
      <c r="NB15" s="123">
        <v>0</v>
      </c>
      <c r="NC15" s="124">
        <v>0</v>
      </c>
      <c r="ND15" s="395"/>
      <c r="NE15" s="123">
        <v>553760</v>
      </c>
      <c r="NF15" s="123">
        <v>253047</v>
      </c>
      <c r="NG15" s="123">
        <v>1741511</v>
      </c>
      <c r="NH15" s="123">
        <v>3208092</v>
      </c>
      <c r="NI15" s="123">
        <v>1596560</v>
      </c>
      <c r="NJ15" s="124">
        <v>7352970</v>
      </c>
      <c r="NK15" s="360">
        <v>7352970</v>
      </c>
      <c r="NL15" s="159">
        <v>0</v>
      </c>
      <c r="NM15" s="123">
        <v>0</v>
      </c>
      <c r="NN15" s="124">
        <v>0</v>
      </c>
      <c r="NO15" s="395"/>
      <c r="NP15" s="123">
        <v>0</v>
      </c>
      <c r="NQ15" s="123">
        <v>0</v>
      </c>
      <c r="NR15" s="123">
        <v>0</v>
      </c>
      <c r="NS15" s="123">
        <v>0</v>
      </c>
      <c r="NT15" s="123">
        <v>0</v>
      </c>
      <c r="NU15" s="124">
        <v>0</v>
      </c>
      <c r="NV15" s="125">
        <v>0</v>
      </c>
      <c r="NW15" s="159">
        <v>0</v>
      </c>
      <c r="NX15" s="123">
        <v>0</v>
      </c>
      <c r="NY15" s="124">
        <v>0</v>
      </c>
      <c r="NZ15" s="395"/>
      <c r="OA15" s="123">
        <v>0</v>
      </c>
      <c r="OB15" s="123">
        <v>0</v>
      </c>
      <c r="OC15" s="123">
        <v>324780</v>
      </c>
      <c r="OD15" s="123">
        <v>0</v>
      </c>
      <c r="OE15" s="123">
        <v>365526</v>
      </c>
      <c r="OF15" s="124">
        <v>690306</v>
      </c>
      <c r="OG15" s="125">
        <v>690306</v>
      </c>
      <c r="OH15" s="159">
        <v>1190928</v>
      </c>
      <c r="OI15" s="123">
        <v>1161080</v>
      </c>
      <c r="OJ15" s="158">
        <v>2352008</v>
      </c>
      <c r="OK15" s="122">
        <v>0</v>
      </c>
      <c r="OL15" s="123">
        <v>14671390</v>
      </c>
      <c r="OM15" s="123">
        <v>16690973</v>
      </c>
      <c r="ON15" s="123">
        <v>21609448</v>
      </c>
      <c r="OO15" s="123">
        <v>21596351</v>
      </c>
      <c r="OP15" s="123">
        <v>14587275</v>
      </c>
      <c r="OQ15" s="124">
        <v>89155437</v>
      </c>
      <c r="OR15" s="160">
        <v>91507445</v>
      </c>
    </row>
    <row r="16" spans="1:408" ht="20.25" customHeight="1" x14ac:dyDescent="0.2">
      <c r="A16" s="130" t="s">
        <v>10</v>
      </c>
      <c r="B16" s="113">
        <v>1342214</v>
      </c>
      <c r="C16" s="117">
        <v>2406239</v>
      </c>
      <c r="D16" s="116">
        <v>3748453</v>
      </c>
      <c r="E16" s="188">
        <v>0</v>
      </c>
      <c r="F16" s="117">
        <v>19842986</v>
      </c>
      <c r="G16" s="117">
        <v>15580604</v>
      </c>
      <c r="H16" s="117">
        <v>15363575</v>
      </c>
      <c r="I16" s="117">
        <v>13706957</v>
      </c>
      <c r="J16" s="117">
        <v>8512133</v>
      </c>
      <c r="K16" s="112">
        <v>73006255</v>
      </c>
      <c r="L16" s="119">
        <v>76754708</v>
      </c>
      <c r="M16" s="113">
        <v>481026</v>
      </c>
      <c r="N16" s="117">
        <v>1105420</v>
      </c>
      <c r="O16" s="116">
        <v>1586446</v>
      </c>
      <c r="P16" s="113">
        <v>0</v>
      </c>
      <c r="Q16" s="117">
        <v>6684687</v>
      </c>
      <c r="R16" s="117">
        <v>5758973</v>
      </c>
      <c r="S16" s="117">
        <v>4860892</v>
      </c>
      <c r="T16" s="117">
        <v>6468719</v>
      </c>
      <c r="U16" s="117">
        <v>3984124</v>
      </c>
      <c r="V16" s="116">
        <v>27757395</v>
      </c>
      <c r="W16" s="119">
        <v>29343841</v>
      </c>
      <c r="X16" s="113">
        <v>0</v>
      </c>
      <c r="Y16" s="117">
        <v>0</v>
      </c>
      <c r="Z16" s="116">
        <v>0</v>
      </c>
      <c r="AA16" s="113">
        <v>0</v>
      </c>
      <c r="AB16" s="117">
        <v>3092572</v>
      </c>
      <c r="AC16" s="117">
        <v>2859769</v>
      </c>
      <c r="AD16" s="117">
        <v>3031088</v>
      </c>
      <c r="AE16" s="117">
        <v>3780044</v>
      </c>
      <c r="AF16" s="117">
        <v>1798115</v>
      </c>
      <c r="AG16" s="116">
        <v>14561588</v>
      </c>
      <c r="AH16" s="119">
        <v>14561588</v>
      </c>
      <c r="AI16" s="113">
        <v>0</v>
      </c>
      <c r="AJ16" s="117">
        <v>0</v>
      </c>
      <c r="AK16" s="116">
        <v>0</v>
      </c>
      <c r="AL16" s="113">
        <v>0</v>
      </c>
      <c r="AM16" s="117">
        <v>0</v>
      </c>
      <c r="AN16" s="117">
        <v>0</v>
      </c>
      <c r="AO16" s="117">
        <v>222762</v>
      </c>
      <c r="AP16" s="117">
        <v>418886</v>
      </c>
      <c r="AQ16" s="117">
        <v>479763</v>
      </c>
      <c r="AR16" s="116">
        <v>1121411</v>
      </c>
      <c r="AS16" s="119">
        <v>1121411</v>
      </c>
      <c r="AT16" s="113">
        <v>317957</v>
      </c>
      <c r="AU16" s="117">
        <v>728967</v>
      </c>
      <c r="AV16" s="116">
        <v>1046924</v>
      </c>
      <c r="AW16" s="113">
        <v>0</v>
      </c>
      <c r="AX16" s="117">
        <v>2152584</v>
      </c>
      <c r="AY16" s="117">
        <v>1739990</v>
      </c>
      <c r="AZ16" s="117">
        <v>713098</v>
      </c>
      <c r="BA16" s="117">
        <v>1246198</v>
      </c>
      <c r="BB16" s="117">
        <v>1085694</v>
      </c>
      <c r="BC16" s="116">
        <v>6937564</v>
      </c>
      <c r="BD16" s="119">
        <v>7984488</v>
      </c>
      <c r="BE16" s="113">
        <v>11213</v>
      </c>
      <c r="BF16" s="117">
        <v>101069</v>
      </c>
      <c r="BG16" s="115">
        <v>112282</v>
      </c>
      <c r="BH16" s="114">
        <v>0</v>
      </c>
      <c r="BI16" s="117">
        <v>392915</v>
      </c>
      <c r="BJ16" s="117">
        <v>163094</v>
      </c>
      <c r="BK16" s="117">
        <v>124240</v>
      </c>
      <c r="BL16" s="117">
        <v>101087</v>
      </c>
      <c r="BM16" s="117">
        <v>0</v>
      </c>
      <c r="BN16" s="116">
        <v>781336</v>
      </c>
      <c r="BO16" s="119">
        <v>893618</v>
      </c>
      <c r="BP16" s="113">
        <v>151856</v>
      </c>
      <c r="BQ16" s="117">
        <v>275384</v>
      </c>
      <c r="BR16" s="116">
        <v>427240</v>
      </c>
      <c r="BS16" s="113">
        <v>0</v>
      </c>
      <c r="BT16" s="117">
        <v>1046616</v>
      </c>
      <c r="BU16" s="117">
        <v>996120</v>
      </c>
      <c r="BV16" s="117">
        <v>769704</v>
      </c>
      <c r="BW16" s="117">
        <v>922504</v>
      </c>
      <c r="BX16" s="117">
        <v>620552</v>
      </c>
      <c r="BY16" s="116">
        <v>4355496</v>
      </c>
      <c r="BZ16" s="119">
        <v>4782736</v>
      </c>
      <c r="CA16" s="113">
        <v>104638</v>
      </c>
      <c r="CB16" s="117">
        <v>75199</v>
      </c>
      <c r="CC16" s="116">
        <v>179837</v>
      </c>
      <c r="CD16" s="113">
        <v>0</v>
      </c>
      <c r="CE16" s="117">
        <v>7332726</v>
      </c>
      <c r="CF16" s="117">
        <v>4857288</v>
      </c>
      <c r="CG16" s="117">
        <v>4112438</v>
      </c>
      <c r="CH16" s="117">
        <v>1222740</v>
      </c>
      <c r="CI16" s="117">
        <v>1018518</v>
      </c>
      <c r="CJ16" s="116">
        <v>18543710</v>
      </c>
      <c r="CK16" s="119">
        <v>18723547</v>
      </c>
      <c r="CL16" s="113">
        <v>0</v>
      </c>
      <c r="CM16" s="117">
        <v>0</v>
      </c>
      <c r="CN16" s="116">
        <v>0</v>
      </c>
      <c r="CO16" s="114">
        <v>0</v>
      </c>
      <c r="CP16" s="117">
        <v>6600759</v>
      </c>
      <c r="CQ16" s="117">
        <v>4149758</v>
      </c>
      <c r="CR16" s="117">
        <v>3333181</v>
      </c>
      <c r="CS16" s="117">
        <v>870001</v>
      </c>
      <c r="CT16" s="117">
        <v>832388</v>
      </c>
      <c r="CU16" s="116">
        <v>15786087</v>
      </c>
      <c r="CV16" s="119">
        <v>15786087</v>
      </c>
      <c r="CW16" s="113">
        <v>104638</v>
      </c>
      <c r="CX16" s="117">
        <v>75199</v>
      </c>
      <c r="CY16" s="116">
        <v>179837</v>
      </c>
      <c r="CZ16" s="113">
        <v>0</v>
      </c>
      <c r="DA16" s="117">
        <v>731967</v>
      </c>
      <c r="DB16" s="117">
        <v>707530</v>
      </c>
      <c r="DC16" s="117">
        <v>779257</v>
      </c>
      <c r="DD16" s="117">
        <v>352739</v>
      </c>
      <c r="DE16" s="117">
        <v>186130</v>
      </c>
      <c r="DF16" s="116">
        <v>2757623</v>
      </c>
      <c r="DG16" s="119">
        <v>2937460</v>
      </c>
      <c r="DH16" s="113">
        <v>0</v>
      </c>
      <c r="DI16" s="117">
        <v>49419</v>
      </c>
      <c r="DJ16" s="115">
        <v>49419</v>
      </c>
      <c r="DK16" s="114">
        <v>0</v>
      </c>
      <c r="DL16" s="117">
        <v>345141</v>
      </c>
      <c r="DM16" s="117">
        <v>675892</v>
      </c>
      <c r="DN16" s="117">
        <v>2111973</v>
      </c>
      <c r="DO16" s="117">
        <v>1707666</v>
      </c>
      <c r="DP16" s="117">
        <v>398931</v>
      </c>
      <c r="DQ16" s="116">
        <v>5239603</v>
      </c>
      <c r="DR16" s="119">
        <v>5289022</v>
      </c>
      <c r="DS16" s="113">
        <v>0</v>
      </c>
      <c r="DT16" s="117">
        <v>49419</v>
      </c>
      <c r="DU16" s="116">
        <v>49419</v>
      </c>
      <c r="DV16" s="113">
        <v>0</v>
      </c>
      <c r="DW16" s="117">
        <v>345141</v>
      </c>
      <c r="DX16" s="117">
        <v>389148</v>
      </c>
      <c r="DY16" s="117">
        <v>1856149</v>
      </c>
      <c r="DZ16" s="117">
        <v>1645705</v>
      </c>
      <c r="EA16" s="117">
        <v>362531</v>
      </c>
      <c r="EB16" s="116">
        <v>4598674</v>
      </c>
      <c r="EC16" s="119">
        <v>4648093</v>
      </c>
      <c r="ED16" s="113">
        <v>0</v>
      </c>
      <c r="EE16" s="115">
        <v>0</v>
      </c>
      <c r="EF16" s="116">
        <v>0</v>
      </c>
      <c r="EG16" s="113">
        <v>0</v>
      </c>
      <c r="EH16" s="117">
        <v>0</v>
      </c>
      <c r="EI16" s="117">
        <v>286744</v>
      </c>
      <c r="EJ16" s="117">
        <v>255824</v>
      </c>
      <c r="EK16" s="117">
        <v>61961</v>
      </c>
      <c r="EL16" s="117">
        <v>36400</v>
      </c>
      <c r="EM16" s="115">
        <v>640929</v>
      </c>
      <c r="EN16" s="119">
        <v>640929</v>
      </c>
      <c r="EO16" s="113">
        <v>0</v>
      </c>
      <c r="EP16" s="117">
        <v>0</v>
      </c>
      <c r="EQ16" s="115">
        <v>0</v>
      </c>
      <c r="ER16" s="114">
        <v>0</v>
      </c>
      <c r="ES16" s="117">
        <v>0</v>
      </c>
      <c r="ET16" s="117">
        <v>0</v>
      </c>
      <c r="EU16" s="117">
        <v>0</v>
      </c>
      <c r="EV16" s="117">
        <v>0</v>
      </c>
      <c r="EW16" s="117">
        <v>0</v>
      </c>
      <c r="EX16" s="116">
        <v>0</v>
      </c>
      <c r="EY16" s="119">
        <v>0</v>
      </c>
      <c r="EZ16" s="113">
        <v>0</v>
      </c>
      <c r="FA16" s="117">
        <v>0</v>
      </c>
      <c r="FB16" s="115">
        <v>0</v>
      </c>
      <c r="FC16" s="395"/>
      <c r="FD16" s="117">
        <v>0</v>
      </c>
      <c r="FE16" s="117">
        <v>0</v>
      </c>
      <c r="FF16" s="117">
        <v>0</v>
      </c>
      <c r="FG16" s="117">
        <v>0</v>
      </c>
      <c r="FH16" s="117">
        <v>0</v>
      </c>
      <c r="FI16" s="116">
        <v>0</v>
      </c>
      <c r="FJ16" s="119">
        <v>0</v>
      </c>
      <c r="FK16" s="113">
        <v>316096</v>
      </c>
      <c r="FL16" s="117">
        <v>332688</v>
      </c>
      <c r="FM16" s="116">
        <v>648784</v>
      </c>
      <c r="FN16" s="113">
        <v>0</v>
      </c>
      <c r="FO16" s="117">
        <v>1023472</v>
      </c>
      <c r="FP16" s="117">
        <v>1666376</v>
      </c>
      <c r="FQ16" s="117">
        <v>1274808</v>
      </c>
      <c r="FR16" s="117">
        <v>917376</v>
      </c>
      <c r="FS16" s="117">
        <v>607000</v>
      </c>
      <c r="FT16" s="116">
        <v>5489032</v>
      </c>
      <c r="FU16" s="119">
        <v>6137816</v>
      </c>
      <c r="FV16" s="118">
        <v>228096</v>
      </c>
      <c r="FW16" s="117">
        <v>332688</v>
      </c>
      <c r="FX16" s="115">
        <v>560784</v>
      </c>
      <c r="FY16" s="114">
        <v>0</v>
      </c>
      <c r="FZ16" s="117">
        <v>866056</v>
      </c>
      <c r="GA16" s="117">
        <v>1504936</v>
      </c>
      <c r="GB16" s="117">
        <v>1250168</v>
      </c>
      <c r="GC16" s="117">
        <v>880064</v>
      </c>
      <c r="GD16" s="117">
        <v>559480</v>
      </c>
      <c r="GE16" s="116">
        <v>5060704</v>
      </c>
      <c r="GF16" s="357">
        <v>5621488</v>
      </c>
      <c r="GG16" s="118">
        <v>0</v>
      </c>
      <c r="GH16" s="117">
        <v>0</v>
      </c>
      <c r="GI16" s="115">
        <v>0</v>
      </c>
      <c r="GJ16" s="114">
        <v>0</v>
      </c>
      <c r="GK16" s="117">
        <v>39776</v>
      </c>
      <c r="GL16" s="117">
        <v>91840</v>
      </c>
      <c r="GM16" s="117">
        <v>24640</v>
      </c>
      <c r="GN16" s="117">
        <v>37312</v>
      </c>
      <c r="GO16" s="117">
        <v>47520</v>
      </c>
      <c r="GP16" s="116">
        <v>241088</v>
      </c>
      <c r="GQ16" s="119">
        <v>241088</v>
      </c>
      <c r="GR16" s="113">
        <v>88000</v>
      </c>
      <c r="GS16" s="117">
        <v>0</v>
      </c>
      <c r="GT16" s="116">
        <v>88000</v>
      </c>
      <c r="GU16" s="113">
        <v>0</v>
      </c>
      <c r="GV16" s="117">
        <v>117640</v>
      </c>
      <c r="GW16" s="117">
        <v>69600</v>
      </c>
      <c r="GX16" s="117">
        <v>0</v>
      </c>
      <c r="GY16" s="117">
        <v>0</v>
      </c>
      <c r="GZ16" s="117">
        <v>0</v>
      </c>
      <c r="HA16" s="115">
        <v>187240</v>
      </c>
      <c r="HB16" s="119">
        <v>275240</v>
      </c>
      <c r="HC16" s="113">
        <v>440454</v>
      </c>
      <c r="HD16" s="117">
        <v>843513</v>
      </c>
      <c r="HE16" s="115">
        <v>1283967</v>
      </c>
      <c r="HF16" s="114">
        <v>0</v>
      </c>
      <c r="HG16" s="117">
        <v>4456960</v>
      </c>
      <c r="HH16" s="117">
        <v>2622075</v>
      </c>
      <c r="HI16" s="117">
        <v>3003464</v>
      </c>
      <c r="HJ16" s="117">
        <v>3390456</v>
      </c>
      <c r="HK16" s="117">
        <v>2503560</v>
      </c>
      <c r="HL16" s="116">
        <v>15976515</v>
      </c>
      <c r="HM16" s="112">
        <v>17260482</v>
      </c>
      <c r="HN16" s="395"/>
      <c r="HO16" s="395"/>
      <c r="HP16" s="395"/>
      <c r="HQ16" s="395"/>
      <c r="HR16" s="395"/>
      <c r="HS16" s="395"/>
      <c r="HT16" s="395"/>
      <c r="HU16" s="395"/>
      <c r="HV16" s="395"/>
      <c r="HW16" s="395"/>
      <c r="HX16" s="395"/>
      <c r="HY16" s="166">
        <v>43961</v>
      </c>
      <c r="HZ16" s="152">
        <v>0</v>
      </c>
      <c r="IA16" s="166">
        <v>43961</v>
      </c>
      <c r="IB16" s="151">
        <v>0</v>
      </c>
      <c r="IC16" s="152">
        <v>4757598</v>
      </c>
      <c r="ID16" s="153">
        <v>5990158</v>
      </c>
      <c r="IE16" s="154">
        <v>5410933</v>
      </c>
      <c r="IF16" s="152">
        <v>4343070</v>
      </c>
      <c r="IG16" s="154">
        <v>3196604</v>
      </c>
      <c r="IH16" s="155">
        <v>23698363</v>
      </c>
      <c r="II16" s="166">
        <v>23742324</v>
      </c>
      <c r="IJ16" s="259">
        <v>0</v>
      </c>
      <c r="IK16" s="266">
        <v>0</v>
      </c>
      <c r="IL16" s="267">
        <v>0</v>
      </c>
      <c r="IM16" s="395"/>
      <c r="IN16" s="123">
        <v>156250</v>
      </c>
      <c r="IO16" s="123">
        <v>105104</v>
      </c>
      <c r="IP16" s="123">
        <v>0</v>
      </c>
      <c r="IQ16" s="123">
        <v>0</v>
      </c>
      <c r="IR16" s="123">
        <v>0</v>
      </c>
      <c r="IS16" s="158">
        <v>261354</v>
      </c>
      <c r="IT16" s="360">
        <v>261354</v>
      </c>
      <c r="IU16" s="159">
        <v>0</v>
      </c>
      <c r="IV16" s="123">
        <v>0</v>
      </c>
      <c r="IW16" s="124">
        <v>0</v>
      </c>
      <c r="IX16" s="395"/>
      <c r="IY16" s="123">
        <v>20950</v>
      </c>
      <c r="IZ16" s="123">
        <v>10475</v>
      </c>
      <c r="JA16" s="123">
        <v>20950</v>
      </c>
      <c r="JB16" s="123">
        <v>0</v>
      </c>
      <c r="JC16" s="123">
        <v>10475</v>
      </c>
      <c r="JD16" s="124">
        <v>62850</v>
      </c>
      <c r="JE16" s="125">
        <v>62850</v>
      </c>
      <c r="JF16" s="159">
        <v>0</v>
      </c>
      <c r="JG16" s="123">
        <v>0</v>
      </c>
      <c r="JH16" s="158">
        <v>0</v>
      </c>
      <c r="JI16" s="122">
        <v>0</v>
      </c>
      <c r="JJ16" s="123">
        <v>1704659</v>
      </c>
      <c r="JK16" s="123">
        <v>1139099</v>
      </c>
      <c r="JL16" s="123">
        <v>770524</v>
      </c>
      <c r="JM16" s="123">
        <v>64468</v>
      </c>
      <c r="JN16" s="123">
        <v>110365</v>
      </c>
      <c r="JO16" s="124">
        <v>3789115</v>
      </c>
      <c r="JP16" s="360">
        <v>3789115</v>
      </c>
      <c r="JQ16" s="159">
        <v>0</v>
      </c>
      <c r="JR16" s="123">
        <v>0</v>
      </c>
      <c r="JS16" s="158">
        <v>0</v>
      </c>
      <c r="JT16" s="122">
        <v>0</v>
      </c>
      <c r="JU16" s="123">
        <v>227466</v>
      </c>
      <c r="JV16" s="123">
        <v>154500</v>
      </c>
      <c r="JW16" s="123">
        <v>86959</v>
      </c>
      <c r="JX16" s="123">
        <v>41787</v>
      </c>
      <c r="JY16" s="123">
        <v>0</v>
      </c>
      <c r="JZ16" s="124">
        <v>510712</v>
      </c>
      <c r="KA16" s="360">
        <v>510712</v>
      </c>
      <c r="KB16" s="262">
        <v>43961</v>
      </c>
      <c r="KC16" s="256">
        <v>0</v>
      </c>
      <c r="KD16" s="124">
        <v>43961</v>
      </c>
      <c r="KE16" s="122">
        <v>0</v>
      </c>
      <c r="KF16" s="123">
        <v>743551</v>
      </c>
      <c r="KG16" s="123">
        <v>641097</v>
      </c>
      <c r="KH16" s="123">
        <v>1170984</v>
      </c>
      <c r="KI16" s="123">
        <v>1498298</v>
      </c>
      <c r="KJ16" s="123">
        <v>269322</v>
      </c>
      <c r="KK16" s="124">
        <v>4323252</v>
      </c>
      <c r="KL16" s="160">
        <v>4367213</v>
      </c>
      <c r="KM16" s="259">
        <v>0</v>
      </c>
      <c r="KN16" s="266">
        <v>0</v>
      </c>
      <c r="KO16" s="267">
        <v>0</v>
      </c>
      <c r="KP16" s="395"/>
      <c r="KQ16" s="123">
        <v>1904722</v>
      </c>
      <c r="KR16" s="123">
        <v>2472980</v>
      </c>
      <c r="KS16" s="123">
        <v>1721608</v>
      </c>
      <c r="KT16" s="123">
        <v>2079898</v>
      </c>
      <c r="KU16" s="123">
        <v>959297</v>
      </c>
      <c r="KV16" s="124">
        <v>9138505</v>
      </c>
      <c r="KW16" s="360">
        <v>9138505</v>
      </c>
      <c r="KX16" s="159">
        <v>0</v>
      </c>
      <c r="KY16" s="123">
        <v>0</v>
      </c>
      <c r="KZ16" s="124">
        <v>0</v>
      </c>
      <c r="LA16" s="395"/>
      <c r="LB16" s="123">
        <v>0</v>
      </c>
      <c r="LC16" s="123">
        <v>1335435</v>
      </c>
      <c r="LD16" s="123">
        <v>588500</v>
      </c>
      <c r="LE16" s="123">
        <v>567750</v>
      </c>
      <c r="LF16" s="123">
        <v>706219</v>
      </c>
      <c r="LG16" s="124">
        <v>3197904</v>
      </c>
      <c r="LH16" s="125">
        <v>3197904</v>
      </c>
      <c r="LI16" s="159">
        <v>0</v>
      </c>
      <c r="LJ16" s="123">
        <v>0</v>
      </c>
      <c r="LK16" s="124">
        <v>0</v>
      </c>
      <c r="LL16" s="395"/>
      <c r="LM16" s="123">
        <v>0</v>
      </c>
      <c r="LN16" s="123">
        <v>0</v>
      </c>
      <c r="LO16" s="123">
        <v>230556</v>
      </c>
      <c r="LP16" s="123">
        <v>537581</v>
      </c>
      <c r="LQ16" s="123">
        <v>811797</v>
      </c>
      <c r="LR16" s="124">
        <v>1579934</v>
      </c>
      <c r="LS16" s="360">
        <v>1579934</v>
      </c>
      <c r="LT16" s="159">
        <v>0</v>
      </c>
      <c r="LU16" s="123">
        <v>0</v>
      </c>
      <c r="LV16" s="124">
        <v>0</v>
      </c>
      <c r="LW16" s="395"/>
      <c r="LX16" s="123">
        <v>0</v>
      </c>
      <c r="LY16" s="123">
        <v>131468</v>
      </c>
      <c r="LZ16" s="123">
        <v>820852</v>
      </c>
      <c r="MA16" s="123">
        <v>-446712</v>
      </c>
      <c r="MB16" s="123">
        <v>329129</v>
      </c>
      <c r="MC16" s="124">
        <v>834737</v>
      </c>
      <c r="MD16" s="125">
        <v>834737</v>
      </c>
      <c r="ME16" s="159">
        <v>0</v>
      </c>
      <c r="MF16" s="123">
        <v>0</v>
      </c>
      <c r="MG16" s="124">
        <v>0</v>
      </c>
      <c r="MH16" s="395"/>
      <c r="MI16" s="123">
        <v>948741</v>
      </c>
      <c r="MJ16" s="123">
        <v>1596022</v>
      </c>
      <c r="MK16" s="123">
        <v>7185856</v>
      </c>
      <c r="ML16" s="123">
        <v>10764720</v>
      </c>
      <c r="MM16" s="123">
        <v>8398929</v>
      </c>
      <c r="MN16" s="124">
        <v>28894268</v>
      </c>
      <c r="MO16" s="160">
        <v>28894268</v>
      </c>
      <c r="MP16" s="159">
        <v>0</v>
      </c>
      <c r="MQ16" s="123">
        <v>0</v>
      </c>
      <c r="MR16" s="124">
        <v>0</v>
      </c>
      <c r="MS16" s="395"/>
      <c r="MT16" s="123">
        <v>211693</v>
      </c>
      <c r="MU16" s="123">
        <v>0</v>
      </c>
      <c r="MV16" s="123">
        <v>4212898</v>
      </c>
      <c r="MW16" s="123">
        <v>8035693</v>
      </c>
      <c r="MX16" s="123">
        <v>5339625</v>
      </c>
      <c r="MY16" s="124">
        <v>17799909</v>
      </c>
      <c r="MZ16" s="160">
        <v>17799909</v>
      </c>
      <c r="NA16" s="159">
        <v>0</v>
      </c>
      <c r="NB16" s="123">
        <v>0</v>
      </c>
      <c r="NC16" s="124">
        <v>0</v>
      </c>
      <c r="ND16" s="395"/>
      <c r="NE16" s="123">
        <v>737048</v>
      </c>
      <c r="NF16" s="123">
        <v>1596022</v>
      </c>
      <c r="NG16" s="123">
        <v>2972958</v>
      </c>
      <c r="NH16" s="123">
        <v>2367969</v>
      </c>
      <c r="NI16" s="123">
        <v>2693778</v>
      </c>
      <c r="NJ16" s="124">
        <v>10367775</v>
      </c>
      <c r="NK16" s="360">
        <v>10367775</v>
      </c>
      <c r="NL16" s="159">
        <v>0</v>
      </c>
      <c r="NM16" s="123">
        <v>0</v>
      </c>
      <c r="NN16" s="124">
        <v>0</v>
      </c>
      <c r="NO16" s="395"/>
      <c r="NP16" s="123">
        <v>0</v>
      </c>
      <c r="NQ16" s="123">
        <v>0</v>
      </c>
      <c r="NR16" s="123">
        <v>0</v>
      </c>
      <c r="NS16" s="123">
        <v>0</v>
      </c>
      <c r="NT16" s="123">
        <v>0</v>
      </c>
      <c r="NU16" s="124">
        <v>0</v>
      </c>
      <c r="NV16" s="125">
        <v>0</v>
      </c>
      <c r="NW16" s="159">
        <v>0</v>
      </c>
      <c r="NX16" s="123">
        <v>0</v>
      </c>
      <c r="NY16" s="124">
        <v>0</v>
      </c>
      <c r="NZ16" s="395"/>
      <c r="OA16" s="123">
        <v>0</v>
      </c>
      <c r="OB16" s="123">
        <v>0</v>
      </c>
      <c r="OC16" s="123">
        <v>0</v>
      </c>
      <c r="OD16" s="123">
        <v>361058</v>
      </c>
      <c r="OE16" s="123">
        <v>365526</v>
      </c>
      <c r="OF16" s="124">
        <v>726584</v>
      </c>
      <c r="OG16" s="125">
        <v>726584</v>
      </c>
      <c r="OH16" s="159">
        <v>1386175</v>
      </c>
      <c r="OI16" s="123">
        <v>2406239</v>
      </c>
      <c r="OJ16" s="158">
        <v>3792414</v>
      </c>
      <c r="OK16" s="122">
        <v>0</v>
      </c>
      <c r="OL16" s="123">
        <v>25549325</v>
      </c>
      <c r="OM16" s="123">
        <v>23166784</v>
      </c>
      <c r="ON16" s="123">
        <v>27960364</v>
      </c>
      <c r="OO16" s="123">
        <v>28814747</v>
      </c>
      <c r="OP16" s="123">
        <v>20107666</v>
      </c>
      <c r="OQ16" s="124">
        <v>125598886</v>
      </c>
      <c r="OR16" s="160">
        <v>129391300</v>
      </c>
    </row>
    <row r="17" spans="1:408" ht="20.25" customHeight="1" x14ac:dyDescent="0.2">
      <c r="A17" s="130" t="s">
        <v>11</v>
      </c>
      <c r="B17" s="113">
        <v>446172</v>
      </c>
      <c r="C17" s="117">
        <v>353928</v>
      </c>
      <c r="D17" s="186">
        <v>800100</v>
      </c>
      <c r="E17" s="114">
        <v>0</v>
      </c>
      <c r="F17" s="117">
        <v>9240179</v>
      </c>
      <c r="G17" s="117">
        <v>7171389</v>
      </c>
      <c r="H17" s="117">
        <v>6657540</v>
      </c>
      <c r="I17" s="117">
        <v>8570481</v>
      </c>
      <c r="J17" s="117">
        <v>4197264</v>
      </c>
      <c r="K17" s="112">
        <v>35836853</v>
      </c>
      <c r="L17" s="119">
        <v>36636953</v>
      </c>
      <c r="M17" s="113">
        <v>95133</v>
      </c>
      <c r="N17" s="117">
        <v>-217068</v>
      </c>
      <c r="O17" s="116">
        <v>-121935</v>
      </c>
      <c r="P17" s="113">
        <v>0</v>
      </c>
      <c r="Q17" s="117">
        <v>2221757</v>
      </c>
      <c r="R17" s="117">
        <v>985461</v>
      </c>
      <c r="S17" s="117">
        <v>1866931</v>
      </c>
      <c r="T17" s="117">
        <v>2360730</v>
      </c>
      <c r="U17" s="117">
        <v>2560838</v>
      </c>
      <c r="V17" s="116">
        <v>9995717</v>
      </c>
      <c r="W17" s="119">
        <v>9873782</v>
      </c>
      <c r="X17" s="113">
        <v>0</v>
      </c>
      <c r="Y17" s="117">
        <v>0</v>
      </c>
      <c r="Z17" s="116">
        <v>0</v>
      </c>
      <c r="AA17" s="113">
        <v>0</v>
      </c>
      <c r="AB17" s="117">
        <v>821750</v>
      </c>
      <c r="AC17" s="117">
        <v>215935</v>
      </c>
      <c r="AD17" s="117">
        <v>724336</v>
      </c>
      <c r="AE17" s="117">
        <v>1164010</v>
      </c>
      <c r="AF17" s="117">
        <v>1507587</v>
      </c>
      <c r="AG17" s="116">
        <v>4433618</v>
      </c>
      <c r="AH17" s="119">
        <v>4433618</v>
      </c>
      <c r="AI17" s="113">
        <v>0</v>
      </c>
      <c r="AJ17" s="117">
        <v>0</v>
      </c>
      <c r="AK17" s="116">
        <v>0</v>
      </c>
      <c r="AL17" s="113">
        <v>0</v>
      </c>
      <c r="AM17" s="117">
        <v>0</v>
      </c>
      <c r="AN17" s="117">
        <v>45641</v>
      </c>
      <c r="AO17" s="117">
        <v>196022</v>
      </c>
      <c r="AP17" s="117">
        <v>104157</v>
      </c>
      <c r="AQ17" s="117">
        <v>183876</v>
      </c>
      <c r="AR17" s="116">
        <v>529696</v>
      </c>
      <c r="AS17" s="119">
        <v>529696</v>
      </c>
      <c r="AT17" s="113">
        <v>51357</v>
      </c>
      <c r="AU17" s="117">
        <v>-270537</v>
      </c>
      <c r="AV17" s="116">
        <v>-219180</v>
      </c>
      <c r="AW17" s="113">
        <v>0</v>
      </c>
      <c r="AX17" s="117">
        <v>908436</v>
      </c>
      <c r="AY17" s="117">
        <v>460062</v>
      </c>
      <c r="AZ17" s="117">
        <v>615179</v>
      </c>
      <c r="BA17" s="117">
        <v>589176</v>
      </c>
      <c r="BB17" s="117">
        <v>712004</v>
      </c>
      <c r="BC17" s="116">
        <v>3284857</v>
      </c>
      <c r="BD17" s="119">
        <v>3065677</v>
      </c>
      <c r="BE17" s="113">
        <v>15024</v>
      </c>
      <c r="BF17" s="117">
        <v>30048</v>
      </c>
      <c r="BG17" s="115">
        <v>45072</v>
      </c>
      <c r="BH17" s="114">
        <v>0</v>
      </c>
      <c r="BI17" s="117">
        <v>69579</v>
      </c>
      <c r="BJ17" s="117">
        <v>23775</v>
      </c>
      <c r="BK17" s="117">
        <v>70642</v>
      </c>
      <c r="BL17" s="117">
        <v>249027</v>
      </c>
      <c r="BM17" s="117">
        <v>0</v>
      </c>
      <c r="BN17" s="116">
        <v>413023</v>
      </c>
      <c r="BO17" s="119">
        <v>458095</v>
      </c>
      <c r="BP17" s="113">
        <v>28752</v>
      </c>
      <c r="BQ17" s="117">
        <v>23421</v>
      </c>
      <c r="BR17" s="116">
        <v>52173</v>
      </c>
      <c r="BS17" s="113">
        <v>0</v>
      </c>
      <c r="BT17" s="117">
        <v>421992</v>
      </c>
      <c r="BU17" s="117">
        <v>240048</v>
      </c>
      <c r="BV17" s="117">
        <v>260752</v>
      </c>
      <c r="BW17" s="117">
        <v>254360</v>
      </c>
      <c r="BX17" s="117">
        <v>157371</v>
      </c>
      <c r="BY17" s="116">
        <v>1334523</v>
      </c>
      <c r="BZ17" s="119">
        <v>1386696</v>
      </c>
      <c r="CA17" s="113">
        <v>61744</v>
      </c>
      <c r="CB17" s="117">
        <v>72343</v>
      </c>
      <c r="CC17" s="116">
        <v>134087</v>
      </c>
      <c r="CD17" s="113">
        <v>0</v>
      </c>
      <c r="CE17" s="117">
        <v>2828066</v>
      </c>
      <c r="CF17" s="117">
        <v>1898288</v>
      </c>
      <c r="CG17" s="117">
        <v>1603762</v>
      </c>
      <c r="CH17" s="117">
        <v>2013405</v>
      </c>
      <c r="CI17" s="117">
        <v>305855</v>
      </c>
      <c r="CJ17" s="116">
        <v>8649376</v>
      </c>
      <c r="CK17" s="119">
        <v>8783463</v>
      </c>
      <c r="CL17" s="113">
        <v>0</v>
      </c>
      <c r="CM17" s="117">
        <v>0</v>
      </c>
      <c r="CN17" s="116">
        <v>0</v>
      </c>
      <c r="CO17" s="114">
        <v>0</v>
      </c>
      <c r="CP17" s="117">
        <v>1751204</v>
      </c>
      <c r="CQ17" s="117">
        <v>1410369</v>
      </c>
      <c r="CR17" s="117">
        <v>1083288</v>
      </c>
      <c r="CS17" s="117">
        <v>920071</v>
      </c>
      <c r="CT17" s="117">
        <v>142830</v>
      </c>
      <c r="CU17" s="116">
        <v>5307762</v>
      </c>
      <c r="CV17" s="119">
        <v>5307762</v>
      </c>
      <c r="CW17" s="113">
        <v>61744</v>
      </c>
      <c r="CX17" s="117">
        <v>72343</v>
      </c>
      <c r="CY17" s="116">
        <v>134087</v>
      </c>
      <c r="CZ17" s="113">
        <v>0</v>
      </c>
      <c r="DA17" s="117">
        <v>1076862</v>
      </c>
      <c r="DB17" s="117">
        <v>487919</v>
      </c>
      <c r="DC17" s="117">
        <v>520474</v>
      </c>
      <c r="DD17" s="117">
        <v>1093334</v>
      </c>
      <c r="DE17" s="117">
        <v>163025</v>
      </c>
      <c r="DF17" s="116">
        <v>3341614</v>
      </c>
      <c r="DG17" s="119">
        <v>3475701</v>
      </c>
      <c r="DH17" s="113">
        <v>0</v>
      </c>
      <c r="DI17" s="117">
        <v>36653</v>
      </c>
      <c r="DJ17" s="115">
        <v>36653</v>
      </c>
      <c r="DK17" s="114">
        <v>0</v>
      </c>
      <c r="DL17" s="117">
        <v>311791</v>
      </c>
      <c r="DM17" s="117">
        <v>399472</v>
      </c>
      <c r="DN17" s="117">
        <v>672382</v>
      </c>
      <c r="DO17" s="117">
        <v>630816</v>
      </c>
      <c r="DP17" s="117">
        <v>-120683</v>
      </c>
      <c r="DQ17" s="116">
        <v>1893778</v>
      </c>
      <c r="DR17" s="119">
        <v>1930431</v>
      </c>
      <c r="DS17" s="113">
        <v>0</v>
      </c>
      <c r="DT17" s="117">
        <v>36653</v>
      </c>
      <c r="DU17" s="116">
        <v>36653</v>
      </c>
      <c r="DV17" s="113">
        <v>0</v>
      </c>
      <c r="DW17" s="117">
        <v>254952</v>
      </c>
      <c r="DX17" s="117">
        <v>322485</v>
      </c>
      <c r="DY17" s="117">
        <v>557662</v>
      </c>
      <c r="DZ17" s="117">
        <v>330075</v>
      </c>
      <c r="EA17" s="117">
        <v>-120683</v>
      </c>
      <c r="EB17" s="116">
        <v>1344491</v>
      </c>
      <c r="EC17" s="119">
        <v>1381144</v>
      </c>
      <c r="ED17" s="113">
        <v>0</v>
      </c>
      <c r="EE17" s="115">
        <v>0</v>
      </c>
      <c r="EF17" s="116">
        <v>0</v>
      </c>
      <c r="EG17" s="113">
        <v>0</v>
      </c>
      <c r="EH17" s="117">
        <v>56839</v>
      </c>
      <c r="EI17" s="117">
        <v>76987</v>
      </c>
      <c r="EJ17" s="117">
        <v>114720</v>
      </c>
      <c r="EK17" s="117">
        <v>300741</v>
      </c>
      <c r="EL17" s="117">
        <v>0</v>
      </c>
      <c r="EM17" s="115">
        <v>549287</v>
      </c>
      <c r="EN17" s="119">
        <v>549287</v>
      </c>
      <c r="EO17" s="113">
        <v>0</v>
      </c>
      <c r="EP17" s="117">
        <v>0</v>
      </c>
      <c r="EQ17" s="115">
        <v>0</v>
      </c>
      <c r="ER17" s="114">
        <v>0</v>
      </c>
      <c r="ES17" s="117">
        <v>0</v>
      </c>
      <c r="ET17" s="117">
        <v>0</v>
      </c>
      <c r="EU17" s="117">
        <v>0</v>
      </c>
      <c r="EV17" s="117">
        <v>0</v>
      </c>
      <c r="EW17" s="117">
        <v>0</v>
      </c>
      <c r="EX17" s="116">
        <v>0</v>
      </c>
      <c r="EY17" s="119">
        <v>0</v>
      </c>
      <c r="EZ17" s="113">
        <v>0</v>
      </c>
      <c r="FA17" s="117">
        <v>0</v>
      </c>
      <c r="FB17" s="115">
        <v>0</v>
      </c>
      <c r="FC17" s="395"/>
      <c r="FD17" s="117">
        <v>0</v>
      </c>
      <c r="FE17" s="117">
        <v>0</v>
      </c>
      <c r="FF17" s="117">
        <v>0</v>
      </c>
      <c r="FG17" s="117">
        <v>0</v>
      </c>
      <c r="FH17" s="117">
        <v>0</v>
      </c>
      <c r="FI17" s="116">
        <v>0</v>
      </c>
      <c r="FJ17" s="119">
        <v>0</v>
      </c>
      <c r="FK17" s="113">
        <v>71160</v>
      </c>
      <c r="FL17" s="117">
        <v>138202</v>
      </c>
      <c r="FM17" s="116">
        <v>209362</v>
      </c>
      <c r="FN17" s="113">
        <v>0</v>
      </c>
      <c r="FO17" s="117">
        <v>348312</v>
      </c>
      <c r="FP17" s="117">
        <v>418840</v>
      </c>
      <c r="FQ17" s="117">
        <v>413440</v>
      </c>
      <c r="FR17" s="117">
        <v>570352</v>
      </c>
      <c r="FS17" s="117">
        <v>217566</v>
      </c>
      <c r="FT17" s="116">
        <v>1968510</v>
      </c>
      <c r="FU17" s="119">
        <v>2177872</v>
      </c>
      <c r="FV17" s="118">
        <v>71160</v>
      </c>
      <c r="FW17" s="117">
        <v>138202</v>
      </c>
      <c r="FX17" s="115">
        <v>209362</v>
      </c>
      <c r="FY17" s="114">
        <v>0</v>
      </c>
      <c r="FZ17" s="117">
        <v>348312</v>
      </c>
      <c r="GA17" s="117">
        <v>418840</v>
      </c>
      <c r="GB17" s="117">
        <v>413440</v>
      </c>
      <c r="GC17" s="117">
        <v>570352</v>
      </c>
      <c r="GD17" s="117">
        <v>217566</v>
      </c>
      <c r="GE17" s="116">
        <v>1968510</v>
      </c>
      <c r="GF17" s="357">
        <v>2177872</v>
      </c>
      <c r="GG17" s="118">
        <v>0</v>
      </c>
      <c r="GH17" s="117">
        <v>0</v>
      </c>
      <c r="GI17" s="115">
        <v>0</v>
      </c>
      <c r="GJ17" s="114">
        <v>0</v>
      </c>
      <c r="GK17" s="117">
        <v>0</v>
      </c>
      <c r="GL17" s="117">
        <v>0</v>
      </c>
      <c r="GM17" s="117">
        <v>0</v>
      </c>
      <c r="GN17" s="117">
        <v>0</v>
      </c>
      <c r="GO17" s="117">
        <v>0</v>
      </c>
      <c r="GP17" s="116">
        <v>0</v>
      </c>
      <c r="GQ17" s="119">
        <v>0</v>
      </c>
      <c r="GR17" s="113">
        <v>0</v>
      </c>
      <c r="GS17" s="117">
        <v>0</v>
      </c>
      <c r="GT17" s="116">
        <v>0</v>
      </c>
      <c r="GU17" s="113">
        <v>0</v>
      </c>
      <c r="GV17" s="117">
        <v>0</v>
      </c>
      <c r="GW17" s="117">
        <v>0</v>
      </c>
      <c r="GX17" s="117">
        <v>0</v>
      </c>
      <c r="GY17" s="117">
        <v>0</v>
      </c>
      <c r="GZ17" s="117">
        <v>0</v>
      </c>
      <c r="HA17" s="115">
        <v>0</v>
      </c>
      <c r="HB17" s="119">
        <v>0</v>
      </c>
      <c r="HC17" s="113">
        <v>218135</v>
      </c>
      <c r="HD17" s="117">
        <v>323798</v>
      </c>
      <c r="HE17" s="115">
        <v>541933</v>
      </c>
      <c r="HF17" s="114">
        <v>0</v>
      </c>
      <c r="HG17" s="117">
        <v>3530253</v>
      </c>
      <c r="HH17" s="117">
        <v>3469328</v>
      </c>
      <c r="HI17" s="117">
        <v>2101025</v>
      </c>
      <c r="HJ17" s="117">
        <v>2995178</v>
      </c>
      <c r="HK17" s="117">
        <v>1233688</v>
      </c>
      <c r="HL17" s="116">
        <v>13329472</v>
      </c>
      <c r="HM17" s="112">
        <v>13871405</v>
      </c>
      <c r="HN17" s="395"/>
      <c r="HO17" s="395"/>
      <c r="HP17" s="395"/>
      <c r="HQ17" s="395"/>
      <c r="HR17" s="395"/>
      <c r="HS17" s="395"/>
      <c r="HT17" s="395"/>
      <c r="HU17" s="395"/>
      <c r="HV17" s="395"/>
      <c r="HW17" s="395"/>
      <c r="HX17" s="395"/>
      <c r="HY17" s="148">
        <v>0</v>
      </c>
      <c r="HZ17" s="149">
        <v>0</v>
      </c>
      <c r="IA17" s="150">
        <v>0</v>
      </c>
      <c r="IB17" s="162">
        <v>0</v>
      </c>
      <c r="IC17" s="149">
        <v>2725295</v>
      </c>
      <c r="ID17" s="163">
        <v>945976</v>
      </c>
      <c r="IE17" s="150">
        <v>2161738</v>
      </c>
      <c r="IF17" s="149">
        <v>1115430</v>
      </c>
      <c r="IG17" s="150">
        <v>245085</v>
      </c>
      <c r="IH17" s="164">
        <v>7193524</v>
      </c>
      <c r="II17" s="156">
        <v>7193524</v>
      </c>
      <c r="IJ17" s="259">
        <v>0</v>
      </c>
      <c r="IK17" s="266">
        <v>0</v>
      </c>
      <c r="IL17" s="267">
        <v>0</v>
      </c>
      <c r="IM17" s="395"/>
      <c r="IN17" s="123">
        <v>62296</v>
      </c>
      <c r="IO17" s="123">
        <v>0</v>
      </c>
      <c r="IP17" s="123">
        <v>152632</v>
      </c>
      <c r="IQ17" s="123">
        <v>0</v>
      </c>
      <c r="IR17" s="123">
        <v>0</v>
      </c>
      <c r="IS17" s="158">
        <v>214928</v>
      </c>
      <c r="IT17" s="360">
        <v>214928</v>
      </c>
      <c r="IU17" s="159">
        <v>0</v>
      </c>
      <c r="IV17" s="123">
        <v>0</v>
      </c>
      <c r="IW17" s="124">
        <v>0</v>
      </c>
      <c r="IX17" s="395"/>
      <c r="IY17" s="123">
        <v>0</v>
      </c>
      <c r="IZ17" s="123">
        <v>0</v>
      </c>
      <c r="JA17" s="123">
        <v>0</v>
      </c>
      <c r="JB17" s="123">
        <v>0</v>
      </c>
      <c r="JC17" s="123">
        <v>0</v>
      </c>
      <c r="JD17" s="124">
        <v>0</v>
      </c>
      <c r="JE17" s="125">
        <v>0</v>
      </c>
      <c r="JF17" s="159">
        <v>0</v>
      </c>
      <c r="JG17" s="123">
        <v>0</v>
      </c>
      <c r="JH17" s="158">
        <v>0</v>
      </c>
      <c r="JI17" s="122">
        <v>0</v>
      </c>
      <c r="JJ17" s="123">
        <v>1664000</v>
      </c>
      <c r="JK17" s="123">
        <v>538266</v>
      </c>
      <c r="JL17" s="123">
        <v>1298556</v>
      </c>
      <c r="JM17" s="123">
        <v>352136</v>
      </c>
      <c r="JN17" s="123">
        <v>245085</v>
      </c>
      <c r="JO17" s="124">
        <v>4098043</v>
      </c>
      <c r="JP17" s="360">
        <v>4098043</v>
      </c>
      <c r="JQ17" s="159">
        <v>0</v>
      </c>
      <c r="JR17" s="123">
        <v>0</v>
      </c>
      <c r="JS17" s="158">
        <v>0</v>
      </c>
      <c r="JT17" s="122">
        <v>0</v>
      </c>
      <c r="JU17" s="123">
        <v>159682</v>
      </c>
      <c r="JV17" s="123">
        <v>165414</v>
      </c>
      <c r="JW17" s="123">
        <v>0</v>
      </c>
      <c r="JX17" s="123">
        <v>0</v>
      </c>
      <c r="JY17" s="123">
        <v>0</v>
      </c>
      <c r="JZ17" s="124">
        <v>325096</v>
      </c>
      <c r="KA17" s="360">
        <v>325096</v>
      </c>
      <c r="KB17" s="262">
        <v>0</v>
      </c>
      <c r="KC17" s="256">
        <v>0</v>
      </c>
      <c r="KD17" s="124">
        <v>0</v>
      </c>
      <c r="KE17" s="122">
        <v>0</v>
      </c>
      <c r="KF17" s="123">
        <v>144879</v>
      </c>
      <c r="KG17" s="123">
        <v>0</v>
      </c>
      <c r="KH17" s="123">
        <v>460746</v>
      </c>
      <c r="KI17" s="123">
        <v>254288</v>
      </c>
      <c r="KJ17" s="123">
        <v>0</v>
      </c>
      <c r="KK17" s="124">
        <v>859913</v>
      </c>
      <c r="KL17" s="160">
        <v>859913</v>
      </c>
      <c r="KM17" s="259">
        <v>0</v>
      </c>
      <c r="KN17" s="266">
        <v>0</v>
      </c>
      <c r="KO17" s="267">
        <v>0</v>
      </c>
      <c r="KP17" s="395"/>
      <c r="KQ17" s="123">
        <v>694438</v>
      </c>
      <c r="KR17" s="123">
        <v>55208</v>
      </c>
      <c r="KS17" s="123">
        <v>249804</v>
      </c>
      <c r="KT17" s="123">
        <v>509006</v>
      </c>
      <c r="KU17" s="123">
        <v>0</v>
      </c>
      <c r="KV17" s="124">
        <v>1508456</v>
      </c>
      <c r="KW17" s="360">
        <v>1508456</v>
      </c>
      <c r="KX17" s="159">
        <v>0</v>
      </c>
      <c r="KY17" s="123">
        <v>0</v>
      </c>
      <c r="KZ17" s="124">
        <v>0</v>
      </c>
      <c r="LA17" s="395"/>
      <c r="LB17" s="123">
        <v>0</v>
      </c>
      <c r="LC17" s="123">
        <v>0</v>
      </c>
      <c r="LD17" s="123">
        <v>0</v>
      </c>
      <c r="LE17" s="123">
        <v>0</v>
      </c>
      <c r="LF17" s="123">
        <v>0</v>
      </c>
      <c r="LG17" s="124">
        <v>0</v>
      </c>
      <c r="LH17" s="125">
        <v>0</v>
      </c>
      <c r="LI17" s="159">
        <v>0</v>
      </c>
      <c r="LJ17" s="123">
        <v>0</v>
      </c>
      <c r="LK17" s="124">
        <v>0</v>
      </c>
      <c r="LL17" s="395"/>
      <c r="LM17" s="123">
        <v>0</v>
      </c>
      <c r="LN17" s="123">
        <v>0</v>
      </c>
      <c r="LO17" s="123">
        <v>0</v>
      </c>
      <c r="LP17" s="123">
        <v>0</v>
      </c>
      <c r="LQ17" s="123">
        <v>0</v>
      </c>
      <c r="LR17" s="124">
        <v>0</v>
      </c>
      <c r="LS17" s="360">
        <v>0</v>
      </c>
      <c r="LT17" s="159">
        <v>0</v>
      </c>
      <c r="LU17" s="123">
        <v>0</v>
      </c>
      <c r="LV17" s="124">
        <v>0</v>
      </c>
      <c r="LW17" s="395"/>
      <c r="LX17" s="123">
        <v>0</v>
      </c>
      <c r="LY17" s="123">
        <v>187088</v>
      </c>
      <c r="LZ17" s="123">
        <v>0</v>
      </c>
      <c r="MA17" s="123">
        <v>0</v>
      </c>
      <c r="MB17" s="123">
        <v>0</v>
      </c>
      <c r="MC17" s="124">
        <v>187088</v>
      </c>
      <c r="MD17" s="125">
        <v>187088</v>
      </c>
      <c r="ME17" s="159">
        <v>0</v>
      </c>
      <c r="MF17" s="123">
        <v>0</v>
      </c>
      <c r="MG17" s="124">
        <v>0</v>
      </c>
      <c r="MH17" s="395"/>
      <c r="MI17" s="123">
        <v>882326</v>
      </c>
      <c r="MJ17" s="123">
        <v>1977213</v>
      </c>
      <c r="MK17" s="123">
        <v>3073506</v>
      </c>
      <c r="ML17" s="123">
        <v>5810386</v>
      </c>
      <c r="MM17" s="123">
        <v>3180840</v>
      </c>
      <c r="MN17" s="124">
        <v>14924271</v>
      </c>
      <c r="MO17" s="160">
        <v>14924271</v>
      </c>
      <c r="MP17" s="159">
        <v>0</v>
      </c>
      <c r="MQ17" s="123">
        <v>0</v>
      </c>
      <c r="MR17" s="124">
        <v>0</v>
      </c>
      <c r="MS17" s="395"/>
      <c r="MT17" s="123">
        <v>0</v>
      </c>
      <c r="MU17" s="123">
        <v>0</v>
      </c>
      <c r="MV17" s="123">
        <v>1663887</v>
      </c>
      <c r="MW17" s="123">
        <v>4122190</v>
      </c>
      <c r="MX17" s="123">
        <v>1635156</v>
      </c>
      <c r="MY17" s="124">
        <v>7421233</v>
      </c>
      <c r="MZ17" s="160">
        <v>7421233</v>
      </c>
      <c r="NA17" s="159">
        <v>0</v>
      </c>
      <c r="NB17" s="123">
        <v>0</v>
      </c>
      <c r="NC17" s="124">
        <v>0</v>
      </c>
      <c r="ND17" s="395"/>
      <c r="NE17" s="123">
        <v>882326</v>
      </c>
      <c r="NF17" s="123">
        <v>1750277</v>
      </c>
      <c r="NG17" s="123">
        <v>1138235</v>
      </c>
      <c r="NH17" s="123">
        <v>1388100</v>
      </c>
      <c r="NI17" s="123">
        <v>1545684</v>
      </c>
      <c r="NJ17" s="124">
        <v>6704622</v>
      </c>
      <c r="NK17" s="360">
        <v>6704622</v>
      </c>
      <c r="NL17" s="159">
        <v>0</v>
      </c>
      <c r="NM17" s="123">
        <v>0</v>
      </c>
      <c r="NN17" s="124">
        <v>0</v>
      </c>
      <c r="NO17" s="395"/>
      <c r="NP17" s="123">
        <v>0</v>
      </c>
      <c r="NQ17" s="123">
        <v>0</v>
      </c>
      <c r="NR17" s="123">
        <v>0</v>
      </c>
      <c r="NS17" s="123">
        <v>0</v>
      </c>
      <c r="NT17" s="123">
        <v>0</v>
      </c>
      <c r="NU17" s="124">
        <v>0</v>
      </c>
      <c r="NV17" s="125">
        <v>0</v>
      </c>
      <c r="NW17" s="159">
        <v>0</v>
      </c>
      <c r="NX17" s="123">
        <v>0</v>
      </c>
      <c r="NY17" s="124">
        <v>0</v>
      </c>
      <c r="NZ17" s="395"/>
      <c r="OA17" s="123">
        <v>0</v>
      </c>
      <c r="OB17" s="123">
        <v>226936</v>
      </c>
      <c r="OC17" s="123">
        <v>271384</v>
      </c>
      <c r="OD17" s="123">
        <v>300096</v>
      </c>
      <c r="OE17" s="123">
        <v>0</v>
      </c>
      <c r="OF17" s="124">
        <v>798416</v>
      </c>
      <c r="OG17" s="125">
        <v>798416</v>
      </c>
      <c r="OH17" s="159">
        <v>446172</v>
      </c>
      <c r="OI17" s="123">
        <v>353928</v>
      </c>
      <c r="OJ17" s="158">
        <v>800100</v>
      </c>
      <c r="OK17" s="122">
        <v>0</v>
      </c>
      <c r="OL17" s="123">
        <v>12847800</v>
      </c>
      <c r="OM17" s="123">
        <v>10094578</v>
      </c>
      <c r="ON17" s="123">
        <v>11892784</v>
      </c>
      <c r="OO17" s="123">
        <v>15496297</v>
      </c>
      <c r="OP17" s="123">
        <v>7623189</v>
      </c>
      <c r="OQ17" s="124">
        <v>57954648</v>
      </c>
      <c r="OR17" s="160">
        <v>58754748</v>
      </c>
    </row>
    <row r="18" spans="1:408" ht="20.25" customHeight="1" x14ac:dyDescent="0.2">
      <c r="A18" s="130" t="s">
        <v>12</v>
      </c>
      <c r="B18" s="113">
        <v>824465</v>
      </c>
      <c r="C18" s="117">
        <v>1458220</v>
      </c>
      <c r="D18" s="116">
        <v>2282685</v>
      </c>
      <c r="E18" s="112">
        <v>0</v>
      </c>
      <c r="F18" s="117">
        <v>8424559</v>
      </c>
      <c r="G18" s="185">
        <v>9577704</v>
      </c>
      <c r="H18" s="185">
        <v>9123888</v>
      </c>
      <c r="I18" s="185">
        <v>11514363</v>
      </c>
      <c r="J18" s="185">
        <v>6371365</v>
      </c>
      <c r="K18" s="115">
        <v>45011879</v>
      </c>
      <c r="L18" s="119">
        <v>47294564</v>
      </c>
      <c r="M18" s="113">
        <v>303745</v>
      </c>
      <c r="N18" s="117">
        <v>661748</v>
      </c>
      <c r="O18" s="116">
        <v>965493</v>
      </c>
      <c r="P18" s="113">
        <v>0</v>
      </c>
      <c r="Q18" s="117">
        <v>3047357</v>
      </c>
      <c r="R18" s="117">
        <v>3845296</v>
      </c>
      <c r="S18" s="117">
        <v>2984467</v>
      </c>
      <c r="T18" s="117">
        <v>4305781</v>
      </c>
      <c r="U18" s="117">
        <v>3428499</v>
      </c>
      <c r="V18" s="116">
        <v>17611400</v>
      </c>
      <c r="W18" s="119">
        <v>18576893</v>
      </c>
      <c r="X18" s="113">
        <v>0</v>
      </c>
      <c r="Y18" s="117">
        <v>0</v>
      </c>
      <c r="Z18" s="116">
        <v>0</v>
      </c>
      <c r="AA18" s="113">
        <v>0</v>
      </c>
      <c r="AB18" s="117">
        <v>1688511</v>
      </c>
      <c r="AC18" s="117">
        <v>1892590</v>
      </c>
      <c r="AD18" s="117">
        <v>1955795</v>
      </c>
      <c r="AE18" s="117">
        <v>2821922</v>
      </c>
      <c r="AF18" s="117">
        <v>2196003</v>
      </c>
      <c r="AG18" s="116">
        <v>10554821</v>
      </c>
      <c r="AH18" s="119">
        <v>10554821</v>
      </c>
      <c r="AI18" s="113">
        <v>0</v>
      </c>
      <c r="AJ18" s="117">
        <v>0</v>
      </c>
      <c r="AK18" s="116">
        <v>0</v>
      </c>
      <c r="AL18" s="113">
        <v>0</v>
      </c>
      <c r="AM18" s="117">
        <v>0</v>
      </c>
      <c r="AN18" s="117">
        <v>0</v>
      </c>
      <c r="AO18" s="117">
        <v>173746</v>
      </c>
      <c r="AP18" s="117">
        <v>233744</v>
      </c>
      <c r="AQ18" s="117">
        <v>332220</v>
      </c>
      <c r="AR18" s="116">
        <v>739710</v>
      </c>
      <c r="AS18" s="119">
        <v>739710</v>
      </c>
      <c r="AT18" s="113">
        <v>260505</v>
      </c>
      <c r="AU18" s="117">
        <v>581340</v>
      </c>
      <c r="AV18" s="116">
        <v>841845</v>
      </c>
      <c r="AW18" s="113">
        <v>0</v>
      </c>
      <c r="AX18" s="117">
        <v>922813</v>
      </c>
      <c r="AY18" s="117">
        <v>1223226</v>
      </c>
      <c r="AZ18" s="117">
        <v>503193</v>
      </c>
      <c r="BA18" s="117">
        <v>699378</v>
      </c>
      <c r="BB18" s="117">
        <v>574953</v>
      </c>
      <c r="BC18" s="116">
        <v>3923563</v>
      </c>
      <c r="BD18" s="119">
        <v>4765408</v>
      </c>
      <c r="BE18" s="113">
        <v>0</v>
      </c>
      <c r="BF18" s="117">
        <v>0</v>
      </c>
      <c r="BG18" s="115">
        <v>0</v>
      </c>
      <c r="BH18" s="114">
        <v>0</v>
      </c>
      <c r="BI18" s="117">
        <v>42625</v>
      </c>
      <c r="BJ18" s="117">
        <v>422208</v>
      </c>
      <c r="BK18" s="117">
        <v>64061</v>
      </c>
      <c r="BL18" s="117">
        <v>72201</v>
      </c>
      <c r="BM18" s="117">
        <v>21707</v>
      </c>
      <c r="BN18" s="116">
        <v>622802</v>
      </c>
      <c r="BO18" s="119">
        <v>622802</v>
      </c>
      <c r="BP18" s="113">
        <v>43240</v>
      </c>
      <c r="BQ18" s="117">
        <v>80408</v>
      </c>
      <c r="BR18" s="116">
        <v>123648</v>
      </c>
      <c r="BS18" s="113">
        <v>0</v>
      </c>
      <c r="BT18" s="117">
        <v>393408</v>
      </c>
      <c r="BU18" s="117">
        <v>307272</v>
      </c>
      <c r="BV18" s="117">
        <v>287672</v>
      </c>
      <c r="BW18" s="117">
        <v>478536</v>
      </c>
      <c r="BX18" s="117">
        <v>303616</v>
      </c>
      <c r="BY18" s="116">
        <v>1770504</v>
      </c>
      <c r="BZ18" s="119">
        <v>1894152</v>
      </c>
      <c r="CA18" s="113">
        <v>234312</v>
      </c>
      <c r="CB18" s="117">
        <v>122230</v>
      </c>
      <c r="CC18" s="116">
        <v>356542</v>
      </c>
      <c r="CD18" s="113">
        <v>0</v>
      </c>
      <c r="CE18" s="117">
        <v>3910567</v>
      </c>
      <c r="CF18" s="117">
        <v>2609670</v>
      </c>
      <c r="CG18" s="117">
        <v>2560158</v>
      </c>
      <c r="CH18" s="117">
        <v>1883001</v>
      </c>
      <c r="CI18" s="117">
        <v>555498</v>
      </c>
      <c r="CJ18" s="116">
        <v>11518894</v>
      </c>
      <c r="CK18" s="119">
        <v>11875436</v>
      </c>
      <c r="CL18" s="113">
        <v>0</v>
      </c>
      <c r="CM18" s="117">
        <v>0</v>
      </c>
      <c r="CN18" s="116">
        <v>0</v>
      </c>
      <c r="CO18" s="114">
        <v>0</v>
      </c>
      <c r="CP18" s="117">
        <v>3099508</v>
      </c>
      <c r="CQ18" s="117">
        <v>2107101</v>
      </c>
      <c r="CR18" s="117">
        <v>1898769</v>
      </c>
      <c r="CS18" s="117">
        <v>1284920</v>
      </c>
      <c r="CT18" s="117">
        <v>327915</v>
      </c>
      <c r="CU18" s="116">
        <v>8718213</v>
      </c>
      <c r="CV18" s="119">
        <v>8718213</v>
      </c>
      <c r="CW18" s="113">
        <v>234312</v>
      </c>
      <c r="CX18" s="117">
        <v>122230</v>
      </c>
      <c r="CY18" s="116">
        <v>356542</v>
      </c>
      <c r="CZ18" s="113">
        <v>0</v>
      </c>
      <c r="DA18" s="117">
        <v>811059</v>
      </c>
      <c r="DB18" s="117">
        <v>502569</v>
      </c>
      <c r="DC18" s="117">
        <v>661389</v>
      </c>
      <c r="DD18" s="117">
        <v>598081</v>
      </c>
      <c r="DE18" s="117">
        <v>227583</v>
      </c>
      <c r="DF18" s="116">
        <v>2800681</v>
      </c>
      <c r="DG18" s="119">
        <v>3157223</v>
      </c>
      <c r="DH18" s="113">
        <v>0</v>
      </c>
      <c r="DI18" s="117">
        <v>0</v>
      </c>
      <c r="DJ18" s="115">
        <v>0</v>
      </c>
      <c r="DK18" s="114">
        <v>0</v>
      </c>
      <c r="DL18" s="117">
        <v>219407</v>
      </c>
      <c r="DM18" s="117">
        <v>796040</v>
      </c>
      <c r="DN18" s="117">
        <v>851374</v>
      </c>
      <c r="DO18" s="117">
        <v>1127875</v>
      </c>
      <c r="DP18" s="117">
        <v>434590</v>
      </c>
      <c r="DQ18" s="116">
        <v>3429286</v>
      </c>
      <c r="DR18" s="119">
        <v>3429286</v>
      </c>
      <c r="DS18" s="113">
        <v>0</v>
      </c>
      <c r="DT18" s="117">
        <v>0</v>
      </c>
      <c r="DU18" s="116">
        <v>0</v>
      </c>
      <c r="DV18" s="113">
        <v>0</v>
      </c>
      <c r="DW18" s="117">
        <v>219407</v>
      </c>
      <c r="DX18" s="117">
        <v>796040</v>
      </c>
      <c r="DY18" s="117">
        <v>822816</v>
      </c>
      <c r="DZ18" s="117">
        <v>1127875</v>
      </c>
      <c r="EA18" s="117">
        <v>434590</v>
      </c>
      <c r="EB18" s="116">
        <v>3400728</v>
      </c>
      <c r="EC18" s="119">
        <v>3400728</v>
      </c>
      <c r="ED18" s="113">
        <v>0</v>
      </c>
      <c r="EE18" s="115">
        <v>0</v>
      </c>
      <c r="EF18" s="116">
        <v>0</v>
      </c>
      <c r="EG18" s="113">
        <v>0</v>
      </c>
      <c r="EH18" s="117">
        <v>0</v>
      </c>
      <c r="EI18" s="117">
        <v>0</v>
      </c>
      <c r="EJ18" s="117">
        <v>28558</v>
      </c>
      <c r="EK18" s="117">
        <v>0</v>
      </c>
      <c r="EL18" s="117">
        <v>0</v>
      </c>
      <c r="EM18" s="115">
        <v>28558</v>
      </c>
      <c r="EN18" s="119">
        <v>28558</v>
      </c>
      <c r="EO18" s="113">
        <v>0</v>
      </c>
      <c r="EP18" s="117">
        <v>0</v>
      </c>
      <c r="EQ18" s="115">
        <v>0</v>
      </c>
      <c r="ER18" s="114">
        <v>0</v>
      </c>
      <c r="ES18" s="117">
        <v>0</v>
      </c>
      <c r="ET18" s="117">
        <v>0</v>
      </c>
      <c r="EU18" s="117">
        <v>0</v>
      </c>
      <c r="EV18" s="117">
        <v>0</v>
      </c>
      <c r="EW18" s="117">
        <v>0</v>
      </c>
      <c r="EX18" s="116">
        <v>0</v>
      </c>
      <c r="EY18" s="119">
        <v>0</v>
      </c>
      <c r="EZ18" s="113">
        <v>0</v>
      </c>
      <c r="FA18" s="117">
        <v>0</v>
      </c>
      <c r="FB18" s="115">
        <v>0</v>
      </c>
      <c r="FC18" s="395"/>
      <c r="FD18" s="117">
        <v>0</v>
      </c>
      <c r="FE18" s="117">
        <v>0</v>
      </c>
      <c r="FF18" s="117">
        <v>0</v>
      </c>
      <c r="FG18" s="117">
        <v>0</v>
      </c>
      <c r="FH18" s="117">
        <v>0</v>
      </c>
      <c r="FI18" s="116">
        <v>0</v>
      </c>
      <c r="FJ18" s="119">
        <v>0</v>
      </c>
      <c r="FK18" s="113">
        <v>233432</v>
      </c>
      <c r="FL18" s="117">
        <v>392136</v>
      </c>
      <c r="FM18" s="116">
        <v>625568</v>
      </c>
      <c r="FN18" s="113">
        <v>0</v>
      </c>
      <c r="FO18" s="117">
        <v>287512</v>
      </c>
      <c r="FP18" s="117">
        <v>984168</v>
      </c>
      <c r="FQ18" s="117">
        <v>798480</v>
      </c>
      <c r="FR18" s="117">
        <v>821240</v>
      </c>
      <c r="FS18" s="117">
        <v>564144</v>
      </c>
      <c r="FT18" s="116">
        <v>3455544</v>
      </c>
      <c r="FU18" s="119">
        <v>4081112</v>
      </c>
      <c r="FV18" s="118">
        <v>114112</v>
      </c>
      <c r="FW18" s="117">
        <v>208816</v>
      </c>
      <c r="FX18" s="115">
        <v>322928</v>
      </c>
      <c r="FY18" s="114">
        <v>0</v>
      </c>
      <c r="FZ18" s="117">
        <v>287512</v>
      </c>
      <c r="GA18" s="117">
        <v>855688</v>
      </c>
      <c r="GB18" s="117">
        <v>735040</v>
      </c>
      <c r="GC18" s="117">
        <v>746776</v>
      </c>
      <c r="GD18" s="117">
        <v>526128</v>
      </c>
      <c r="GE18" s="116">
        <v>3151144</v>
      </c>
      <c r="GF18" s="357">
        <v>3474072</v>
      </c>
      <c r="GG18" s="118">
        <v>23320</v>
      </c>
      <c r="GH18" s="117">
        <v>23320</v>
      </c>
      <c r="GI18" s="115">
        <v>46640</v>
      </c>
      <c r="GJ18" s="114">
        <v>0</v>
      </c>
      <c r="GK18" s="117">
        <v>0</v>
      </c>
      <c r="GL18" s="117">
        <v>40480</v>
      </c>
      <c r="GM18" s="117">
        <v>15840</v>
      </c>
      <c r="GN18" s="117">
        <v>37856</v>
      </c>
      <c r="GO18" s="117">
        <v>38016</v>
      </c>
      <c r="GP18" s="116">
        <v>132192</v>
      </c>
      <c r="GQ18" s="119">
        <v>178832</v>
      </c>
      <c r="GR18" s="113">
        <v>96000</v>
      </c>
      <c r="GS18" s="117">
        <v>160000</v>
      </c>
      <c r="GT18" s="116">
        <v>256000</v>
      </c>
      <c r="GU18" s="113">
        <v>0</v>
      </c>
      <c r="GV18" s="117">
        <v>0</v>
      </c>
      <c r="GW18" s="117">
        <v>88000</v>
      </c>
      <c r="GX18" s="117">
        <v>47600</v>
      </c>
      <c r="GY18" s="117">
        <v>36608</v>
      </c>
      <c r="GZ18" s="117">
        <v>0</v>
      </c>
      <c r="HA18" s="115">
        <v>172208</v>
      </c>
      <c r="HB18" s="119">
        <v>428208</v>
      </c>
      <c r="HC18" s="113">
        <v>52976</v>
      </c>
      <c r="HD18" s="117">
        <v>282106</v>
      </c>
      <c r="HE18" s="115">
        <v>335082</v>
      </c>
      <c r="HF18" s="114">
        <v>0</v>
      </c>
      <c r="HG18" s="117">
        <v>959716</v>
      </c>
      <c r="HH18" s="117">
        <v>1342530</v>
      </c>
      <c r="HI18" s="117">
        <v>1929409</v>
      </c>
      <c r="HJ18" s="117">
        <v>3376466</v>
      </c>
      <c r="HK18" s="117">
        <v>1388634</v>
      </c>
      <c r="HL18" s="116">
        <v>8996755</v>
      </c>
      <c r="HM18" s="112">
        <v>9331837</v>
      </c>
      <c r="HN18" s="395"/>
      <c r="HO18" s="395"/>
      <c r="HP18" s="395"/>
      <c r="HQ18" s="395"/>
      <c r="HR18" s="395"/>
      <c r="HS18" s="395"/>
      <c r="HT18" s="395"/>
      <c r="HU18" s="395"/>
      <c r="HV18" s="395"/>
      <c r="HW18" s="395"/>
      <c r="HX18" s="395"/>
      <c r="HY18" s="166">
        <v>0</v>
      </c>
      <c r="HZ18" s="152">
        <v>219825</v>
      </c>
      <c r="IA18" s="166">
        <v>219825</v>
      </c>
      <c r="IB18" s="151">
        <v>0</v>
      </c>
      <c r="IC18" s="152">
        <v>2873553</v>
      </c>
      <c r="ID18" s="153">
        <v>2390659</v>
      </c>
      <c r="IE18" s="154">
        <v>2236000</v>
      </c>
      <c r="IF18" s="152">
        <v>2626050</v>
      </c>
      <c r="IG18" s="154">
        <v>2243091</v>
      </c>
      <c r="IH18" s="155">
        <v>12369353</v>
      </c>
      <c r="II18" s="166">
        <v>12589178</v>
      </c>
      <c r="IJ18" s="259">
        <v>0</v>
      </c>
      <c r="IK18" s="266">
        <v>0</v>
      </c>
      <c r="IL18" s="267">
        <v>0</v>
      </c>
      <c r="IM18" s="395"/>
      <c r="IN18" s="123">
        <v>0</v>
      </c>
      <c r="IO18" s="123">
        <v>0</v>
      </c>
      <c r="IP18" s="123">
        <v>155492</v>
      </c>
      <c r="IQ18" s="123">
        <v>0</v>
      </c>
      <c r="IR18" s="123">
        <v>0</v>
      </c>
      <c r="IS18" s="158">
        <v>155492</v>
      </c>
      <c r="IT18" s="360">
        <v>155492</v>
      </c>
      <c r="IU18" s="159">
        <v>0</v>
      </c>
      <c r="IV18" s="123">
        <v>0</v>
      </c>
      <c r="IW18" s="124">
        <v>0</v>
      </c>
      <c r="IX18" s="395"/>
      <c r="IY18" s="123">
        <v>0</v>
      </c>
      <c r="IZ18" s="123">
        <v>0</v>
      </c>
      <c r="JA18" s="123">
        <v>0</v>
      </c>
      <c r="JB18" s="123">
        <v>0</v>
      </c>
      <c r="JC18" s="123">
        <v>0</v>
      </c>
      <c r="JD18" s="124">
        <v>0</v>
      </c>
      <c r="JE18" s="125">
        <v>0</v>
      </c>
      <c r="JF18" s="159">
        <v>0</v>
      </c>
      <c r="JG18" s="123">
        <v>0</v>
      </c>
      <c r="JH18" s="158">
        <v>0</v>
      </c>
      <c r="JI18" s="122">
        <v>0</v>
      </c>
      <c r="JJ18" s="123">
        <v>1343373</v>
      </c>
      <c r="JK18" s="123">
        <v>874518</v>
      </c>
      <c r="JL18" s="123">
        <v>568806</v>
      </c>
      <c r="JM18" s="123">
        <v>368805</v>
      </c>
      <c r="JN18" s="123">
        <v>203322</v>
      </c>
      <c r="JO18" s="124">
        <v>3358824</v>
      </c>
      <c r="JP18" s="360">
        <v>3358824</v>
      </c>
      <c r="JQ18" s="159">
        <v>0</v>
      </c>
      <c r="JR18" s="123">
        <v>0</v>
      </c>
      <c r="JS18" s="158">
        <v>0</v>
      </c>
      <c r="JT18" s="122">
        <v>0</v>
      </c>
      <c r="JU18" s="123">
        <v>0</v>
      </c>
      <c r="JV18" s="123">
        <v>0</v>
      </c>
      <c r="JW18" s="123">
        <v>0</v>
      </c>
      <c r="JX18" s="123">
        <v>0</v>
      </c>
      <c r="JY18" s="123">
        <v>0</v>
      </c>
      <c r="JZ18" s="124">
        <v>0</v>
      </c>
      <c r="KA18" s="360">
        <v>0</v>
      </c>
      <c r="KB18" s="262">
        <v>0</v>
      </c>
      <c r="KC18" s="256">
        <v>0</v>
      </c>
      <c r="KD18" s="124">
        <v>0</v>
      </c>
      <c r="KE18" s="122">
        <v>0</v>
      </c>
      <c r="KF18" s="123">
        <v>122059</v>
      </c>
      <c r="KG18" s="123">
        <v>152743</v>
      </c>
      <c r="KH18" s="123">
        <v>943716</v>
      </c>
      <c r="KI18" s="123">
        <v>518501</v>
      </c>
      <c r="KJ18" s="123">
        <v>1042312</v>
      </c>
      <c r="KK18" s="124">
        <v>2779331</v>
      </c>
      <c r="KL18" s="160">
        <v>2779331</v>
      </c>
      <c r="KM18" s="259">
        <v>0</v>
      </c>
      <c r="KN18" s="266">
        <v>219825</v>
      </c>
      <c r="KO18" s="267">
        <v>219825</v>
      </c>
      <c r="KP18" s="395"/>
      <c r="KQ18" s="123">
        <v>1408121</v>
      </c>
      <c r="KR18" s="123">
        <v>975833</v>
      </c>
      <c r="KS18" s="123">
        <v>501648</v>
      </c>
      <c r="KT18" s="123">
        <v>512550</v>
      </c>
      <c r="KU18" s="123">
        <v>0</v>
      </c>
      <c r="KV18" s="124">
        <v>3398152</v>
      </c>
      <c r="KW18" s="360">
        <v>3617977</v>
      </c>
      <c r="KX18" s="159">
        <v>0</v>
      </c>
      <c r="KY18" s="123">
        <v>0</v>
      </c>
      <c r="KZ18" s="124">
        <v>0</v>
      </c>
      <c r="LA18" s="395"/>
      <c r="LB18" s="123">
        <v>0</v>
      </c>
      <c r="LC18" s="123">
        <v>176228</v>
      </c>
      <c r="LD18" s="123">
        <v>0</v>
      </c>
      <c r="LE18" s="123">
        <v>636603</v>
      </c>
      <c r="LF18" s="123">
        <v>0</v>
      </c>
      <c r="LG18" s="124">
        <v>812831</v>
      </c>
      <c r="LH18" s="125">
        <v>812831</v>
      </c>
      <c r="LI18" s="159">
        <v>0</v>
      </c>
      <c r="LJ18" s="123">
        <v>0</v>
      </c>
      <c r="LK18" s="124">
        <v>0</v>
      </c>
      <c r="LL18" s="395"/>
      <c r="LM18" s="123">
        <v>0</v>
      </c>
      <c r="LN18" s="123">
        <v>0</v>
      </c>
      <c r="LO18" s="123">
        <v>0</v>
      </c>
      <c r="LP18" s="123">
        <v>0</v>
      </c>
      <c r="LQ18" s="123">
        <v>299622</v>
      </c>
      <c r="LR18" s="124">
        <v>299622</v>
      </c>
      <c r="LS18" s="360">
        <v>299622</v>
      </c>
      <c r="LT18" s="159">
        <v>0</v>
      </c>
      <c r="LU18" s="123">
        <v>0</v>
      </c>
      <c r="LV18" s="124">
        <v>0</v>
      </c>
      <c r="LW18" s="395"/>
      <c r="LX18" s="123">
        <v>0</v>
      </c>
      <c r="LY18" s="123">
        <v>211337</v>
      </c>
      <c r="LZ18" s="123">
        <v>66338</v>
      </c>
      <c r="MA18" s="123">
        <v>589591</v>
      </c>
      <c r="MB18" s="123">
        <v>697835</v>
      </c>
      <c r="MC18" s="124">
        <v>1565101</v>
      </c>
      <c r="MD18" s="125">
        <v>1565101</v>
      </c>
      <c r="ME18" s="159">
        <v>0</v>
      </c>
      <c r="MF18" s="123">
        <v>0</v>
      </c>
      <c r="MG18" s="124">
        <v>0</v>
      </c>
      <c r="MH18" s="395"/>
      <c r="MI18" s="123">
        <v>829310</v>
      </c>
      <c r="MJ18" s="123">
        <v>731585</v>
      </c>
      <c r="MK18" s="123">
        <v>3462173</v>
      </c>
      <c r="ML18" s="123">
        <v>7572997</v>
      </c>
      <c r="MM18" s="123">
        <v>2749871</v>
      </c>
      <c r="MN18" s="124">
        <v>15345936</v>
      </c>
      <c r="MO18" s="160">
        <v>15345936</v>
      </c>
      <c r="MP18" s="159">
        <v>0</v>
      </c>
      <c r="MQ18" s="123">
        <v>0</v>
      </c>
      <c r="MR18" s="124">
        <v>0</v>
      </c>
      <c r="MS18" s="395"/>
      <c r="MT18" s="123">
        <v>162225</v>
      </c>
      <c r="MU18" s="123">
        <v>233870</v>
      </c>
      <c r="MV18" s="123">
        <v>1917552</v>
      </c>
      <c r="MW18" s="123">
        <v>2925103</v>
      </c>
      <c r="MX18" s="123">
        <v>1798812</v>
      </c>
      <c r="MY18" s="124">
        <v>7037562</v>
      </c>
      <c r="MZ18" s="160">
        <v>7037562</v>
      </c>
      <c r="NA18" s="159">
        <v>0</v>
      </c>
      <c r="NB18" s="123">
        <v>0</v>
      </c>
      <c r="NC18" s="124">
        <v>0</v>
      </c>
      <c r="ND18" s="395"/>
      <c r="NE18" s="123">
        <v>667085</v>
      </c>
      <c r="NF18" s="123">
        <v>497715</v>
      </c>
      <c r="NG18" s="123">
        <v>1544621</v>
      </c>
      <c r="NH18" s="123">
        <v>4647894</v>
      </c>
      <c r="NI18" s="123">
        <v>606207</v>
      </c>
      <c r="NJ18" s="124">
        <v>7963522</v>
      </c>
      <c r="NK18" s="360">
        <v>7963522</v>
      </c>
      <c r="NL18" s="159">
        <v>0</v>
      </c>
      <c r="NM18" s="123">
        <v>0</v>
      </c>
      <c r="NN18" s="124">
        <v>0</v>
      </c>
      <c r="NO18" s="395"/>
      <c r="NP18" s="123">
        <v>0</v>
      </c>
      <c r="NQ18" s="123">
        <v>0</v>
      </c>
      <c r="NR18" s="123">
        <v>0</v>
      </c>
      <c r="NS18" s="123">
        <v>0</v>
      </c>
      <c r="NT18" s="123">
        <v>344852</v>
      </c>
      <c r="NU18" s="124">
        <v>344852</v>
      </c>
      <c r="NV18" s="125">
        <v>344852</v>
      </c>
      <c r="NW18" s="159">
        <v>0</v>
      </c>
      <c r="NX18" s="123">
        <v>0</v>
      </c>
      <c r="NY18" s="124">
        <v>0</v>
      </c>
      <c r="NZ18" s="395"/>
      <c r="OA18" s="123">
        <v>0</v>
      </c>
      <c r="OB18" s="123">
        <v>0</v>
      </c>
      <c r="OC18" s="123">
        <v>0</v>
      </c>
      <c r="OD18" s="123">
        <v>0</v>
      </c>
      <c r="OE18" s="123">
        <v>0</v>
      </c>
      <c r="OF18" s="124">
        <v>0</v>
      </c>
      <c r="OG18" s="125">
        <v>0</v>
      </c>
      <c r="OH18" s="159">
        <v>824465</v>
      </c>
      <c r="OI18" s="123">
        <v>1678045</v>
      </c>
      <c r="OJ18" s="158">
        <v>2502510</v>
      </c>
      <c r="OK18" s="122">
        <v>0</v>
      </c>
      <c r="OL18" s="123">
        <v>12127422</v>
      </c>
      <c r="OM18" s="123">
        <v>12699948</v>
      </c>
      <c r="ON18" s="123">
        <v>14822061</v>
      </c>
      <c r="OO18" s="123">
        <v>21713410</v>
      </c>
      <c r="OP18" s="123">
        <v>11364327</v>
      </c>
      <c r="OQ18" s="124">
        <v>72727168</v>
      </c>
      <c r="OR18" s="160">
        <v>75229678</v>
      </c>
    </row>
    <row r="19" spans="1:408" ht="20.25" customHeight="1" x14ac:dyDescent="0.2">
      <c r="A19" s="130" t="s">
        <v>13</v>
      </c>
      <c r="B19" s="113">
        <v>208240</v>
      </c>
      <c r="C19" s="117">
        <v>111558</v>
      </c>
      <c r="D19" s="116">
        <v>319798</v>
      </c>
      <c r="E19" s="113">
        <v>0</v>
      </c>
      <c r="F19" s="185">
        <v>2840654</v>
      </c>
      <c r="G19" s="117">
        <v>5408112</v>
      </c>
      <c r="H19" s="117">
        <v>4265095</v>
      </c>
      <c r="I19" s="117">
        <v>5079392</v>
      </c>
      <c r="J19" s="117">
        <v>3487363</v>
      </c>
      <c r="K19" s="115">
        <v>21080616</v>
      </c>
      <c r="L19" s="119">
        <v>21400414</v>
      </c>
      <c r="M19" s="113">
        <v>92246</v>
      </c>
      <c r="N19" s="117">
        <v>6520</v>
      </c>
      <c r="O19" s="116">
        <v>98766</v>
      </c>
      <c r="P19" s="113">
        <v>0</v>
      </c>
      <c r="Q19" s="117">
        <v>926688</v>
      </c>
      <c r="R19" s="117">
        <v>2084736</v>
      </c>
      <c r="S19" s="117">
        <v>1172157</v>
      </c>
      <c r="T19" s="117">
        <v>1851518</v>
      </c>
      <c r="U19" s="117">
        <v>1076374</v>
      </c>
      <c r="V19" s="116">
        <v>7111473</v>
      </c>
      <c r="W19" s="119">
        <v>7210239</v>
      </c>
      <c r="X19" s="113">
        <v>0</v>
      </c>
      <c r="Y19" s="117">
        <v>0</v>
      </c>
      <c r="Z19" s="116">
        <v>0</v>
      </c>
      <c r="AA19" s="113">
        <v>0</v>
      </c>
      <c r="AB19" s="117">
        <v>503166</v>
      </c>
      <c r="AC19" s="117">
        <v>1180377</v>
      </c>
      <c r="AD19" s="117">
        <v>563909</v>
      </c>
      <c r="AE19" s="117">
        <v>1028337</v>
      </c>
      <c r="AF19" s="117">
        <v>384640</v>
      </c>
      <c r="AG19" s="116">
        <v>3660429</v>
      </c>
      <c r="AH19" s="119">
        <v>3660429</v>
      </c>
      <c r="AI19" s="113">
        <v>0</v>
      </c>
      <c r="AJ19" s="117">
        <v>0</v>
      </c>
      <c r="AK19" s="116">
        <v>0</v>
      </c>
      <c r="AL19" s="113">
        <v>0</v>
      </c>
      <c r="AM19" s="117">
        <v>0</v>
      </c>
      <c r="AN19" s="117">
        <v>0</v>
      </c>
      <c r="AO19" s="117">
        <v>13940</v>
      </c>
      <c r="AP19" s="117">
        <v>57865</v>
      </c>
      <c r="AQ19" s="117">
        <v>184431</v>
      </c>
      <c r="AR19" s="116">
        <v>256236</v>
      </c>
      <c r="AS19" s="119">
        <v>256236</v>
      </c>
      <c r="AT19" s="113">
        <v>36014</v>
      </c>
      <c r="AU19" s="117">
        <v>0</v>
      </c>
      <c r="AV19" s="116">
        <v>36014</v>
      </c>
      <c r="AW19" s="113">
        <v>0</v>
      </c>
      <c r="AX19" s="117">
        <v>231978</v>
      </c>
      <c r="AY19" s="117">
        <v>588371</v>
      </c>
      <c r="AZ19" s="117">
        <v>366108</v>
      </c>
      <c r="BA19" s="117">
        <v>429461</v>
      </c>
      <c r="BB19" s="117">
        <v>307749</v>
      </c>
      <c r="BC19" s="116">
        <v>1923667</v>
      </c>
      <c r="BD19" s="119">
        <v>1959681</v>
      </c>
      <c r="BE19" s="113">
        <v>0</v>
      </c>
      <c r="BF19" s="117">
        <v>0</v>
      </c>
      <c r="BG19" s="115">
        <v>0</v>
      </c>
      <c r="BH19" s="114">
        <v>0</v>
      </c>
      <c r="BI19" s="117">
        <v>36686</v>
      </c>
      <c r="BJ19" s="117">
        <v>47652</v>
      </c>
      <c r="BK19" s="117">
        <v>0</v>
      </c>
      <c r="BL19" s="117">
        <v>71831</v>
      </c>
      <c r="BM19" s="117">
        <v>10966</v>
      </c>
      <c r="BN19" s="116">
        <v>167135</v>
      </c>
      <c r="BO19" s="119">
        <v>167135</v>
      </c>
      <c r="BP19" s="113">
        <v>56232</v>
      </c>
      <c r="BQ19" s="117">
        <v>6520</v>
      </c>
      <c r="BR19" s="116">
        <v>62752</v>
      </c>
      <c r="BS19" s="113">
        <v>0</v>
      </c>
      <c r="BT19" s="117">
        <v>154858</v>
      </c>
      <c r="BU19" s="117">
        <v>268336</v>
      </c>
      <c r="BV19" s="117">
        <v>228200</v>
      </c>
      <c r="BW19" s="117">
        <v>264024</v>
      </c>
      <c r="BX19" s="117">
        <v>188588</v>
      </c>
      <c r="BY19" s="116">
        <v>1104006</v>
      </c>
      <c r="BZ19" s="119">
        <v>1166758</v>
      </c>
      <c r="CA19" s="113">
        <v>0</v>
      </c>
      <c r="CB19" s="117">
        <v>39126</v>
      </c>
      <c r="CC19" s="116">
        <v>39126</v>
      </c>
      <c r="CD19" s="113">
        <v>0</v>
      </c>
      <c r="CE19" s="117">
        <v>608029</v>
      </c>
      <c r="CF19" s="117">
        <v>1676466</v>
      </c>
      <c r="CG19" s="117">
        <v>1386020</v>
      </c>
      <c r="CH19" s="117">
        <v>1091566</v>
      </c>
      <c r="CI19" s="117">
        <v>151268</v>
      </c>
      <c r="CJ19" s="116">
        <v>4913349</v>
      </c>
      <c r="CK19" s="119">
        <v>4952475</v>
      </c>
      <c r="CL19" s="113">
        <v>0</v>
      </c>
      <c r="CM19" s="117">
        <v>0</v>
      </c>
      <c r="CN19" s="116">
        <v>0</v>
      </c>
      <c r="CO19" s="114">
        <v>0</v>
      </c>
      <c r="CP19" s="117">
        <v>537347</v>
      </c>
      <c r="CQ19" s="117">
        <v>1440355</v>
      </c>
      <c r="CR19" s="117">
        <v>1279718</v>
      </c>
      <c r="CS19" s="117">
        <v>653937</v>
      </c>
      <c r="CT19" s="117">
        <v>151268</v>
      </c>
      <c r="CU19" s="116">
        <v>4062625</v>
      </c>
      <c r="CV19" s="119">
        <v>4062625</v>
      </c>
      <c r="CW19" s="113">
        <v>0</v>
      </c>
      <c r="CX19" s="117">
        <v>39126</v>
      </c>
      <c r="CY19" s="116">
        <v>39126</v>
      </c>
      <c r="CZ19" s="113">
        <v>0</v>
      </c>
      <c r="DA19" s="117">
        <v>70682</v>
      </c>
      <c r="DB19" s="117">
        <v>236111</v>
      </c>
      <c r="DC19" s="117">
        <v>106302</v>
      </c>
      <c r="DD19" s="117">
        <v>437629</v>
      </c>
      <c r="DE19" s="117">
        <v>0</v>
      </c>
      <c r="DF19" s="116">
        <v>850724</v>
      </c>
      <c r="DG19" s="119">
        <v>889850</v>
      </c>
      <c r="DH19" s="113">
        <v>0</v>
      </c>
      <c r="DI19" s="117">
        <v>0</v>
      </c>
      <c r="DJ19" s="115">
        <v>0</v>
      </c>
      <c r="DK19" s="114">
        <v>0</v>
      </c>
      <c r="DL19" s="117">
        <v>182797</v>
      </c>
      <c r="DM19" s="117">
        <v>344413</v>
      </c>
      <c r="DN19" s="117">
        <v>271648</v>
      </c>
      <c r="DO19" s="117">
        <v>395425</v>
      </c>
      <c r="DP19" s="117">
        <v>341895</v>
      </c>
      <c r="DQ19" s="116">
        <v>1536178</v>
      </c>
      <c r="DR19" s="119">
        <v>1536178</v>
      </c>
      <c r="DS19" s="113">
        <v>0</v>
      </c>
      <c r="DT19" s="117">
        <v>0</v>
      </c>
      <c r="DU19" s="116">
        <v>0</v>
      </c>
      <c r="DV19" s="113">
        <v>0</v>
      </c>
      <c r="DW19" s="117">
        <v>182797</v>
      </c>
      <c r="DX19" s="117">
        <v>236813</v>
      </c>
      <c r="DY19" s="117">
        <v>196005</v>
      </c>
      <c r="DZ19" s="117">
        <v>395425</v>
      </c>
      <c r="EA19" s="117">
        <v>341895</v>
      </c>
      <c r="EB19" s="116">
        <v>1352935</v>
      </c>
      <c r="EC19" s="119">
        <v>1352935</v>
      </c>
      <c r="ED19" s="113">
        <v>0</v>
      </c>
      <c r="EE19" s="115">
        <v>0</v>
      </c>
      <c r="EF19" s="116">
        <v>0</v>
      </c>
      <c r="EG19" s="113">
        <v>0</v>
      </c>
      <c r="EH19" s="117">
        <v>0</v>
      </c>
      <c r="EI19" s="117">
        <v>107600</v>
      </c>
      <c r="EJ19" s="117">
        <v>75643</v>
      </c>
      <c r="EK19" s="117">
        <v>0</v>
      </c>
      <c r="EL19" s="117">
        <v>0</v>
      </c>
      <c r="EM19" s="115">
        <v>183243</v>
      </c>
      <c r="EN19" s="119">
        <v>183243</v>
      </c>
      <c r="EO19" s="113">
        <v>0</v>
      </c>
      <c r="EP19" s="117">
        <v>0</v>
      </c>
      <c r="EQ19" s="115">
        <v>0</v>
      </c>
      <c r="ER19" s="114">
        <v>0</v>
      </c>
      <c r="ES19" s="117">
        <v>0</v>
      </c>
      <c r="ET19" s="117">
        <v>0</v>
      </c>
      <c r="EU19" s="117">
        <v>0</v>
      </c>
      <c r="EV19" s="117">
        <v>0</v>
      </c>
      <c r="EW19" s="117">
        <v>0</v>
      </c>
      <c r="EX19" s="116">
        <v>0</v>
      </c>
      <c r="EY19" s="119">
        <v>0</v>
      </c>
      <c r="EZ19" s="113">
        <v>0</v>
      </c>
      <c r="FA19" s="117">
        <v>0</v>
      </c>
      <c r="FB19" s="115">
        <v>0</v>
      </c>
      <c r="FC19" s="395"/>
      <c r="FD19" s="117">
        <v>0</v>
      </c>
      <c r="FE19" s="117">
        <v>0</v>
      </c>
      <c r="FF19" s="117">
        <v>0</v>
      </c>
      <c r="FG19" s="117">
        <v>0</v>
      </c>
      <c r="FH19" s="117">
        <v>0</v>
      </c>
      <c r="FI19" s="116">
        <v>0</v>
      </c>
      <c r="FJ19" s="119">
        <v>0</v>
      </c>
      <c r="FK19" s="113">
        <v>29440</v>
      </c>
      <c r="FL19" s="117">
        <v>65912</v>
      </c>
      <c r="FM19" s="116">
        <v>95352</v>
      </c>
      <c r="FN19" s="113">
        <v>0</v>
      </c>
      <c r="FO19" s="117">
        <v>144314</v>
      </c>
      <c r="FP19" s="117">
        <v>410568</v>
      </c>
      <c r="FQ19" s="117">
        <v>269680</v>
      </c>
      <c r="FR19" s="117">
        <v>354160</v>
      </c>
      <c r="FS19" s="117">
        <v>129784</v>
      </c>
      <c r="FT19" s="116">
        <v>1308506</v>
      </c>
      <c r="FU19" s="119">
        <v>1403858</v>
      </c>
      <c r="FV19" s="118">
        <v>16768</v>
      </c>
      <c r="FW19" s="117">
        <v>65912</v>
      </c>
      <c r="FX19" s="115">
        <v>82680</v>
      </c>
      <c r="FY19" s="114">
        <v>0</v>
      </c>
      <c r="FZ19" s="117">
        <v>144314</v>
      </c>
      <c r="GA19" s="117">
        <v>344744</v>
      </c>
      <c r="GB19" s="117">
        <v>269680</v>
      </c>
      <c r="GC19" s="117">
        <v>354160</v>
      </c>
      <c r="GD19" s="117">
        <v>129784</v>
      </c>
      <c r="GE19" s="116">
        <v>1242682</v>
      </c>
      <c r="GF19" s="357">
        <v>1325362</v>
      </c>
      <c r="GG19" s="118">
        <v>12672</v>
      </c>
      <c r="GH19" s="117">
        <v>0</v>
      </c>
      <c r="GI19" s="115">
        <v>12672</v>
      </c>
      <c r="GJ19" s="114">
        <v>0</v>
      </c>
      <c r="GK19" s="117">
        <v>0</v>
      </c>
      <c r="GL19" s="117">
        <v>0</v>
      </c>
      <c r="GM19" s="117">
        <v>0</v>
      </c>
      <c r="GN19" s="117">
        <v>0</v>
      </c>
      <c r="GO19" s="117">
        <v>0</v>
      </c>
      <c r="GP19" s="116">
        <v>0</v>
      </c>
      <c r="GQ19" s="119">
        <v>12672</v>
      </c>
      <c r="GR19" s="113">
        <v>0</v>
      </c>
      <c r="GS19" s="117">
        <v>0</v>
      </c>
      <c r="GT19" s="116">
        <v>0</v>
      </c>
      <c r="GU19" s="113">
        <v>0</v>
      </c>
      <c r="GV19" s="117">
        <v>0</v>
      </c>
      <c r="GW19" s="117">
        <v>65824</v>
      </c>
      <c r="GX19" s="117">
        <v>0</v>
      </c>
      <c r="GY19" s="117">
        <v>0</v>
      </c>
      <c r="GZ19" s="117">
        <v>0</v>
      </c>
      <c r="HA19" s="115">
        <v>65824</v>
      </c>
      <c r="HB19" s="119">
        <v>65824</v>
      </c>
      <c r="HC19" s="113">
        <v>86554</v>
      </c>
      <c r="HD19" s="117">
        <v>0</v>
      </c>
      <c r="HE19" s="115">
        <v>86554</v>
      </c>
      <c r="HF19" s="114">
        <v>0</v>
      </c>
      <c r="HG19" s="117">
        <v>978826</v>
      </c>
      <c r="HH19" s="117">
        <v>891929</v>
      </c>
      <c r="HI19" s="117">
        <v>1165590</v>
      </c>
      <c r="HJ19" s="117">
        <v>1386723</v>
      </c>
      <c r="HK19" s="117">
        <v>1788042</v>
      </c>
      <c r="HL19" s="116">
        <v>6211110</v>
      </c>
      <c r="HM19" s="112">
        <v>6297664</v>
      </c>
      <c r="HN19" s="395"/>
      <c r="HO19" s="395"/>
      <c r="HP19" s="395"/>
      <c r="HQ19" s="395"/>
      <c r="HR19" s="395"/>
      <c r="HS19" s="395"/>
      <c r="HT19" s="395"/>
      <c r="HU19" s="395"/>
      <c r="HV19" s="395"/>
      <c r="HW19" s="395"/>
      <c r="HX19" s="395"/>
      <c r="HY19" s="148">
        <v>0</v>
      </c>
      <c r="HZ19" s="149">
        <v>0</v>
      </c>
      <c r="IA19" s="150">
        <v>0</v>
      </c>
      <c r="IB19" s="162">
        <v>0</v>
      </c>
      <c r="IC19" s="149">
        <v>615634</v>
      </c>
      <c r="ID19" s="163">
        <v>811574</v>
      </c>
      <c r="IE19" s="150">
        <v>1294275</v>
      </c>
      <c r="IF19" s="149">
        <v>910467</v>
      </c>
      <c r="IG19" s="150">
        <v>176214</v>
      </c>
      <c r="IH19" s="164">
        <v>3808164</v>
      </c>
      <c r="II19" s="156">
        <v>3808164</v>
      </c>
      <c r="IJ19" s="259">
        <v>0</v>
      </c>
      <c r="IK19" s="266">
        <v>0</v>
      </c>
      <c r="IL19" s="267">
        <v>0</v>
      </c>
      <c r="IM19" s="395"/>
      <c r="IN19" s="123">
        <v>0</v>
      </c>
      <c r="IO19" s="123">
        <v>0</v>
      </c>
      <c r="IP19" s="123">
        <v>0</v>
      </c>
      <c r="IQ19" s="123">
        <v>0</v>
      </c>
      <c r="IR19" s="123">
        <v>0</v>
      </c>
      <c r="IS19" s="158">
        <v>0</v>
      </c>
      <c r="IT19" s="360">
        <v>0</v>
      </c>
      <c r="IU19" s="159">
        <v>0</v>
      </c>
      <c r="IV19" s="123">
        <v>0</v>
      </c>
      <c r="IW19" s="124">
        <v>0</v>
      </c>
      <c r="IX19" s="395"/>
      <c r="IY19" s="123">
        <v>0</v>
      </c>
      <c r="IZ19" s="123">
        <v>0</v>
      </c>
      <c r="JA19" s="123">
        <v>0</v>
      </c>
      <c r="JB19" s="123">
        <v>0</v>
      </c>
      <c r="JC19" s="123">
        <v>0</v>
      </c>
      <c r="JD19" s="124">
        <v>0</v>
      </c>
      <c r="JE19" s="125">
        <v>0</v>
      </c>
      <c r="JF19" s="159">
        <v>0</v>
      </c>
      <c r="JG19" s="123">
        <v>0</v>
      </c>
      <c r="JH19" s="158">
        <v>0</v>
      </c>
      <c r="JI19" s="122">
        <v>0</v>
      </c>
      <c r="JJ19" s="123">
        <v>502006</v>
      </c>
      <c r="JK19" s="123">
        <v>323766</v>
      </c>
      <c r="JL19" s="123">
        <v>174295</v>
      </c>
      <c r="JM19" s="123">
        <v>143359</v>
      </c>
      <c r="JN19" s="123">
        <v>176214</v>
      </c>
      <c r="JO19" s="124">
        <v>1319640</v>
      </c>
      <c r="JP19" s="360">
        <v>1319640</v>
      </c>
      <c r="JQ19" s="159">
        <v>0</v>
      </c>
      <c r="JR19" s="123">
        <v>0</v>
      </c>
      <c r="JS19" s="158">
        <v>0</v>
      </c>
      <c r="JT19" s="122">
        <v>0</v>
      </c>
      <c r="JU19" s="123">
        <v>0</v>
      </c>
      <c r="JV19" s="123">
        <v>140686</v>
      </c>
      <c r="JW19" s="123">
        <v>607147</v>
      </c>
      <c r="JX19" s="123">
        <v>39134</v>
      </c>
      <c r="JY19" s="123">
        <v>0</v>
      </c>
      <c r="JZ19" s="124">
        <v>786967</v>
      </c>
      <c r="KA19" s="360">
        <v>786967</v>
      </c>
      <c r="KB19" s="262">
        <v>0</v>
      </c>
      <c r="KC19" s="256">
        <v>0</v>
      </c>
      <c r="KD19" s="124">
        <v>0</v>
      </c>
      <c r="KE19" s="122">
        <v>0</v>
      </c>
      <c r="KF19" s="123">
        <v>113628</v>
      </c>
      <c r="KG19" s="123">
        <v>347122</v>
      </c>
      <c r="KH19" s="123">
        <v>0</v>
      </c>
      <c r="KI19" s="123">
        <v>253204</v>
      </c>
      <c r="KJ19" s="123">
        <v>0</v>
      </c>
      <c r="KK19" s="124">
        <v>713954</v>
      </c>
      <c r="KL19" s="160">
        <v>713954</v>
      </c>
      <c r="KM19" s="259">
        <v>0</v>
      </c>
      <c r="KN19" s="266">
        <v>0</v>
      </c>
      <c r="KO19" s="267">
        <v>0</v>
      </c>
      <c r="KP19" s="395"/>
      <c r="KQ19" s="123">
        <v>0</v>
      </c>
      <c r="KR19" s="123">
        <v>0</v>
      </c>
      <c r="KS19" s="123">
        <v>512833</v>
      </c>
      <c r="KT19" s="123">
        <v>259561</v>
      </c>
      <c r="KU19" s="123">
        <v>0</v>
      </c>
      <c r="KV19" s="124">
        <v>772394</v>
      </c>
      <c r="KW19" s="360">
        <v>772394</v>
      </c>
      <c r="KX19" s="159">
        <v>0</v>
      </c>
      <c r="KY19" s="123">
        <v>0</v>
      </c>
      <c r="KZ19" s="124">
        <v>0</v>
      </c>
      <c r="LA19" s="395"/>
      <c r="LB19" s="123">
        <v>0</v>
      </c>
      <c r="LC19" s="123">
        <v>0</v>
      </c>
      <c r="LD19" s="123">
        <v>0</v>
      </c>
      <c r="LE19" s="123">
        <v>215209</v>
      </c>
      <c r="LF19" s="123">
        <v>0</v>
      </c>
      <c r="LG19" s="124">
        <v>215209</v>
      </c>
      <c r="LH19" s="125">
        <v>215209</v>
      </c>
      <c r="LI19" s="159">
        <v>0</v>
      </c>
      <c r="LJ19" s="123">
        <v>0</v>
      </c>
      <c r="LK19" s="124">
        <v>0</v>
      </c>
      <c r="LL19" s="395"/>
      <c r="LM19" s="123">
        <v>0</v>
      </c>
      <c r="LN19" s="123">
        <v>0</v>
      </c>
      <c r="LO19" s="123">
        <v>0</v>
      </c>
      <c r="LP19" s="123">
        <v>0</v>
      </c>
      <c r="LQ19" s="123">
        <v>0</v>
      </c>
      <c r="LR19" s="124">
        <v>0</v>
      </c>
      <c r="LS19" s="360">
        <v>0</v>
      </c>
      <c r="LT19" s="159">
        <v>0</v>
      </c>
      <c r="LU19" s="123">
        <v>0</v>
      </c>
      <c r="LV19" s="124">
        <v>0</v>
      </c>
      <c r="LW19" s="395"/>
      <c r="LX19" s="123">
        <v>0</v>
      </c>
      <c r="LY19" s="123">
        <v>0</v>
      </c>
      <c r="LZ19" s="123">
        <v>0</v>
      </c>
      <c r="MA19" s="123">
        <v>0</v>
      </c>
      <c r="MB19" s="123">
        <v>0</v>
      </c>
      <c r="MC19" s="124">
        <v>0</v>
      </c>
      <c r="MD19" s="125">
        <v>0</v>
      </c>
      <c r="ME19" s="159">
        <v>0</v>
      </c>
      <c r="MF19" s="123">
        <v>0</v>
      </c>
      <c r="MG19" s="124">
        <v>0</v>
      </c>
      <c r="MH19" s="395"/>
      <c r="MI19" s="123">
        <v>474354</v>
      </c>
      <c r="MJ19" s="123">
        <v>284404</v>
      </c>
      <c r="MK19" s="123">
        <v>1302529</v>
      </c>
      <c r="ML19" s="123">
        <v>2353891</v>
      </c>
      <c r="MM19" s="123">
        <v>2717852</v>
      </c>
      <c r="MN19" s="124">
        <v>7133030</v>
      </c>
      <c r="MO19" s="160">
        <v>7133030</v>
      </c>
      <c r="MP19" s="159">
        <v>0</v>
      </c>
      <c r="MQ19" s="123">
        <v>0</v>
      </c>
      <c r="MR19" s="124">
        <v>0</v>
      </c>
      <c r="MS19" s="395"/>
      <c r="MT19" s="123">
        <v>0</v>
      </c>
      <c r="MU19" s="123">
        <v>0</v>
      </c>
      <c r="MV19" s="123">
        <v>485673</v>
      </c>
      <c r="MW19" s="123">
        <v>2063409</v>
      </c>
      <c r="MX19" s="123">
        <v>1445393</v>
      </c>
      <c r="MY19" s="124">
        <v>3994475</v>
      </c>
      <c r="MZ19" s="160">
        <v>3994475</v>
      </c>
      <c r="NA19" s="159">
        <v>0</v>
      </c>
      <c r="NB19" s="123">
        <v>0</v>
      </c>
      <c r="NC19" s="124">
        <v>0</v>
      </c>
      <c r="ND19" s="395"/>
      <c r="NE19" s="123">
        <v>474354</v>
      </c>
      <c r="NF19" s="123">
        <v>284404</v>
      </c>
      <c r="NG19" s="123">
        <v>816856</v>
      </c>
      <c r="NH19" s="123">
        <v>290482</v>
      </c>
      <c r="NI19" s="123">
        <v>1272459</v>
      </c>
      <c r="NJ19" s="124">
        <v>3138555</v>
      </c>
      <c r="NK19" s="360">
        <v>3138555</v>
      </c>
      <c r="NL19" s="159">
        <v>0</v>
      </c>
      <c r="NM19" s="123">
        <v>0</v>
      </c>
      <c r="NN19" s="124">
        <v>0</v>
      </c>
      <c r="NO19" s="395"/>
      <c r="NP19" s="123">
        <v>0</v>
      </c>
      <c r="NQ19" s="123">
        <v>0</v>
      </c>
      <c r="NR19" s="123">
        <v>0</v>
      </c>
      <c r="NS19" s="123">
        <v>0</v>
      </c>
      <c r="NT19" s="123">
        <v>0</v>
      </c>
      <c r="NU19" s="124">
        <v>0</v>
      </c>
      <c r="NV19" s="125">
        <v>0</v>
      </c>
      <c r="NW19" s="159">
        <v>0</v>
      </c>
      <c r="NX19" s="123">
        <v>0</v>
      </c>
      <c r="NY19" s="124">
        <v>0</v>
      </c>
      <c r="NZ19" s="395"/>
      <c r="OA19" s="123">
        <v>0</v>
      </c>
      <c r="OB19" s="123">
        <v>0</v>
      </c>
      <c r="OC19" s="123">
        <v>0</v>
      </c>
      <c r="OD19" s="123">
        <v>0</v>
      </c>
      <c r="OE19" s="123">
        <v>0</v>
      </c>
      <c r="OF19" s="124">
        <v>0</v>
      </c>
      <c r="OG19" s="125">
        <v>0</v>
      </c>
      <c r="OH19" s="159">
        <v>208240</v>
      </c>
      <c r="OI19" s="123">
        <v>111558</v>
      </c>
      <c r="OJ19" s="158">
        <v>319798</v>
      </c>
      <c r="OK19" s="122">
        <v>0</v>
      </c>
      <c r="OL19" s="123">
        <v>3930642</v>
      </c>
      <c r="OM19" s="123">
        <v>6504090</v>
      </c>
      <c r="ON19" s="123">
        <v>6861899</v>
      </c>
      <c r="OO19" s="123">
        <v>8343750</v>
      </c>
      <c r="OP19" s="123">
        <v>6381429</v>
      </c>
      <c r="OQ19" s="124">
        <v>32021810</v>
      </c>
      <c r="OR19" s="160">
        <v>32341608</v>
      </c>
    </row>
    <row r="20" spans="1:408" ht="20.25" customHeight="1" x14ac:dyDescent="0.2">
      <c r="A20" s="130" t="s">
        <v>15</v>
      </c>
      <c r="B20" s="113">
        <v>234019</v>
      </c>
      <c r="C20" s="117">
        <v>351055</v>
      </c>
      <c r="D20" s="116">
        <v>585074</v>
      </c>
      <c r="E20" s="112">
        <v>0</v>
      </c>
      <c r="F20" s="117">
        <v>1344514</v>
      </c>
      <c r="G20" s="117">
        <v>1936957</v>
      </c>
      <c r="H20" s="117">
        <v>1245048</v>
      </c>
      <c r="I20" s="117">
        <v>1277913</v>
      </c>
      <c r="J20" s="117">
        <v>455202</v>
      </c>
      <c r="K20" s="112">
        <v>6259634</v>
      </c>
      <c r="L20" s="119">
        <v>6844708</v>
      </c>
      <c r="M20" s="113">
        <v>24728</v>
      </c>
      <c r="N20" s="117">
        <v>0</v>
      </c>
      <c r="O20" s="116">
        <v>24728</v>
      </c>
      <c r="P20" s="113">
        <v>0</v>
      </c>
      <c r="Q20" s="117">
        <v>241307</v>
      </c>
      <c r="R20" s="117">
        <v>1012503</v>
      </c>
      <c r="S20" s="117">
        <v>245959</v>
      </c>
      <c r="T20" s="117">
        <v>405950</v>
      </c>
      <c r="U20" s="117">
        <v>345303</v>
      </c>
      <c r="V20" s="116">
        <v>2251022</v>
      </c>
      <c r="W20" s="119">
        <v>2275750</v>
      </c>
      <c r="X20" s="113">
        <v>0</v>
      </c>
      <c r="Y20" s="117">
        <v>0</v>
      </c>
      <c r="Z20" s="116">
        <v>0</v>
      </c>
      <c r="AA20" s="113">
        <v>0</v>
      </c>
      <c r="AB20" s="117">
        <v>153993</v>
      </c>
      <c r="AC20" s="117">
        <v>607967</v>
      </c>
      <c r="AD20" s="117">
        <v>154256</v>
      </c>
      <c r="AE20" s="117">
        <v>74623</v>
      </c>
      <c r="AF20" s="117">
        <v>265776</v>
      </c>
      <c r="AG20" s="116">
        <v>1256615</v>
      </c>
      <c r="AH20" s="119">
        <v>1256615</v>
      </c>
      <c r="AI20" s="113">
        <v>0</v>
      </c>
      <c r="AJ20" s="117">
        <v>0</v>
      </c>
      <c r="AK20" s="116">
        <v>0</v>
      </c>
      <c r="AL20" s="113">
        <v>0</v>
      </c>
      <c r="AM20" s="117">
        <v>0</v>
      </c>
      <c r="AN20" s="117">
        <v>0</v>
      </c>
      <c r="AO20" s="117">
        <v>0</v>
      </c>
      <c r="AP20" s="117">
        <v>137300</v>
      </c>
      <c r="AQ20" s="117">
        <v>0</v>
      </c>
      <c r="AR20" s="116">
        <v>137300</v>
      </c>
      <c r="AS20" s="119">
        <v>137300</v>
      </c>
      <c r="AT20" s="113">
        <v>0</v>
      </c>
      <c r="AU20" s="117">
        <v>0</v>
      </c>
      <c r="AV20" s="116">
        <v>0</v>
      </c>
      <c r="AW20" s="113">
        <v>0</v>
      </c>
      <c r="AX20" s="117">
        <v>29450</v>
      </c>
      <c r="AY20" s="117">
        <v>304497</v>
      </c>
      <c r="AZ20" s="117">
        <v>0</v>
      </c>
      <c r="BA20" s="117">
        <v>118739</v>
      </c>
      <c r="BB20" s="117">
        <v>35138</v>
      </c>
      <c r="BC20" s="116">
        <v>487824</v>
      </c>
      <c r="BD20" s="119">
        <v>487824</v>
      </c>
      <c r="BE20" s="113">
        <v>0</v>
      </c>
      <c r="BF20" s="117">
        <v>0</v>
      </c>
      <c r="BG20" s="115">
        <v>0</v>
      </c>
      <c r="BH20" s="114">
        <v>0</v>
      </c>
      <c r="BI20" s="117">
        <v>0</v>
      </c>
      <c r="BJ20" s="117">
        <v>31039</v>
      </c>
      <c r="BK20" s="117">
        <v>15519</v>
      </c>
      <c r="BL20" s="117">
        <v>0</v>
      </c>
      <c r="BM20" s="117">
        <v>39813</v>
      </c>
      <c r="BN20" s="116">
        <v>86371</v>
      </c>
      <c r="BO20" s="119">
        <v>86371</v>
      </c>
      <c r="BP20" s="113">
        <v>24728</v>
      </c>
      <c r="BQ20" s="117">
        <v>0</v>
      </c>
      <c r="BR20" s="116">
        <v>24728</v>
      </c>
      <c r="BS20" s="113">
        <v>0</v>
      </c>
      <c r="BT20" s="117">
        <v>57864</v>
      </c>
      <c r="BU20" s="117">
        <v>69000</v>
      </c>
      <c r="BV20" s="117">
        <v>76184</v>
      </c>
      <c r="BW20" s="117">
        <v>75288</v>
      </c>
      <c r="BX20" s="117">
        <v>4576</v>
      </c>
      <c r="BY20" s="116">
        <v>282912</v>
      </c>
      <c r="BZ20" s="119">
        <v>307640</v>
      </c>
      <c r="CA20" s="113">
        <v>0</v>
      </c>
      <c r="CB20" s="117">
        <v>0</v>
      </c>
      <c r="CC20" s="116">
        <v>0</v>
      </c>
      <c r="CD20" s="113">
        <v>0</v>
      </c>
      <c r="CE20" s="117">
        <v>130414</v>
      </c>
      <c r="CF20" s="117">
        <v>404425</v>
      </c>
      <c r="CG20" s="117">
        <v>371936</v>
      </c>
      <c r="CH20" s="117">
        <v>21428</v>
      </c>
      <c r="CI20" s="117">
        <v>20900</v>
      </c>
      <c r="CJ20" s="116">
        <v>949103</v>
      </c>
      <c r="CK20" s="119">
        <v>949103</v>
      </c>
      <c r="CL20" s="113">
        <v>0</v>
      </c>
      <c r="CM20" s="117">
        <v>0</v>
      </c>
      <c r="CN20" s="116">
        <v>0</v>
      </c>
      <c r="CO20" s="114">
        <v>0</v>
      </c>
      <c r="CP20" s="117">
        <v>38630</v>
      </c>
      <c r="CQ20" s="117">
        <v>246064</v>
      </c>
      <c r="CR20" s="117">
        <v>221749</v>
      </c>
      <c r="CS20" s="117">
        <v>0</v>
      </c>
      <c r="CT20" s="117">
        <v>20900</v>
      </c>
      <c r="CU20" s="116">
        <v>527343</v>
      </c>
      <c r="CV20" s="119">
        <v>527343</v>
      </c>
      <c r="CW20" s="113">
        <v>0</v>
      </c>
      <c r="CX20" s="117">
        <v>0</v>
      </c>
      <c r="CY20" s="116">
        <v>0</v>
      </c>
      <c r="CZ20" s="113">
        <v>0</v>
      </c>
      <c r="DA20" s="117">
        <v>91784</v>
      </c>
      <c r="DB20" s="117">
        <v>158361</v>
      </c>
      <c r="DC20" s="117">
        <v>150187</v>
      </c>
      <c r="DD20" s="117">
        <v>21428</v>
      </c>
      <c r="DE20" s="117">
        <v>0</v>
      </c>
      <c r="DF20" s="116">
        <v>421760</v>
      </c>
      <c r="DG20" s="119">
        <v>421760</v>
      </c>
      <c r="DH20" s="113">
        <v>0</v>
      </c>
      <c r="DI20" s="117">
        <v>0</v>
      </c>
      <c r="DJ20" s="115">
        <v>0</v>
      </c>
      <c r="DK20" s="114">
        <v>0</v>
      </c>
      <c r="DL20" s="117">
        <v>0</v>
      </c>
      <c r="DM20" s="117">
        <v>0</v>
      </c>
      <c r="DN20" s="117">
        <v>0</v>
      </c>
      <c r="DO20" s="117">
        <v>0</v>
      </c>
      <c r="DP20" s="117">
        <v>28999</v>
      </c>
      <c r="DQ20" s="116">
        <v>28999</v>
      </c>
      <c r="DR20" s="119">
        <v>28999</v>
      </c>
      <c r="DS20" s="113">
        <v>0</v>
      </c>
      <c r="DT20" s="117">
        <v>0</v>
      </c>
      <c r="DU20" s="116">
        <v>0</v>
      </c>
      <c r="DV20" s="113">
        <v>0</v>
      </c>
      <c r="DW20" s="117">
        <v>0</v>
      </c>
      <c r="DX20" s="117">
        <v>0</v>
      </c>
      <c r="DY20" s="117">
        <v>0</v>
      </c>
      <c r="DZ20" s="117">
        <v>0</v>
      </c>
      <c r="EA20" s="117">
        <v>28999</v>
      </c>
      <c r="EB20" s="116">
        <v>28999</v>
      </c>
      <c r="EC20" s="119">
        <v>28999</v>
      </c>
      <c r="ED20" s="113">
        <v>0</v>
      </c>
      <c r="EE20" s="115">
        <v>0</v>
      </c>
      <c r="EF20" s="116">
        <v>0</v>
      </c>
      <c r="EG20" s="113">
        <v>0</v>
      </c>
      <c r="EH20" s="117">
        <v>0</v>
      </c>
      <c r="EI20" s="117">
        <v>0</v>
      </c>
      <c r="EJ20" s="117">
        <v>0</v>
      </c>
      <c r="EK20" s="117">
        <v>0</v>
      </c>
      <c r="EL20" s="117">
        <v>0</v>
      </c>
      <c r="EM20" s="115">
        <v>0</v>
      </c>
      <c r="EN20" s="119">
        <v>0</v>
      </c>
      <c r="EO20" s="113">
        <v>0</v>
      </c>
      <c r="EP20" s="117">
        <v>0</v>
      </c>
      <c r="EQ20" s="115">
        <v>0</v>
      </c>
      <c r="ER20" s="114">
        <v>0</v>
      </c>
      <c r="ES20" s="117">
        <v>0</v>
      </c>
      <c r="ET20" s="117">
        <v>0</v>
      </c>
      <c r="EU20" s="117">
        <v>0</v>
      </c>
      <c r="EV20" s="117">
        <v>0</v>
      </c>
      <c r="EW20" s="117">
        <v>0</v>
      </c>
      <c r="EX20" s="116">
        <v>0</v>
      </c>
      <c r="EY20" s="119">
        <v>0</v>
      </c>
      <c r="EZ20" s="113">
        <v>0</v>
      </c>
      <c r="FA20" s="117">
        <v>0</v>
      </c>
      <c r="FB20" s="115">
        <v>0</v>
      </c>
      <c r="FC20" s="395"/>
      <c r="FD20" s="117">
        <v>0</v>
      </c>
      <c r="FE20" s="117">
        <v>0</v>
      </c>
      <c r="FF20" s="117">
        <v>0</v>
      </c>
      <c r="FG20" s="117">
        <v>0</v>
      </c>
      <c r="FH20" s="117">
        <v>0</v>
      </c>
      <c r="FI20" s="116">
        <v>0</v>
      </c>
      <c r="FJ20" s="119">
        <v>0</v>
      </c>
      <c r="FK20" s="113">
        <v>1600</v>
      </c>
      <c r="FL20" s="117">
        <v>61016</v>
      </c>
      <c r="FM20" s="116">
        <v>62616</v>
      </c>
      <c r="FN20" s="113">
        <v>0</v>
      </c>
      <c r="FO20" s="117">
        <v>44720</v>
      </c>
      <c r="FP20" s="117">
        <v>151880</v>
      </c>
      <c r="FQ20" s="117">
        <v>39744</v>
      </c>
      <c r="FR20" s="117">
        <v>202400</v>
      </c>
      <c r="FS20" s="117">
        <v>60000</v>
      </c>
      <c r="FT20" s="116">
        <v>498744</v>
      </c>
      <c r="FU20" s="119">
        <v>561360</v>
      </c>
      <c r="FV20" s="118">
        <v>1600</v>
      </c>
      <c r="FW20" s="117">
        <v>40600</v>
      </c>
      <c r="FX20" s="115">
        <v>42200</v>
      </c>
      <c r="FY20" s="114">
        <v>0</v>
      </c>
      <c r="FZ20" s="117">
        <v>44720</v>
      </c>
      <c r="GA20" s="117">
        <v>132680</v>
      </c>
      <c r="GB20" s="117">
        <v>39744</v>
      </c>
      <c r="GC20" s="117">
        <v>129600</v>
      </c>
      <c r="GD20" s="117">
        <v>60000</v>
      </c>
      <c r="GE20" s="116">
        <v>406744</v>
      </c>
      <c r="GF20" s="357">
        <v>448944</v>
      </c>
      <c r="GG20" s="118">
        <v>0</v>
      </c>
      <c r="GH20" s="117">
        <v>20416</v>
      </c>
      <c r="GI20" s="115">
        <v>20416</v>
      </c>
      <c r="GJ20" s="114">
        <v>0</v>
      </c>
      <c r="GK20" s="117">
        <v>0</v>
      </c>
      <c r="GL20" s="117">
        <v>0</v>
      </c>
      <c r="GM20" s="117">
        <v>0</v>
      </c>
      <c r="GN20" s="117">
        <v>0</v>
      </c>
      <c r="GO20" s="117">
        <v>0</v>
      </c>
      <c r="GP20" s="116">
        <v>0</v>
      </c>
      <c r="GQ20" s="119">
        <v>20416</v>
      </c>
      <c r="GR20" s="113">
        <v>0</v>
      </c>
      <c r="GS20" s="117">
        <v>0</v>
      </c>
      <c r="GT20" s="116">
        <v>0</v>
      </c>
      <c r="GU20" s="113">
        <v>0</v>
      </c>
      <c r="GV20" s="117">
        <v>0</v>
      </c>
      <c r="GW20" s="117">
        <v>19200</v>
      </c>
      <c r="GX20" s="117">
        <v>0</v>
      </c>
      <c r="GY20" s="117">
        <v>72800</v>
      </c>
      <c r="GZ20" s="117">
        <v>0</v>
      </c>
      <c r="HA20" s="115">
        <v>92000</v>
      </c>
      <c r="HB20" s="119">
        <v>92000</v>
      </c>
      <c r="HC20" s="113">
        <v>207691</v>
      </c>
      <c r="HD20" s="117">
        <v>290039</v>
      </c>
      <c r="HE20" s="115">
        <v>497730</v>
      </c>
      <c r="HF20" s="114">
        <v>0</v>
      </c>
      <c r="HG20" s="117">
        <v>928073</v>
      </c>
      <c r="HH20" s="117">
        <v>368149</v>
      </c>
      <c r="HI20" s="117">
        <v>587409</v>
      </c>
      <c r="HJ20" s="117">
        <v>648135</v>
      </c>
      <c r="HK20" s="117">
        <v>0</v>
      </c>
      <c r="HL20" s="116">
        <v>2531766</v>
      </c>
      <c r="HM20" s="112">
        <v>3029496</v>
      </c>
      <c r="HN20" s="395"/>
      <c r="HO20" s="395"/>
      <c r="HP20" s="395"/>
      <c r="HQ20" s="395"/>
      <c r="HR20" s="395"/>
      <c r="HS20" s="395"/>
      <c r="HT20" s="395"/>
      <c r="HU20" s="395"/>
      <c r="HV20" s="395"/>
      <c r="HW20" s="395"/>
      <c r="HX20" s="395"/>
      <c r="HY20" s="166">
        <v>0</v>
      </c>
      <c r="HZ20" s="152">
        <v>0</v>
      </c>
      <c r="IA20" s="166">
        <v>0</v>
      </c>
      <c r="IB20" s="151">
        <v>0</v>
      </c>
      <c r="IC20" s="152">
        <v>581677</v>
      </c>
      <c r="ID20" s="153">
        <v>1054564</v>
      </c>
      <c r="IE20" s="154">
        <v>733858</v>
      </c>
      <c r="IF20" s="152">
        <v>531893</v>
      </c>
      <c r="IG20" s="154">
        <v>89700</v>
      </c>
      <c r="IH20" s="155">
        <v>2991692</v>
      </c>
      <c r="II20" s="166">
        <v>2991692</v>
      </c>
      <c r="IJ20" s="259">
        <v>0</v>
      </c>
      <c r="IK20" s="266">
        <v>0</v>
      </c>
      <c r="IL20" s="267">
        <v>0</v>
      </c>
      <c r="IM20" s="395"/>
      <c r="IN20" s="123">
        <v>0</v>
      </c>
      <c r="IO20" s="123">
        <v>0</v>
      </c>
      <c r="IP20" s="123">
        <v>0</v>
      </c>
      <c r="IQ20" s="123">
        <v>0</v>
      </c>
      <c r="IR20" s="123">
        <v>0</v>
      </c>
      <c r="IS20" s="158">
        <v>0</v>
      </c>
      <c r="IT20" s="360">
        <v>0</v>
      </c>
      <c r="IU20" s="159">
        <v>0</v>
      </c>
      <c r="IV20" s="123">
        <v>0</v>
      </c>
      <c r="IW20" s="124">
        <v>0</v>
      </c>
      <c r="IX20" s="395"/>
      <c r="IY20" s="123">
        <v>0</v>
      </c>
      <c r="IZ20" s="123">
        <v>0</v>
      </c>
      <c r="JA20" s="123">
        <v>0</v>
      </c>
      <c r="JB20" s="123">
        <v>0</v>
      </c>
      <c r="JC20" s="123">
        <v>0</v>
      </c>
      <c r="JD20" s="124">
        <v>0</v>
      </c>
      <c r="JE20" s="125">
        <v>0</v>
      </c>
      <c r="JF20" s="159">
        <v>0</v>
      </c>
      <c r="JG20" s="123">
        <v>0</v>
      </c>
      <c r="JH20" s="158">
        <v>0</v>
      </c>
      <c r="JI20" s="122">
        <v>0</v>
      </c>
      <c r="JJ20" s="123">
        <v>130662</v>
      </c>
      <c r="JK20" s="123">
        <v>362229</v>
      </c>
      <c r="JL20" s="123">
        <v>35098</v>
      </c>
      <c r="JM20" s="123">
        <v>32592</v>
      </c>
      <c r="JN20" s="123">
        <v>89700</v>
      </c>
      <c r="JO20" s="124">
        <v>650281</v>
      </c>
      <c r="JP20" s="360">
        <v>650281</v>
      </c>
      <c r="JQ20" s="159">
        <v>0</v>
      </c>
      <c r="JR20" s="123">
        <v>0</v>
      </c>
      <c r="JS20" s="158">
        <v>0</v>
      </c>
      <c r="JT20" s="122">
        <v>0</v>
      </c>
      <c r="JU20" s="123">
        <v>0</v>
      </c>
      <c r="JV20" s="123">
        <v>70780</v>
      </c>
      <c r="JW20" s="123">
        <v>0</v>
      </c>
      <c r="JX20" s="123">
        <v>0</v>
      </c>
      <c r="JY20" s="123">
        <v>0</v>
      </c>
      <c r="JZ20" s="124">
        <v>70780</v>
      </c>
      <c r="KA20" s="360">
        <v>70780</v>
      </c>
      <c r="KB20" s="262">
        <v>0</v>
      </c>
      <c r="KC20" s="256">
        <v>0</v>
      </c>
      <c r="KD20" s="124">
        <v>0</v>
      </c>
      <c r="KE20" s="122">
        <v>0</v>
      </c>
      <c r="KF20" s="123">
        <v>0</v>
      </c>
      <c r="KG20" s="123">
        <v>148603</v>
      </c>
      <c r="KH20" s="123">
        <v>447089</v>
      </c>
      <c r="KI20" s="123">
        <v>499301</v>
      </c>
      <c r="KJ20" s="123">
        <v>0</v>
      </c>
      <c r="KK20" s="124">
        <v>1094993</v>
      </c>
      <c r="KL20" s="160">
        <v>1094993</v>
      </c>
      <c r="KM20" s="259">
        <v>0</v>
      </c>
      <c r="KN20" s="266">
        <v>0</v>
      </c>
      <c r="KO20" s="267">
        <v>0</v>
      </c>
      <c r="KP20" s="395"/>
      <c r="KQ20" s="123">
        <v>451015</v>
      </c>
      <c r="KR20" s="123">
        <v>472952</v>
      </c>
      <c r="KS20" s="123">
        <v>234607</v>
      </c>
      <c r="KT20" s="123">
        <v>0</v>
      </c>
      <c r="KU20" s="123">
        <v>0</v>
      </c>
      <c r="KV20" s="124">
        <v>1158574</v>
      </c>
      <c r="KW20" s="360">
        <v>1158574</v>
      </c>
      <c r="KX20" s="159">
        <v>0</v>
      </c>
      <c r="KY20" s="123">
        <v>0</v>
      </c>
      <c r="KZ20" s="124">
        <v>0</v>
      </c>
      <c r="LA20" s="395"/>
      <c r="LB20" s="123">
        <v>0</v>
      </c>
      <c r="LC20" s="123">
        <v>0</v>
      </c>
      <c r="LD20" s="123">
        <v>0</v>
      </c>
      <c r="LE20" s="123">
        <v>0</v>
      </c>
      <c r="LF20" s="123">
        <v>0</v>
      </c>
      <c r="LG20" s="124">
        <v>0</v>
      </c>
      <c r="LH20" s="125">
        <v>0</v>
      </c>
      <c r="LI20" s="159">
        <v>0</v>
      </c>
      <c r="LJ20" s="123">
        <v>0</v>
      </c>
      <c r="LK20" s="124">
        <v>0</v>
      </c>
      <c r="LL20" s="395"/>
      <c r="LM20" s="123">
        <v>0</v>
      </c>
      <c r="LN20" s="123">
        <v>0</v>
      </c>
      <c r="LO20" s="123">
        <v>17064</v>
      </c>
      <c r="LP20" s="123">
        <v>0</v>
      </c>
      <c r="LQ20" s="123">
        <v>0</v>
      </c>
      <c r="LR20" s="124">
        <v>17064</v>
      </c>
      <c r="LS20" s="360">
        <v>17064</v>
      </c>
      <c r="LT20" s="159">
        <v>0</v>
      </c>
      <c r="LU20" s="123">
        <v>0</v>
      </c>
      <c r="LV20" s="124">
        <v>0</v>
      </c>
      <c r="LW20" s="395"/>
      <c r="LX20" s="123">
        <v>0</v>
      </c>
      <c r="LY20" s="123">
        <v>0</v>
      </c>
      <c r="LZ20" s="123">
        <v>0</v>
      </c>
      <c r="MA20" s="123">
        <v>0</v>
      </c>
      <c r="MB20" s="123">
        <v>0</v>
      </c>
      <c r="MC20" s="124">
        <v>0</v>
      </c>
      <c r="MD20" s="125">
        <v>0</v>
      </c>
      <c r="ME20" s="159">
        <v>0</v>
      </c>
      <c r="MF20" s="123">
        <v>0</v>
      </c>
      <c r="MG20" s="124">
        <v>0</v>
      </c>
      <c r="MH20" s="395"/>
      <c r="MI20" s="123">
        <v>506630</v>
      </c>
      <c r="MJ20" s="123">
        <v>236997</v>
      </c>
      <c r="MK20" s="123">
        <v>1004692</v>
      </c>
      <c r="ML20" s="123">
        <v>1620170</v>
      </c>
      <c r="MM20" s="123">
        <v>589678</v>
      </c>
      <c r="MN20" s="124">
        <v>3958167</v>
      </c>
      <c r="MO20" s="160">
        <v>3958167</v>
      </c>
      <c r="MP20" s="159">
        <v>0</v>
      </c>
      <c r="MQ20" s="123">
        <v>0</v>
      </c>
      <c r="MR20" s="124">
        <v>0</v>
      </c>
      <c r="MS20" s="395"/>
      <c r="MT20" s="123">
        <v>0</v>
      </c>
      <c r="MU20" s="123">
        <v>0</v>
      </c>
      <c r="MV20" s="123">
        <v>726770</v>
      </c>
      <c r="MW20" s="123">
        <v>761466</v>
      </c>
      <c r="MX20" s="123">
        <v>0</v>
      </c>
      <c r="MY20" s="124">
        <v>1488236</v>
      </c>
      <c r="MZ20" s="160">
        <v>1488236</v>
      </c>
      <c r="NA20" s="159">
        <v>0</v>
      </c>
      <c r="NB20" s="123">
        <v>0</v>
      </c>
      <c r="NC20" s="124">
        <v>0</v>
      </c>
      <c r="ND20" s="395"/>
      <c r="NE20" s="123">
        <v>506630</v>
      </c>
      <c r="NF20" s="123">
        <v>236997</v>
      </c>
      <c r="NG20" s="123">
        <v>277922</v>
      </c>
      <c r="NH20" s="123">
        <v>858704</v>
      </c>
      <c r="NI20" s="123">
        <v>589678</v>
      </c>
      <c r="NJ20" s="124">
        <v>2469931</v>
      </c>
      <c r="NK20" s="360">
        <v>2469931</v>
      </c>
      <c r="NL20" s="159">
        <v>0</v>
      </c>
      <c r="NM20" s="123">
        <v>0</v>
      </c>
      <c r="NN20" s="124">
        <v>0</v>
      </c>
      <c r="NO20" s="395"/>
      <c r="NP20" s="123">
        <v>0</v>
      </c>
      <c r="NQ20" s="123">
        <v>0</v>
      </c>
      <c r="NR20" s="123">
        <v>0</v>
      </c>
      <c r="NS20" s="123">
        <v>0</v>
      </c>
      <c r="NT20" s="123">
        <v>0</v>
      </c>
      <c r="NU20" s="124">
        <v>0</v>
      </c>
      <c r="NV20" s="125">
        <v>0</v>
      </c>
      <c r="NW20" s="159">
        <v>0</v>
      </c>
      <c r="NX20" s="123">
        <v>0</v>
      </c>
      <c r="NY20" s="124">
        <v>0</v>
      </c>
      <c r="NZ20" s="395"/>
      <c r="OA20" s="123">
        <v>0</v>
      </c>
      <c r="OB20" s="123">
        <v>0</v>
      </c>
      <c r="OC20" s="123">
        <v>0</v>
      </c>
      <c r="OD20" s="123">
        <v>0</v>
      </c>
      <c r="OE20" s="123">
        <v>0</v>
      </c>
      <c r="OF20" s="124">
        <v>0</v>
      </c>
      <c r="OG20" s="125">
        <v>0</v>
      </c>
      <c r="OH20" s="159">
        <v>234019</v>
      </c>
      <c r="OI20" s="123">
        <v>351055</v>
      </c>
      <c r="OJ20" s="158">
        <v>585074</v>
      </c>
      <c r="OK20" s="122">
        <v>0</v>
      </c>
      <c r="OL20" s="123">
        <v>2432821</v>
      </c>
      <c r="OM20" s="123">
        <v>3228518</v>
      </c>
      <c r="ON20" s="123">
        <v>2983598</v>
      </c>
      <c r="OO20" s="123">
        <v>3429976</v>
      </c>
      <c r="OP20" s="123">
        <v>1134580</v>
      </c>
      <c r="OQ20" s="124">
        <v>13209493</v>
      </c>
      <c r="OR20" s="160">
        <v>13794567</v>
      </c>
    </row>
    <row r="21" spans="1:408" ht="20.25" customHeight="1" x14ac:dyDescent="0.2">
      <c r="A21" s="130" t="s">
        <v>16</v>
      </c>
      <c r="B21" s="113">
        <v>291218</v>
      </c>
      <c r="C21" s="117">
        <v>684214</v>
      </c>
      <c r="D21" s="116">
        <v>975432</v>
      </c>
      <c r="E21" s="112">
        <v>0</v>
      </c>
      <c r="F21" s="117">
        <v>4795596</v>
      </c>
      <c r="G21" s="117">
        <v>7883133</v>
      </c>
      <c r="H21" s="117">
        <v>5626878</v>
      </c>
      <c r="I21" s="117">
        <v>6921741</v>
      </c>
      <c r="J21" s="117">
        <v>3072787</v>
      </c>
      <c r="K21" s="112">
        <v>28300135</v>
      </c>
      <c r="L21" s="119">
        <v>29275567</v>
      </c>
      <c r="M21" s="113">
        <v>35232</v>
      </c>
      <c r="N21" s="117">
        <v>143540</v>
      </c>
      <c r="O21" s="116">
        <v>178772</v>
      </c>
      <c r="P21" s="113">
        <v>0</v>
      </c>
      <c r="Q21" s="117">
        <v>965821</v>
      </c>
      <c r="R21" s="117">
        <v>1789027</v>
      </c>
      <c r="S21" s="117">
        <v>1299979</v>
      </c>
      <c r="T21" s="117">
        <v>1572182</v>
      </c>
      <c r="U21" s="117">
        <v>1042369</v>
      </c>
      <c r="V21" s="116">
        <v>6669378</v>
      </c>
      <c r="W21" s="119">
        <v>6848150</v>
      </c>
      <c r="X21" s="113">
        <v>0</v>
      </c>
      <c r="Y21" s="117">
        <v>0</v>
      </c>
      <c r="Z21" s="116">
        <v>0</v>
      </c>
      <c r="AA21" s="113">
        <v>0</v>
      </c>
      <c r="AB21" s="117">
        <v>416600</v>
      </c>
      <c r="AC21" s="117">
        <v>462997</v>
      </c>
      <c r="AD21" s="117">
        <v>462804</v>
      </c>
      <c r="AE21" s="117">
        <v>871997</v>
      </c>
      <c r="AF21" s="117">
        <v>385351</v>
      </c>
      <c r="AG21" s="116">
        <v>2599749</v>
      </c>
      <c r="AH21" s="119">
        <v>2599749</v>
      </c>
      <c r="AI21" s="113">
        <v>0</v>
      </c>
      <c r="AJ21" s="117">
        <v>0</v>
      </c>
      <c r="AK21" s="116">
        <v>0</v>
      </c>
      <c r="AL21" s="113">
        <v>0</v>
      </c>
      <c r="AM21" s="117">
        <v>0</v>
      </c>
      <c r="AN21" s="117">
        <v>33810</v>
      </c>
      <c r="AO21" s="117">
        <v>0</v>
      </c>
      <c r="AP21" s="117">
        <v>91944</v>
      </c>
      <c r="AQ21" s="117">
        <v>123971</v>
      </c>
      <c r="AR21" s="116">
        <v>249725</v>
      </c>
      <c r="AS21" s="119">
        <v>249725</v>
      </c>
      <c r="AT21" s="113">
        <v>0</v>
      </c>
      <c r="AU21" s="117">
        <v>127420</v>
      </c>
      <c r="AV21" s="116">
        <v>127420</v>
      </c>
      <c r="AW21" s="113">
        <v>0</v>
      </c>
      <c r="AX21" s="117">
        <v>342301</v>
      </c>
      <c r="AY21" s="117">
        <v>1072497</v>
      </c>
      <c r="AZ21" s="117">
        <v>483277</v>
      </c>
      <c r="BA21" s="117">
        <v>293489</v>
      </c>
      <c r="BB21" s="117">
        <v>259364</v>
      </c>
      <c r="BC21" s="116">
        <v>2450928</v>
      </c>
      <c r="BD21" s="119">
        <v>2578348</v>
      </c>
      <c r="BE21" s="113">
        <v>0</v>
      </c>
      <c r="BF21" s="117">
        <v>0</v>
      </c>
      <c r="BG21" s="115">
        <v>0</v>
      </c>
      <c r="BH21" s="114">
        <v>0</v>
      </c>
      <c r="BI21" s="117">
        <v>0</v>
      </c>
      <c r="BJ21" s="117">
        <v>39579</v>
      </c>
      <c r="BK21" s="117">
        <v>63234</v>
      </c>
      <c r="BL21" s="117">
        <v>0</v>
      </c>
      <c r="BM21" s="117">
        <v>149651</v>
      </c>
      <c r="BN21" s="116">
        <v>252464</v>
      </c>
      <c r="BO21" s="119">
        <v>252464</v>
      </c>
      <c r="BP21" s="113">
        <v>35232</v>
      </c>
      <c r="BQ21" s="117">
        <v>16120</v>
      </c>
      <c r="BR21" s="116">
        <v>51352</v>
      </c>
      <c r="BS21" s="113">
        <v>0</v>
      </c>
      <c r="BT21" s="117">
        <v>206920</v>
      </c>
      <c r="BU21" s="117">
        <v>180144</v>
      </c>
      <c r="BV21" s="117">
        <v>290664</v>
      </c>
      <c r="BW21" s="117">
        <v>314752</v>
      </c>
      <c r="BX21" s="117">
        <v>124032</v>
      </c>
      <c r="BY21" s="116">
        <v>1116512</v>
      </c>
      <c r="BZ21" s="119">
        <v>1167864</v>
      </c>
      <c r="CA21" s="113">
        <v>21213</v>
      </c>
      <c r="CB21" s="117">
        <v>113553</v>
      </c>
      <c r="CC21" s="116">
        <v>134766</v>
      </c>
      <c r="CD21" s="113">
        <v>0</v>
      </c>
      <c r="CE21" s="117">
        <v>1965128</v>
      </c>
      <c r="CF21" s="117">
        <v>3778820</v>
      </c>
      <c r="CG21" s="117">
        <v>1330789</v>
      </c>
      <c r="CH21" s="117">
        <v>1188276</v>
      </c>
      <c r="CI21" s="117">
        <v>283766</v>
      </c>
      <c r="CJ21" s="116">
        <v>8546779</v>
      </c>
      <c r="CK21" s="119">
        <v>8681545</v>
      </c>
      <c r="CL21" s="113">
        <v>0</v>
      </c>
      <c r="CM21" s="117">
        <v>0</v>
      </c>
      <c r="CN21" s="116">
        <v>0</v>
      </c>
      <c r="CO21" s="114">
        <v>0</v>
      </c>
      <c r="CP21" s="117">
        <v>1126751</v>
      </c>
      <c r="CQ21" s="117">
        <v>2022247</v>
      </c>
      <c r="CR21" s="117">
        <v>991274</v>
      </c>
      <c r="CS21" s="117">
        <v>797170</v>
      </c>
      <c r="CT21" s="117">
        <v>283766</v>
      </c>
      <c r="CU21" s="116">
        <v>5221208</v>
      </c>
      <c r="CV21" s="119">
        <v>5221208</v>
      </c>
      <c r="CW21" s="113">
        <v>21213</v>
      </c>
      <c r="CX21" s="117">
        <v>113553</v>
      </c>
      <c r="CY21" s="116">
        <v>134766</v>
      </c>
      <c r="CZ21" s="113">
        <v>0</v>
      </c>
      <c r="DA21" s="117">
        <v>838377</v>
      </c>
      <c r="DB21" s="117">
        <v>1756573</v>
      </c>
      <c r="DC21" s="117">
        <v>339515</v>
      </c>
      <c r="DD21" s="117">
        <v>391106</v>
      </c>
      <c r="DE21" s="117">
        <v>0</v>
      </c>
      <c r="DF21" s="116">
        <v>3325571</v>
      </c>
      <c r="DG21" s="119">
        <v>3460337</v>
      </c>
      <c r="DH21" s="113">
        <v>0</v>
      </c>
      <c r="DI21" s="117">
        <v>27665</v>
      </c>
      <c r="DJ21" s="115">
        <v>27665</v>
      </c>
      <c r="DK21" s="114">
        <v>0</v>
      </c>
      <c r="DL21" s="117">
        <v>0</v>
      </c>
      <c r="DM21" s="117">
        <v>494569</v>
      </c>
      <c r="DN21" s="117">
        <v>341307</v>
      </c>
      <c r="DO21" s="117">
        <v>117559</v>
      </c>
      <c r="DP21" s="117">
        <v>0</v>
      </c>
      <c r="DQ21" s="116">
        <v>953435</v>
      </c>
      <c r="DR21" s="119">
        <v>981100</v>
      </c>
      <c r="DS21" s="113">
        <v>0</v>
      </c>
      <c r="DT21" s="117">
        <v>27665</v>
      </c>
      <c r="DU21" s="116">
        <v>27665</v>
      </c>
      <c r="DV21" s="113">
        <v>0</v>
      </c>
      <c r="DW21" s="117">
        <v>0</v>
      </c>
      <c r="DX21" s="117">
        <v>494569</v>
      </c>
      <c r="DY21" s="117">
        <v>341307</v>
      </c>
      <c r="DZ21" s="117">
        <v>64197</v>
      </c>
      <c r="EA21" s="117">
        <v>0</v>
      </c>
      <c r="EB21" s="116">
        <v>900073</v>
      </c>
      <c r="EC21" s="119">
        <v>927738</v>
      </c>
      <c r="ED21" s="113">
        <v>0</v>
      </c>
      <c r="EE21" s="115">
        <v>0</v>
      </c>
      <c r="EF21" s="116">
        <v>0</v>
      </c>
      <c r="EG21" s="113">
        <v>0</v>
      </c>
      <c r="EH21" s="117">
        <v>0</v>
      </c>
      <c r="EI21" s="117">
        <v>0</v>
      </c>
      <c r="EJ21" s="117">
        <v>0</v>
      </c>
      <c r="EK21" s="117">
        <v>53362</v>
      </c>
      <c r="EL21" s="117">
        <v>0</v>
      </c>
      <c r="EM21" s="115">
        <v>53362</v>
      </c>
      <c r="EN21" s="119">
        <v>53362</v>
      </c>
      <c r="EO21" s="113">
        <v>0</v>
      </c>
      <c r="EP21" s="117">
        <v>0</v>
      </c>
      <c r="EQ21" s="115">
        <v>0</v>
      </c>
      <c r="ER21" s="114">
        <v>0</v>
      </c>
      <c r="ES21" s="117">
        <v>0</v>
      </c>
      <c r="ET21" s="117">
        <v>0</v>
      </c>
      <c r="EU21" s="117">
        <v>0</v>
      </c>
      <c r="EV21" s="117">
        <v>0</v>
      </c>
      <c r="EW21" s="117">
        <v>0</v>
      </c>
      <c r="EX21" s="116">
        <v>0</v>
      </c>
      <c r="EY21" s="119">
        <v>0</v>
      </c>
      <c r="EZ21" s="113">
        <v>0</v>
      </c>
      <c r="FA21" s="117">
        <v>0</v>
      </c>
      <c r="FB21" s="115">
        <v>0</v>
      </c>
      <c r="FC21" s="395"/>
      <c r="FD21" s="117">
        <v>0</v>
      </c>
      <c r="FE21" s="117">
        <v>0</v>
      </c>
      <c r="FF21" s="117">
        <v>0</v>
      </c>
      <c r="FG21" s="117">
        <v>0</v>
      </c>
      <c r="FH21" s="117">
        <v>0</v>
      </c>
      <c r="FI21" s="116">
        <v>0</v>
      </c>
      <c r="FJ21" s="119">
        <v>0</v>
      </c>
      <c r="FK21" s="113">
        <v>73296</v>
      </c>
      <c r="FL21" s="117">
        <v>133867</v>
      </c>
      <c r="FM21" s="116">
        <v>207163</v>
      </c>
      <c r="FN21" s="113">
        <v>0</v>
      </c>
      <c r="FO21" s="117">
        <v>139696</v>
      </c>
      <c r="FP21" s="117">
        <v>622224</v>
      </c>
      <c r="FQ21" s="117">
        <v>349632</v>
      </c>
      <c r="FR21" s="117">
        <v>328312</v>
      </c>
      <c r="FS21" s="117">
        <v>259784</v>
      </c>
      <c r="FT21" s="116">
        <v>1699648</v>
      </c>
      <c r="FU21" s="119">
        <v>1906811</v>
      </c>
      <c r="FV21" s="118">
        <v>73296</v>
      </c>
      <c r="FW21" s="117">
        <v>54080</v>
      </c>
      <c r="FX21" s="115">
        <v>127376</v>
      </c>
      <c r="FY21" s="114">
        <v>0</v>
      </c>
      <c r="FZ21" s="117">
        <v>113296</v>
      </c>
      <c r="GA21" s="117">
        <v>600144</v>
      </c>
      <c r="GB21" s="117">
        <v>349632</v>
      </c>
      <c r="GC21" s="117">
        <v>309656</v>
      </c>
      <c r="GD21" s="117">
        <v>259784</v>
      </c>
      <c r="GE21" s="116">
        <v>1632512</v>
      </c>
      <c r="GF21" s="357">
        <v>1759888</v>
      </c>
      <c r="GG21" s="118">
        <v>0</v>
      </c>
      <c r="GH21" s="117">
        <v>27456</v>
      </c>
      <c r="GI21" s="115">
        <v>27456</v>
      </c>
      <c r="GJ21" s="114">
        <v>0</v>
      </c>
      <c r="GK21" s="117">
        <v>0</v>
      </c>
      <c r="GL21" s="117">
        <v>0</v>
      </c>
      <c r="GM21" s="117">
        <v>0</v>
      </c>
      <c r="GN21" s="117">
        <v>18656</v>
      </c>
      <c r="GO21" s="117">
        <v>0</v>
      </c>
      <c r="GP21" s="116">
        <v>18656</v>
      </c>
      <c r="GQ21" s="119">
        <v>46112</v>
      </c>
      <c r="GR21" s="113">
        <v>0</v>
      </c>
      <c r="GS21" s="117">
        <v>52331</v>
      </c>
      <c r="GT21" s="116">
        <v>52331</v>
      </c>
      <c r="GU21" s="113">
        <v>0</v>
      </c>
      <c r="GV21" s="117">
        <v>26400</v>
      </c>
      <c r="GW21" s="117">
        <v>22080</v>
      </c>
      <c r="GX21" s="117">
        <v>0</v>
      </c>
      <c r="GY21" s="117">
        <v>0</v>
      </c>
      <c r="GZ21" s="117">
        <v>0</v>
      </c>
      <c r="HA21" s="115">
        <v>48480</v>
      </c>
      <c r="HB21" s="119">
        <v>100811</v>
      </c>
      <c r="HC21" s="113">
        <v>161477</v>
      </c>
      <c r="HD21" s="117">
        <v>265589</v>
      </c>
      <c r="HE21" s="115">
        <v>427066</v>
      </c>
      <c r="HF21" s="114">
        <v>0</v>
      </c>
      <c r="HG21" s="117">
        <v>1724951</v>
      </c>
      <c r="HH21" s="117">
        <v>1198493</v>
      </c>
      <c r="HI21" s="117">
        <v>2305171</v>
      </c>
      <c r="HJ21" s="117">
        <v>3715412</v>
      </c>
      <c r="HK21" s="117">
        <v>1486868</v>
      </c>
      <c r="HL21" s="116">
        <v>10430895</v>
      </c>
      <c r="HM21" s="112">
        <v>10857961</v>
      </c>
      <c r="HN21" s="395"/>
      <c r="HO21" s="395"/>
      <c r="HP21" s="395"/>
      <c r="HQ21" s="395"/>
      <c r="HR21" s="395"/>
      <c r="HS21" s="395"/>
      <c r="HT21" s="395"/>
      <c r="HU21" s="395"/>
      <c r="HV21" s="395"/>
      <c r="HW21" s="395"/>
      <c r="HX21" s="395"/>
      <c r="HY21" s="148">
        <v>0</v>
      </c>
      <c r="HZ21" s="149">
        <v>0</v>
      </c>
      <c r="IA21" s="150">
        <v>0</v>
      </c>
      <c r="IB21" s="162">
        <v>0</v>
      </c>
      <c r="IC21" s="149">
        <v>730899</v>
      </c>
      <c r="ID21" s="163">
        <v>2413300</v>
      </c>
      <c r="IE21" s="150">
        <v>1273018</v>
      </c>
      <c r="IF21" s="149">
        <v>944791</v>
      </c>
      <c r="IG21" s="150">
        <v>833550</v>
      </c>
      <c r="IH21" s="164">
        <v>6195558</v>
      </c>
      <c r="II21" s="156">
        <v>6195558</v>
      </c>
      <c r="IJ21" s="259">
        <v>0</v>
      </c>
      <c r="IK21" s="266">
        <v>0</v>
      </c>
      <c r="IL21" s="267">
        <v>0</v>
      </c>
      <c r="IM21" s="395"/>
      <c r="IN21" s="123">
        <v>0</v>
      </c>
      <c r="IO21" s="123">
        <v>102565</v>
      </c>
      <c r="IP21" s="123">
        <v>0</v>
      </c>
      <c r="IQ21" s="123">
        <v>190408</v>
      </c>
      <c r="IR21" s="123">
        <v>225568</v>
      </c>
      <c r="IS21" s="158">
        <v>518541</v>
      </c>
      <c r="IT21" s="360">
        <v>518541</v>
      </c>
      <c r="IU21" s="159">
        <v>0</v>
      </c>
      <c r="IV21" s="123">
        <v>0</v>
      </c>
      <c r="IW21" s="124">
        <v>0</v>
      </c>
      <c r="IX21" s="395"/>
      <c r="IY21" s="123">
        <v>0</v>
      </c>
      <c r="IZ21" s="123">
        <v>0</v>
      </c>
      <c r="JA21" s="123">
        <v>0</v>
      </c>
      <c r="JB21" s="123">
        <v>0</v>
      </c>
      <c r="JC21" s="123">
        <v>0</v>
      </c>
      <c r="JD21" s="124">
        <v>0</v>
      </c>
      <c r="JE21" s="125">
        <v>0</v>
      </c>
      <c r="JF21" s="159">
        <v>0</v>
      </c>
      <c r="JG21" s="123">
        <v>0</v>
      </c>
      <c r="JH21" s="158">
        <v>0</v>
      </c>
      <c r="JI21" s="122">
        <v>0</v>
      </c>
      <c r="JJ21" s="123">
        <v>381363</v>
      </c>
      <c r="JK21" s="123">
        <v>477118</v>
      </c>
      <c r="JL21" s="123">
        <v>152142</v>
      </c>
      <c r="JM21" s="123">
        <v>501659</v>
      </c>
      <c r="JN21" s="123">
        <v>95067</v>
      </c>
      <c r="JO21" s="124">
        <v>1607349</v>
      </c>
      <c r="JP21" s="360">
        <v>1607349</v>
      </c>
      <c r="JQ21" s="159">
        <v>0</v>
      </c>
      <c r="JR21" s="123">
        <v>0</v>
      </c>
      <c r="JS21" s="158">
        <v>0</v>
      </c>
      <c r="JT21" s="122">
        <v>0</v>
      </c>
      <c r="JU21" s="123">
        <v>212019</v>
      </c>
      <c r="JV21" s="123">
        <v>0</v>
      </c>
      <c r="JW21" s="123">
        <v>162229</v>
      </c>
      <c r="JX21" s="123">
        <v>0</v>
      </c>
      <c r="JY21" s="123">
        <v>0</v>
      </c>
      <c r="JZ21" s="124">
        <v>374248</v>
      </c>
      <c r="KA21" s="360">
        <v>374248</v>
      </c>
      <c r="KB21" s="262">
        <v>0</v>
      </c>
      <c r="KC21" s="256">
        <v>0</v>
      </c>
      <c r="KD21" s="124">
        <v>0</v>
      </c>
      <c r="KE21" s="122">
        <v>0</v>
      </c>
      <c r="KF21" s="123">
        <v>0</v>
      </c>
      <c r="KG21" s="123">
        <v>150222</v>
      </c>
      <c r="KH21" s="123">
        <v>474988</v>
      </c>
      <c r="KI21" s="123">
        <v>0</v>
      </c>
      <c r="KJ21" s="123">
        <v>0</v>
      </c>
      <c r="KK21" s="124">
        <v>625210</v>
      </c>
      <c r="KL21" s="160">
        <v>625210</v>
      </c>
      <c r="KM21" s="259">
        <v>0</v>
      </c>
      <c r="KN21" s="266">
        <v>0</v>
      </c>
      <c r="KO21" s="267">
        <v>0</v>
      </c>
      <c r="KP21" s="395"/>
      <c r="KQ21" s="123">
        <v>137517</v>
      </c>
      <c r="KR21" s="123">
        <v>1514587</v>
      </c>
      <c r="KS21" s="123">
        <v>247227</v>
      </c>
      <c r="KT21" s="123">
        <v>252724</v>
      </c>
      <c r="KU21" s="123">
        <v>512915</v>
      </c>
      <c r="KV21" s="124">
        <v>2664970</v>
      </c>
      <c r="KW21" s="360">
        <v>2664970</v>
      </c>
      <c r="KX21" s="159">
        <v>0</v>
      </c>
      <c r="KY21" s="123">
        <v>0</v>
      </c>
      <c r="KZ21" s="124">
        <v>0</v>
      </c>
      <c r="LA21" s="395"/>
      <c r="LB21" s="123">
        <v>0</v>
      </c>
      <c r="LC21" s="123">
        <v>0</v>
      </c>
      <c r="LD21" s="123">
        <v>0</v>
      </c>
      <c r="LE21" s="123">
        <v>0</v>
      </c>
      <c r="LF21" s="123">
        <v>0</v>
      </c>
      <c r="LG21" s="124">
        <v>0</v>
      </c>
      <c r="LH21" s="125">
        <v>0</v>
      </c>
      <c r="LI21" s="159">
        <v>0</v>
      </c>
      <c r="LJ21" s="123">
        <v>0</v>
      </c>
      <c r="LK21" s="124">
        <v>0</v>
      </c>
      <c r="LL21" s="395"/>
      <c r="LM21" s="123">
        <v>0</v>
      </c>
      <c r="LN21" s="123">
        <v>0</v>
      </c>
      <c r="LO21" s="123">
        <v>0</v>
      </c>
      <c r="LP21" s="123">
        <v>0</v>
      </c>
      <c r="LQ21" s="123">
        <v>0</v>
      </c>
      <c r="LR21" s="124">
        <v>0</v>
      </c>
      <c r="LS21" s="360">
        <v>0</v>
      </c>
      <c r="LT21" s="159">
        <v>0</v>
      </c>
      <c r="LU21" s="123">
        <v>0</v>
      </c>
      <c r="LV21" s="124">
        <v>0</v>
      </c>
      <c r="LW21" s="395"/>
      <c r="LX21" s="123">
        <v>0</v>
      </c>
      <c r="LY21" s="123">
        <v>168808</v>
      </c>
      <c r="LZ21" s="123">
        <v>236432</v>
      </c>
      <c r="MA21" s="123">
        <v>0</v>
      </c>
      <c r="MB21" s="123">
        <v>0</v>
      </c>
      <c r="MC21" s="124">
        <v>405240</v>
      </c>
      <c r="MD21" s="125">
        <v>405240</v>
      </c>
      <c r="ME21" s="159">
        <v>0</v>
      </c>
      <c r="MF21" s="123">
        <v>0</v>
      </c>
      <c r="MG21" s="124">
        <v>0</v>
      </c>
      <c r="MH21" s="395"/>
      <c r="MI21" s="123">
        <v>233260</v>
      </c>
      <c r="MJ21" s="123">
        <v>1403977</v>
      </c>
      <c r="MK21" s="123">
        <v>1351215</v>
      </c>
      <c r="ML21" s="123">
        <v>6754131</v>
      </c>
      <c r="MM21" s="123">
        <v>2483650</v>
      </c>
      <c r="MN21" s="124">
        <v>12226233</v>
      </c>
      <c r="MO21" s="160">
        <v>12226233</v>
      </c>
      <c r="MP21" s="159">
        <v>0</v>
      </c>
      <c r="MQ21" s="123">
        <v>0</v>
      </c>
      <c r="MR21" s="124">
        <v>0</v>
      </c>
      <c r="MS21" s="395"/>
      <c r="MT21" s="123">
        <v>0</v>
      </c>
      <c r="MU21" s="123">
        <v>208998</v>
      </c>
      <c r="MV21" s="123">
        <v>465895</v>
      </c>
      <c r="MW21" s="123">
        <v>5332580</v>
      </c>
      <c r="MX21" s="123">
        <v>1542765</v>
      </c>
      <c r="MY21" s="124">
        <v>7550238</v>
      </c>
      <c r="MZ21" s="160">
        <v>7550238</v>
      </c>
      <c r="NA21" s="159">
        <v>0</v>
      </c>
      <c r="NB21" s="123">
        <v>0</v>
      </c>
      <c r="NC21" s="124">
        <v>0</v>
      </c>
      <c r="ND21" s="395"/>
      <c r="NE21" s="123">
        <v>233260</v>
      </c>
      <c r="NF21" s="123">
        <v>1194979</v>
      </c>
      <c r="NG21" s="123">
        <v>885320</v>
      </c>
      <c r="NH21" s="123">
        <v>1421551</v>
      </c>
      <c r="NI21" s="123">
        <v>538689</v>
      </c>
      <c r="NJ21" s="124">
        <v>4273799</v>
      </c>
      <c r="NK21" s="360">
        <v>4273799</v>
      </c>
      <c r="NL21" s="159">
        <v>0</v>
      </c>
      <c r="NM21" s="123">
        <v>0</v>
      </c>
      <c r="NN21" s="124">
        <v>0</v>
      </c>
      <c r="NO21" s="395"/>
      <c r="NP21" s="123">
        <v>0</v>
      </c>
      <c r="NQ21" s="123">
        <v>0</v>
      </c>
      <c r="NR21" s="123">
        <v>0</v>
      </c>
      <c r="NS21" s="123">
        <v>0</v>
      </c>
      <c r="NT21" s="123">
        <v>0</v>
      </c>
      <c r="NU21" s="124">
        <v>0</v>
      </c>
      <c r="NV21" s="125">
        <v>0</v>
      </c>
      <c r="NW21" s="159">
        <v>0</v>
      </c>
      <c r="NX21" s="123">
        <v>0</v>
      </c>
      <c r="NY21" s="124">
        <v>0</v>
      </c>
      <c r="NZ21" s="395"/>
      <c r="OA21" s="123">
        <v>0</v>
      </c>
      <c r="OB21" s="123">
        <v>0</v>
      </c>
      <c r="OC21" s="123">
        <v>0</v>
      </c>
      <c r="OD21" s="123">
        <v>0</v>
      </c>
      <c r="OE21" s="123">
        <v>402196</v>
      </c>
      <c r="OF21" s="124">
        <v>402196</v>
      </c>
      <c r="OG21" s="125">
        <v>402196</v>
      </c>
      <c r="OH21" s="159">
        <v>291218</v>
      </c>
      <c r="OI21" s="123">
        <v>684214</v>
      </c>
      <c r="OJ21" s="158">
        <v>975432</v>
      </c>
      <c r="OK21" s="122">
        <v>0</v>
      </c>
      <c r="OL21" s="123">
        <v>5759755</v>
      </c>
      <c r="OM21" s="123">
        <v>11700410</v>
      </c>
      <c r="ON21" s="123">
        <v>8251111</v>
      </c>
      <c r="OO21" s="123">
        <v>14620663</v>
      </c>
      <c r="OP21" s="123">
        <v>6389987</v>
      </c>
      <c r="OQ21" s="124">
        <v>46721926</v>
      </c>
      <c r="OR21" s="160">
        <v>47697358</v>
      </c>
    </row>
    <row r="22" spans="1:408" ht="20.25" customHeight="1" x14ac:dyDescent="0.2">
      <c r="A22" s="130" t="s">
        <v>17</v>
      </c>
      <c r="B22" s="113">
        <v>489767</v>
      </c>
      <c r="C22" s="117">
        <v>532721</v>
      </c>
      <c r="D22" s="116">
        <v>1022488</v>
      </c>
      <c r="E22" s="112">
        <v>0</v>
      </c>
      <c r="F22" s="117">
        <v>4105450</v>
      </c>
      <c r="G22" s="117">
        <v>6577957</v>
      </c>
      <c r="H22" s="117">
        <v>5837291</v>
      </c>
      <c r="I22" s="117">
        <v>6646371</v>
      </c>
      <c r="J22" s="117">
        <v>3769746</v>
      </c>
      <c r="K22" s="112">
        <v>26936815</v>
      </c>
      <c r="L22" s="119">
        <v>27959303</v>
      </c>
      <c r="M22" s="113">
        <v>59254</v>
      </c>
      <c r="N22" s="117">
        <v>143014</v>
      </c>
      <c r="O22" s="116">
        <v>202268</v>
      </c>
      <c r="P22" s="113">
        <v>0</v>
      </c>
      <c r="Q22" s="117">
        <v>735509</v>
      </c>
      <c r="R22" s="117">
        <v>1869300</v>
      </c>
      <c r="S22" s="117">
        <v>1372800</v>
      </c>
      <c r="T22" s="117">
        <v>2151963</v>
      </c>
      <c r="U22" s="117">
        <v>2459099</v>
      </c>
      <c r="V22" s="116">
        <v>8588671</v>
      </c>
      <c r="W22" s="119">
        <v>8790939</v>
      </c>
      <c r="X22" s="113">
        <v>0</v>
      </c>
      <c r="Y22" s="117">
        <v>0</v>
      </c>
      <c r="Z22" s="116">
        <v>0</v>
      </c>
      <c r="AA22" s="113">
        <v>0</v>
      </c>
      <c r="AB22" s="117">
        <v>311656</v>
      </c>
      <c r="AC22" s="117">
        <v>932161</v>
      </c>
      <c r="AD22" s="117">
        <v>789261</v>
      </c>
      <c r="AE22" s="117">
        <v>1131614</v>
      </c>
      <c r="AF22" s="117">
        <v>1579461</v>
      </c>
      <c r="AG22" s="116">
        <v>4744153</v>
      </c>
      <c r="AH22" s="119">
        <v>4744153</v>
      </c>
      <c r="AI22" s="113">
        <v>0</v>
      </c>
      <c r="AJ22" s="117">
        <v>0</v>
      </c>
      <c r="AK22" s="116">
        <v>0</v>
      </c>
      <c r="AL22" s="113">
        <v>0</v>
      </c>
      <c r="AM22" s="117">
        <v>0</v>
      </c>
      <c r="AN22" s="117">
        <v>11724</v>
      </c>
      <c r="AO22" s="117">
        <v>0</v>
      </c>
      <c r="AP22" s="117">
        <v>105035</v>
      </c>
      <c r="AQ22" s="117">
        <v>246109</v>
      </c>
      <c r="AR22" s="116">
        <v>362868</v>
      </c>
      <c r="AS22" s="119">
        <v>362868</v>
      </c>
      <c r="AT22" s="113">
        <v>0</v>
      </c>
      <c r="AU22" s="117">
        <v>127646</v>
      </c>
      <c r="AV22" s="116">
        <v>127646</v>
      </c>
      <c r="AW22" s="113">
        <v>0</v>
      </c>
      <c r="AX22" s="117">
        <v>303517</v>
      </c>
      <c r="AY22" s="117">
        <v>515296</v>
      </c>
      <c r="AZ22" s="117">
        <v>314659</v>
      </c>
      <c r="BA22" s="117">
        <v>588605</v>
      </c>
      <c r="BB22" s="117">
        <v>435009</v>
      </c>
      <c r="BC22" s="116">
        <v>2157086</v>
      </c>
      <c r="BD22" s="119">
        <v>2284732</v>
      </c>
      <c r="BE22" s="113">
        <v>43782</v>
      </c>
      <c r="BF22" s="117">
        <v>0</v>
      </c>
      <c r="BG22" s="115">
        <v>43782</v>
      </c>
      <c r="BH22" s="114">
        <v>0</v>
      </c>
      <c r="BI22" s="117">
        <v>0</v>
      </c>
      <c r="BJ22" s="117">
        <v>112959</v>
      </c>
      <c r="BK22" s="117">
        <v>0</v>
      </c>
      <c r="BL22" s="117">
        <v>24781</v>
      </c>
      <c r="BM22" s="117">
        <v>31600</v>
      </c>
      <c r="BN22" s="116">
        <v>169340</v>
      </c>
      <c r="BO22" s="119">
        <v>213122</v>
      </c>
      <c r="BP22" s="113">
        <v>15472</v>
      </c>
      <c r="BQ22" s="117">
        <v>15368</v>
      </c>
      <c r="BR22" s="116">
        <v>30840</v>
      </c>
      <c r="BS22" s="113">
        <v>0</v>
      </c>
      <c r="BT22" s="117">
        <v>120336</v>
      </c>
      <c r="BU22" s="117">
        <v>297160</v>
      </c>
      <c r="BV22" s="117">
        <v>268880</v>
      </c>
      <c r="BW22" s="117">
        <v>301928</v>
      </c>
      <c r="BX22" s="117">
        <v>166920</v>
      </c>
      <c r="BY22" s="116">
        <v>1155224</v>
      </c>
      <c r="BZ22" s="119">
        <v>1186064</v>
      </c>
      <c r="CA22" s="113">
        <v>86199</v>
      </c>
      <c r="CB22" s="117">
        <v>147328</v>
      </c>
      <c r="CC22" s="116">
        <v>233527</v>
      </c>
      <c r="CD22" s="113">
        <v>0</v>
      </c>
      <c r="CE22" s="117">
        <v>1998249</v>
      </c>
      <c r="CF22" s="117">
        <v>2500267</v>
      </c>
      <c r="CG22" s="117">
        <v>1379374</v>
      </c>
      <c r="CH22" s="117">
        <v>1078570</v>
      </c>
      <c r="CI22" s="117">
        <v>101107</v>
      </c>
      <c r="CJ22" s="116">
        <v>7057567</v>
      </c>
      <c r="CK22" s="119">
        <v>7291094</v>
      </c>
      <c r="CL22" s="113">
        <v>0</v>
      </c>
      <c r="CM22" s="117">
        <v>0</v>
      </c>
      <c r="CN22" s="116">
        <v>0</v>
      </c>
      <c r="CO22" s="114">
        <v>0</v>
      </c>
      <c r="CP22" s="117">
        <v>1662746</v>
      </c>
      <c r="CQ22" s="117">
        <v>1601695</v>
      </c>
      <c r="CR22" s="117">
        <v>1235389</v>
      </c>
      <c r="CS22" s="117">
        <v>1026918</v>
      </c>
      <c r="CT22" s="117">
        <v>384</v>
      </c>
      <c r="CU22" s="116">
        <v>5527132</v>
      </c>
      <c r="CV22" s="119">
        <v>5527132</v>
      </c>
      <c r="CW22" s="113">
        <v>86199</v>
      </c>
      <c r="CX22" s="117">
        <v>147328</v>
      </c>
      <c r="CY22" s="116">
        <v>233527</v>
      </c>
      <c r="CZ22" s="113">
        <v>0</v>
      </c>
      <c r="DA22" s="117">
        <v>335503</v>
      </c>
      <c r="DB22" s="117">
        <v>898572</v>
      </c>
      <c r="DC22" s="117">
        <v>143985</v>
      </c>
      <c r="DD22" s="117">
        <v>51652</v>
      </c>
      <c r="DE22" s="117">
        <v>100723</v>
      </c>
      <c r="DF22" s="116">
        <v>1530435</v>
      </c>
      <c r="DG22" s="119">
        <v>1763962</v>
      </c>
      <c r="DH22" s="113">
        <v>0</v>
      </c>
      <c r="DI22" s="117">
        <v>0</v>
      </c>
      <c r="DJ22" s="115">
        <v>0</v>
      </c>
      <c r="DK22" s="114">
        <v>0</v>
      </c>
      <c r="DL22" s="117">
        <v>127282</v>
      </c>
      <c r="DM22" s="117">
        <v>401213</v>
      </c>
      <c r="DN22" s="117">
        <v>1206359</v>
      </c>
      <c r="DO22" s="117">
        <v>1494284</v>
      </c>
      <c r="DP22" s="117">
        <v>174524</v>
      </c>
      <c r="DQ22" s="116">
        <v>3403662</v>
      </c>
      <c r="DR22" s="119">
        <v>3403662</v>
      </c>
      <c r="DS22" s="113">
        <v>0</v>
      </c>
      <c r="DT22" s="117">
        <v>0</v>
      </c>
      <c r="DU22" s="116">
        <v>0</v>
      </c>
      <c r="DV22" s="113">
        <v>0</v>
      </c>
      <c r="DW22" s="117">
        <v>72281</v>
      </c>
      <c r="DX22" s="117">
        <v>219515</v>
      </c>
      <c r="DY22" s="117">
        <v>1206359</v>
      </c>
      <c r="DZ22" s="117">
        <v>1494284</v>
      </c>
      <c r="EA22" s="117">
        <v>174524</v>
      </c>
      <c r="EB22" s="116">
        <v>3166963</v>
      </c>
      <c r="EC22" s="119">
        <v>3166963</v>
      </c>
      <c r="ED22" s="113">
        <v>0</v>
      </c>
      <c r="EE22" s="115">
        <v>0</v>
      </c>
      <c r="EF22" s="116">
        <v>0</v>
      </c>
      <c r="EG22" s="113">
        <v>0</v>
      </c>
      <c r="EH22" s="117">
        <v>55001</v>
      </c>
      <c r="EI22" s="117">
        <v>181698</v>
      </c>
      <c r="EJ22" s="117">
        <v>0</v>
      </c>
      <c r="EK22" s="117">
        <v>0</v>
      </c>
      <c r="EL22" s="117">
        <v>0</v>
      </c>
      <c r="EM22" s="115">
        <v>236699</v>
      </c>
      <c r="EN22" s="119">
        <v>236699</v>
      </c>
      <c r="EO22" s="113">
        <v>0</v>
      </c>
      <c r="EP22" s="117">
        <v>0</v>
      </c>
      <c r="EQ22" s="115">
        <v>0</v>
      </c>
      <c r="ER22" s="114">
        <v>0</v>
      </c>
      <c r="ES22" s="117">
        <v>0</v>
      </c>
      <c r="ET22" s="117">
        <v>0</v>
      </c>
      <c r="EU22" s="117">
        <v>0</v>
      </c>
      <c r="EV22" s="117">
        <v>0</v>
      </c>
      <c r="EW22" s="117">
        <v>0</v>
      </c>
      <c r="EX22" s="116">
        <v>0</v>
      </c>
      <c r="EY22" s="119">
        <v>0</v>
      </c>
      <c r="EZ22" s="113">
        <v>0</v>
      </c>
      <c r="FA22" s="117">
        <v>0</v>
      </c>
      <c r="FB22" s="115">
        <v>0</v>
      </c>
      <c r="FC22" s="395"/>
      <c r="FD22" s="117">
        <v>0</v>
      </c>
      <c r="FE22" s="117">
        <v>0</v>
      </c>
      <c r="FF22" s="117">
        <v>0</v>
      </c>
      <c r="FG22" s="117">
        <v>0</v>
      </c>
      <c r="FH22" s="117">
        <v>0</v>
      </c>
      <c r="FI22" s="116">
        <v>0</v>
      </c>
      <c r="FJ22" s="119">
        <v>0</v>
      </c>
      <c r="FK22" s="113">
        <v>178400</v>
      </c>
      <c r="FL22" s="117">
        <v>150344</v>
      </c>
      <c r="FM22" s="116">
        <v>328744</v>
      </c>
      <c r="FN22" s="113">
        <v>0</v>
      </c>
      <c r="FO22" s="117">
        <v>355408</v>
      </c>
      <c r="FP22" s="117">
        <v>740392</v>
      </c>
      <c r="FQ22" s="117">
        <v>468288</v>
      </c>
      <c r="FR22" s="117">
        <v>424592</v>
      </c>
      <c r="FS22" s="117">
        <v>322088</v>
      </c>
      <c r="FT22" s="116">
        <v>2310768</v>
      </c>
      <c r="FU22" s="119">
        <v>2639512</v>
      </c>
      <c r="FV22" s="118">
        <v>18400</v>
      </c>
      <c r="FW22" s="117">
        <v>126096</v>
      </c>
      <c r="FX22" s="115">
        <v>144496</v>
      </c>
      <c r="FY22" s="114">
        <v>0</v>
      </c>
      <c r="FZ22" s="117">
        <v>181416</v>
      </c>
      <c r="GA22" s="117">
        <v>698792</v>
      </c>
      <c r="GB22" s="117">
        <v>468288</v>
      </c>
      <c r="GC22" s="117">
        <v>400032</v>
      </c>
      <c r="GD22" s="117">
        <v>322088</v>
      </c>
      <c r="GE22" s="116">
        <v>2070616</v>
      </c>
      <c r="GF22" s="357">
        <v>2215112</v>
      </c>
      <c r="GG22" s="118">
        <v>0</v>
      </c>
      <c r="GH22" s="117">
        <v>24248</v>
      </c>
      <c r="GI22" s="115">
        <v>24248</v>
      </c>
      <c r="GJ22" s="114">
        <v>0</v>
      </c>
      <c r="GK22" s="117">
        <v>11840</v>
      </c>
      <c r="GL22" s="117">
        <v>0</v>
      </c>
      <c r="GM22" s="117">
        <v>0</v>
      </c>
      <c r="GN22" s="117">
        <v>24560</v>
      </c>
      <c r="GO22" s="117">
        <v>0</v>
      </c>
      <c r="GP22" s="116">
        <v>36400</v>
      </c>
      <c r="GQ22" s="119">
        <v>60648</v>
      </c>
      <c r="GR22" s="113">
        <v>160000</v>
      </c>
      <c r="GS22" s="117">
        <v>0</v>
      </c>
      <c r="GT22" s="116">
        <v>160000</v>
      </c>
      <c r="GU22" s="113">
        <v>0</v>
      </c>
      <c r="GV22" s="117">
        <v>162152</v>
      </c>
      <c r="GW22" s="117">
        <v>41600</v>
      </c>
      <c r="GX22" s="117">
        <v>0</v>
      </c>
      <c r="GY22" s="117">
        <v>0</v>
      </c>
      <c r="GZ22" s="117">
        <v>0</v>
      </c>
      <c r="HA22" s="115">
        <v>203752</v>
      </c>
      <c r="HB22" s="119">
        <v>363752</v>
      </c>
      <c r="HC22" s="113">
        <v>165914</v>
      </c>
      <c r="HD22" s="117">
        <v>92035</v>
      </c>
      <c r="HE22" s="115">
        <v>257949</v>
      </c>
      <c r="HF22" s="114">
        <v>0</v>
      </c>
      <c r="HG22" s="117">
        <v>889002</v>
      </c>
      <c r="HH22" s="117">
        <v>1066785</v>
      </c>
      <c r="HI22" s="117">
        <v>1410470</v>
      </c>
      <c r="HJ22" s="117">
        <v>1496962</v>
      </c>
      <c r="HK22" s="117">
        <v>712928</v>
      </c>
      <c r="HL22" s="116">
        <v>5576147</v>
      </c>
      <c r="HM22" s="112">
        <v>5834096</v>
      </c>
      <c r="HN22" s="395"/>
      <c r="HO22" s="395"/>
      <c r="HP22" s="395"/>
      <c r="HQ22" s="395"/>
      <c r="HR22" s="395"/>
      <c r="HS22" s="395"/>
      <c r="HT22" s="395"/>
      <c r="HU22" s="395"/>
      <c r="HV22" s="395"/>
      <c r="HW22" s="395"/>
      <c r="HX22" s="395"/>
      <c r="HY22" s="166">
        <v>0</v>
      </c>
      <c r="HZ22" s="152">
        <v>0</v>
      </c>
      <c r="IA22" s="166">
        <v>0</v>
      </c>
      <c r="IB22" s="151">
        <v>0</v>
      </c>
      <c r="IC22" s="152">
        <v>1355749</v>
      </c>
      <c r="ID22" s="153">
        <v>1868599</v>
      </c>
      <c r="IE22" s="154">
        <v>2672066</v>
      </c>
      <c r="IF22" s="152">
        <v>595583</v>
      </c>
      <c r="IG22" s="154">
        <v>901194</v>
      </c>
      <c r="IH22" s="155">
        <v>7393191</v>
      </c>
      <c r="II22" s="166">
        <v>7393191</v>
      </c>
      <c r="IJ22" s="259">
        <v>0</v>
      </c>
      <c r="IK22" s="266">
        <v>0</v>
      </c>
      <c r="IL22" s="267">
        <v>0</v>
      </c>
      <c r="IM22" s="395"/>
      <c r="IN22" s="123">
        <v>0</v>
      </c>
      <c r="IO22" s="123">
        <v>92533</v>
      </c>
      <c r="IP22" s="123">
        <v>0</v>
      </c>
      <c r="IQ22" s="123">
        <v>0</v>
      </c>
      <c r="IR22" s="123">
        <v>0</v>
      </c>
      <c r="IS22" s="158">
        <v>92533</v>
      </c>
      <c r="IT22" s="360">
        <v>92533</v>
      </c>
      <c r="IU22" s="159">
        <v>0</v>
      </c>
      <c r="IV22" s="123">
        <v>0</v>
      </c>
      <c r="IW22" s="124">
        <v>0</v>
      </c>
      <c r="IX22" s="395"/>
      <c r="IY22" s="123">
        <v>0</v>
      </c>
      <c r="IZ22" s="123">
        <v>0</v>
      </c>
      <c r="JA22" s="123">
        <v>0</v>
      </c>
      <c r="JB22" s="123">
        <v>0</v>
      </c>
      <c r="JC22" s="123">
        <v>0</v>
      </c>
      <c r="JD22" s="124">
        <v>0</v>
      </c>
      <c r="JE22" s="125">
        <v>0</v>
      </c>
      <c r="JF22" s="159">
        <v>0</v>
      </c>
      <c r="JG22" s="123">
        <v>0</v>
      </c>
      <c r="JH22" s="158">
        <v>0</v>
      </c>
      <c r="JI22" s="122">
        <v>0</v>
      </c>
      <c r="JJ22" s="123">
        <v>641138</v>
      </c>
      <c r="JK22" s="123">
        <v>630962</v>
      </c>
      <c r="JL22" s="123">
        <v>907241</v>
      </c>
      <c r="JM22" s="123">
        <v>336215</v>
      </c>
      <c r="JN22" s="123">
        <v>56831</v>
      </c>
      <c r="JO22" s="124">
        <v>2572387</v>
      </c>
      <c r="JP22" s="360">
        <v>2572387</v>
      </c>
      <c r="JQ22" s="159">
        <v>0</v>
      </c>
      <c r="JR22" s="123">
        <v>0</v>
      </c>
      <c r="JS22" s="158">
        <v>0</v>
      </c>
      <c r="JT22" s="122">
        <v>0</v>
      </c>
      <c r="JU22" s="123">
        <v>59124</v>
      </c>
      <c r="JV22" s="123">
        <v>0</v>
      </c>
      <c r="JW22" s="123">
        <v>204722</v>
      </c>
      <c r="JX22" s="123">
        <v>0</v>
      </c>
      <c r="JY22" s="123">
        <v>0</v>
      </c>
      <c r="JZ22" s="124">
        <v>263846</v>
      </c>
      <c r="KA22" s="360">
        <v>263846</v>
      </c>
      <c r="KB22" s="262">
        <v>0</v>
      </c>
      <c r="KC22" s="256">
        <v>0</v>
      </c>
      <c r="KD22" s="124">
        <v>0</v>
      </c>
      <c r="KE22" s="122">
        <v>0</v>
      </c>
      <c r="KF22" s="123">
        <v>0</v>
      </c>
      <c r="KG22" s="123">
        <v>479316</v>
      </c>
      <c r="KH22" s="123">
        <v>824978</v>
      </c>
      <c r="KI22" s="123">
        <v>0</v>
      </c>
      <c r="KJ22" s="123">
        <v>577643</v>
      </c>
      <c r="KK22" s="124">
        <v>1881937</v>
      </c>
      <c r="KL22" s="160">
        <v>1881937</v>
      </c>
      <c r="KM22" s="259">
        <v>0</v>
      </c>
      <c r="KN22" s="266">
        <v>0</v>
      </c>
      <c r="KO22" s="267">
        <v>0</v>
      </c>
      <c r="KP22" s="395"/>
      <c r="KQ22" s="123">
        <v>487333</v>
      </c>
      <c r="KR22" s="123">
        <v>498869</v>
      </c>
      <c r="KS22" s="123">
        <v>506956</v>
      </c>
      <c r="KT22" s="123">
        <v>259368</v>
      </c>
      <c r="KU22" s="123">
        <v>0</v>
      </c>
      <c r="KV22" s="124">
        <v>1752526</v>
      </c>
      <c r="KW22" s="360">
        <v>1752526</v>
      </c>
      <c r="KX22" s="159">
        <v>0</v>
      </c>
      <c r="KY22" s="123">
        <v>0</v>
      </c>
      <c r="KZ22" s="124">
        <v>0</v>
      </c>
      <c r="LA22" s="395"/>
      <c r="LB22" s="123">
        <v>0</v>
      </c>
      <c r="LC22" s="123">
        <v>0</v>
      </c>
      <c r="LD22" s="123">
        <v>0</v>
      </c>
      <c r="LE22" s="123">
        <v>0</v>
      </c>
      <c r="LF22" s="123">
        <v>0</v>
      </c>
      <c r="LG22" s="124">
        <v>0</v>
      </c>
      <c r="LH22" s="125">
        <v>0</v>
      </c>
      <c r="LI22" s="159">
        <v>0</v>
      </c>
      <c r="LJ22" s="123">
        <v>0</v>
      </c>
      <c r="LK22" s="124">
        <v>0</v>
      </c>
      <c r="LL22" s="395"/>
      <c r="LM22" s="123">
        <v>0</v>
      </c>
      <c r="LN22" s="123">
        <v>166919</v>
      </c>
      <c r="LO22" s="123">
        <v>228169</v>
      </c>
      <c r="LP22" s="123">
        <v>0</v>
      </c>
      <c r="LQ22" s="123">
        <v>266720</v>
      </c>
      <c r="LR22" s="124">
        <v>661808</v>
      </c>
      <c r="LS22" s="360">
        <v>661808</v>
      </c>
      <c r="LT22" s="159">
        <v>0</v>
      </c>
      <c r="LU22" s="123">
        <v>0</v>
      </c>
      <c r="LV22" s="124">
        <v>0</v>
      </c>
      <c r="LW22" s="395"/>
      <c r="LX22" s="123">
        <v>168154</v>
      </c>
      <c r="LY22" s="123">
        <v>0</v>
      </c>
      <c r="LZ22" s="123">
        <v>0</v>
      </c>
      <c r="MA22" s="123">
        <v>0</v>
      </c>
      <c r="MB22" s="123">
        <v>0</v>
      </c>
      <c r="MC22" s="124">
        <v>168154</v>
      </c>
      <c r="MD22" s="125">
        <v>168154</v>
      </c>
      <c r="ME22" s="159">
        <v>0</v>
      </c>
      <c r="MF22" s="123">
        <v>0</v>
      </c>
      <c r="MG22" s="124">
        <v>0</v>
      </c>
      <c r="MH22" s="395"/>
      <c r="MI22" s="123">
        <v>0</v>
      </c>
      <c r="MJ22" s="123">
        <v>1333666</v>
      </c>
      <c r="MK22" s="123">
        <v>3278341</v>
      </c>
      <c r="ML22" s="123">
        <v>4881615</v>
      </c>
      <c r="MM22" s="123">
        <v>4166973</v>
      </c>
      <c r="MN22" s="124">
        <v>13660595</v>
      </c>
      <c r="MO22" s="160">
        <v>13660595</v>
      </c>
      <c r="MP22" s="159">
        <v>0</v>
      </c>
      <c r="MQ22" s="123">
        <v>0</v>
      </c>
      <c r="MR22" s="124">
        <v>0</v>
      </c>
      <c r="MS22" s="395"/>
      <c r="MT22" s="123">
        <v>0</v>
      </c>
      <c r="MU22" s="123">
        <v>239367</v>
      </c>
      <c r="MV22" s="123">
        <v>1617277</v>
      </c>
      <c r="MW22" s="123">
        <v>2506878</v>
      </c>
      <c r="MX22" s="123">
        <v>1983353</v>
      </c>
      <c r="MY22" s="124">
        <v>6346875</v>
      </c>
      <c r="MZ22" s="160">
        <v>6346875</v>
      </c>
      <c r="NA22" s="159">
        <v>0</v>
      </c>
      <c r="NB22" s="123">
        <v>0</v>
      </c>
      <c r="NC22" s="124">
        <v>0</v>
      </c>
      <c r="ND22" s="395"/>
      <c r="NE22" s="123">
        <v>0</v>
      </c>
      <c r="NF22" s="123">
        <v>1094299</v>
      </c>
      <c r="NG22" s="123">
        <v>1661064</v>
      </c>
      <c r="NH22" s="123">
        <v>2374737</v>
      </c>
      <c r="NI22" s="123">
        <v>1913240</v>
      </c>
      <c r="NJ22" s="124">
        <v>7043340</v>
      </c>
      <c r="NK22" s="360">
        <v>7043340</v>
      </c>
      <c r="NL22" s="159">
        <v>0</v>
      </c>
      <c r="NM22" s="123">
        <v>0</v>
      </c>
      <c r="NN22" s="124">
        <v>0</v>
      </c>
      <c r="NO22" s="395"/>
      <c r="NP22" s="123">
        <v>0</v>
      </c>
      <c r="NQ22" s="123">
        <v>0</v>
      </c>
      <c r="NR22" s="123">
        <v>0</v>
      </c>
      <c r="NS22" s="123">
        <v>0</v>
      </c>
      <c r="NT22" s="123">
        <v>270380</v>
      </c>
      <c r="NU22" s="124">
        <v>270380</v>
      </c>
      <c r="NV22" s="125">
        <v>270380</v>
      </c>
      <c r="NW22" s="159">
        <v>0</v>
      </c>
      <c r="NX22" s="123">
        <v>0</v>
      </c>
      <c r="NY22" s="124">
        <v>0</v>
      </c>
      <c r="NZ22" s="395"/>
      <c r="OA22" s="123">
        <v>0</v>
      </c>
      <c r="OB22" s="123">
        <v>0</v>
      </c>
      <c r="OC22" s="123">
        <v>0</v>
      </c>
      <c r="OD22" s="123">
        <v>0</v>
      </c>
      <c r="OE22" s="123">
        <v>0</v>
      </c>
      <c r="OF22" s="124">
        <v>0</v>
      </c>
      <c r="OG22" s="125">
        <v>0</v>
      </c>
      <c r="OH22" s="159">
        <v>489767</v>
      </c>
      <c r="OI22" s="123">
        <v>532721</v>
      </c>
      <c r="OJ22" s="158">
        <v>1022488</v>
      </c>
      <c r="OK22" s="122">
        <v>0</v>
      </c>
      <c r="OL22" s="123">
        <v>5461199</v>
      </c>
      <c r="OM22" s="123">
        <v>9780222</v>
      </c>
      <c r="ON22" s="123">
        <v>11787698</v>
      </c>
      <c r="OO22" s="123">
        <v>12123569</v>
      </c>
      <c r="OP22" s="123">
        <v>8837913</v>
      </c>
      <c r="OQ22" s="124">
        <v>47990601</v>
      </c>
      <c r="OR22" s="160">
        <v>49013089</v>
      </c>
    </row>
    <row r="23" spans="1:408" ht="20.25" customHeight="1" x14ac:dyDescent="0.2">
      <c r="A23" s="130" t="s">
        <v>18</v>
      </c>
      <c r="B23" s="113">
        <v>218359</v>
      </c>
      <c r="C23" s="117">
        <v>1722674</v>
      </c>
      <c r="D23" s="116">
        <v>1941033</v>
      </c>
      <c r="E23" s="112">
        <v>0</v>
      </c>
      <c r="F23" s="117">
        <v>6431681</v>
      </c>
      <c r="G23" s="117">
        <v>10475753</v>
      </c>
      <c r="H23" s="117">
        <v>8849344</v>
      </c>
      <c r="I23" s="117">
        <v>5812547</v>
      </c>
      <c r="J23" s="117">
        <v>4579793</v>
      </c>
      <c r="K23" s="112">
        <v>36149118</v>
      </c>
      <c r="L23" s="119">
        <v>38090151</v>
      </c>
      <c r="M23" s="113">
        <v>99328</v>
      </c>
      <c r="N23" s="117">
        <v>459358</v>
      </c>
      <c r="O23" s="116">
        <v>558686</v>
      </c>
      <c r="P23" s="113">
        <v>0</v>
      </c>
      <c r="Q23" s="117">
        <v>1816638</v>
      </c>
      <c r="R23" s="117">
        <v>3987040</v>
      </c>
      <c r="S23" s="117">
        <v>2268149</v>
      </c>
      <c r="T23" s="117">
        <v>2839058</v>
      </c>
      <c r="U23" s="117">
        <v>1798259</v>
      </c>
      <c r="V23" s="116">
        <v>12709144</v>
      </c>
      <c r="W23" s="119">
        <v>13267830</v>
      </c>
      <c r="X23" s="113">
        <v>0</v>
      </c>
      <c r="Y23" s="117">
        <v>0</v>
      </c>
      <c r="Z23" s="116">
        <v>0</v>
      </c>
      <c r="AA23" s="113">
        <v>0</v>
      </c>
      <c r="AB23" s="117">
        <v>608314</v>
      </c>
      <c r="AC23" s="117">
        <v>2343226</v>
      </c>
      <c r="AD23" s="117">
        <v>1326939</v>
      </c>
      <c r="AE23" s="117">
        <v>1755584</v>
      </c>
      <c r="AF23" s="117">
        <v>1110742</v>
      </c>
      <c r="AG23" s="116">
        <v>7144805</v>
      </c>
      <c r="AH23" s="119">
        <v>7144805</v>
      </c>
      <c r="AI23" s="113">
        <v>0</v>
      </c>
      <c r="AJ23" s="117">
        <v>0</v>
      </c>
      <c r="AK23" s="116">
        <v>0</v>
      </c>
      <c r="AL23" s="113">
        <v>0</v>
      </c>
      <c r="AM23" s="117">
        <v>0</v>
      </c>
      <c r="AN23" s="117">
        <v>0</v>
      </c>
      <c r="AO23" s="117">
        <v>102702</v>
      </c>
      <c r="AP23" s="117">
        <v>301741</v>
      </c>
      <c r="AQ23" s="117">
        <v>269212</v>
      </c>
      <c r="AR23" s="116">
        <v>673655</v>
      </c>
      <c r="AS23" s="119">
        <v>673655</v>
      </c>
      <c r="AT23" s="113">
        <v>79880</v>
      </c>
      <c r="AU23" s="117">
        <v>190952</v>
      </c>
      <c r="AV23" s="116">
        <v>270832</v>
      </c>
      <c r="AW23" s="113">
        <v>0</v>
      </c>
      <c r="AX23" s="117">
        <v>603379</v>
      </c>
      <c r="AY23" s="117">
        <v>733396</v>
      </c>
      <c r="AZ23" s="117">
        <v>347020</v>
      </c>
      <c r="BA23" s="117">
        <v>414667</v>
      </c>
      <c r="BB23" s="117">
        <v>225521</v>
      </c>
      <c r="BC23" s="116">
        <v>2323983</v>
      </c>
      <c r="BD23" s="119">
        <v>2594815</v>
      </c>
      <c r="BE23" s="113">
        <v>0</v>
      </c>
      <c r="BF23" s="117">
        <v>168710</v>
      </c>
      <c r="BG23" s="115">
        <v>168710</v>
      </c>
      <c r="BH23" s="114">
        <v>0</v>
      </c>
      <c r="BI23" s="117">
        <v>223993</v>
      </c>
      <c r="BJ23" s="117">
        <v>284578</v>
      </c>
      <c r="BK23" s="117">
        <v>0</v>
      </c>
      <c r="BL23" s="117">
        <v>90594</v>
      </c>
      <c r="BM23" s="117">
        <v>0</v>
      </c>
      <c r="BN23" s="116">
        <v>599165</v>
      </c>
      <c r="BO23" s="119">
        <v>767875</v>
      </c>
      <c r="BP23" s="113">
        <v>19448</v>
      </c>
      <c r="BQ23" s="117">
        <v>99696</v>
      </c>
      <c r="BR23" s="116">
        <v>119144</v>
      </c>
      <c r="BS23" s="113">
        <v>0</v>
      </c>
      <c r="BT23" s="117">
        <v>380952</v>
      </c>
      <c r="BU23" s="117">
        <v>625840</v>
      </c>
      <c r="BV23" s="117">
        <v>491488</v>
      </c>
      <c r="BW23" s="117">
        <v>276472</v>
      </c>
      <c r="BX23" s="117">
        <v>192784</v>
      </c>
      <c r="BY23" s="116">
        <v>1967536</v>
      </c>
      <c r="BZ23" s="119">
        <v>2086680</v>
      </c>
      <c r="CA23" s="113">
        <v>20905</v>
      </c>
      <c r="CB23" s="117">
        <v>480290</v>
      </c>
      <c r="CC23" s="116">
        <v>501195</v>
      </c>
      <c r="CD23" s="113">
        <v>0</v>
      </c>
      <c r="CE23" s="117">
        <v>2672310</v>
      </c>
      <c r="CF23" s="117">
        <v>3328595</v>
      </c>
      <c r="CG23" s="117">
        <v>2794292</v>
      </c>
      <c r="CH23" s="117">
        <v>1072889</v>
      </c>
      <c r="CI23" s="117">
        <v>591088</v>
      </c>
      <c r="CJ23" s="116">
        <v>10459174</v>
      </c>
      <c r="CK23" s="119">
        <v>10960369</v>
      </c>
      <c r="CL23" s="113">
        <v>0</v>
      </c>
      <c r="CM23" s="117">
        <v>0</v>
      </c>
      <c r="CN23" s="116">
        <v>0</v>
      </c>
      <c r="CO23" s="114">
        <v>0</v>
      </c>
      <c r="CP23" s="117">
        <v>2157765</v>
      </c>
      <c r="CQ23" s="117">
        <v>2541181</v>
      </c>
      <c r="CR23" s="117">
        <v>1918251</v>
      </c>
      <c r="CS23" s="117">
        <v>569330</v>
      </c>
      <c r="CT23" s="117">
        <v>416609</v>
      </c>
      <c r="CU23" s="116">
        <v>7603136</v>
      </c>
      <c r="CV23" s="119">
        <v>7603136</v>
      </c>
      <c r="CW23" s="113">
        <v>20905</v>
      </c>
      <c r="CX23" s="117">
        <v>480290</v>
      </c>
      <c r="CY23" s="116">
        <v>501195</v>
      </c>
      <c r="CZ23" s="113">
        <v>0</v>
      </c>
      <c r="DA23" s="117">
        <v>514545</v>
      </c>
      <c r="DB23" s="117">
        <v>787414</v>
      </c>
      <c r="DC23" s="117">
        <v>876041</v>
      </c>
      <c r="DD23" s="117">
        <v>503559</v>
      </c>
      <c r="DE23" s="117">
        <v>174479</v>
      </c>
      <c r="DF23" s="116">
        <v>2856038</v>
      </c>
      <c r="DG23" s="119">
        <v>3357233</v>
      </c>
      <c r="DH23" s="113">
        <v>10372</v>
      </c>
      <c r="DI23" s="117">
        <v>14760</v>
      </c>
      <c r="DJ23" s="115">
        <v>25132</v>
      </c>
      <c r="DK23" s="114">
        <v>0</v>
      </c>
      <c r="DL23" s="117">
        <v>106250</v>
      </c>
      <c r="DM23" s="117">
        <v>288929</v>
      </c>
      <c r="DN23" s="117">
        <v>542930</v>
      </c>
      <c r="DO23" s="117">
        <v>693654</v>
      </c>
      <c r="DP23" s="117">
        <v>235635</v>
      </c>
      <c r="DQ23" s="116">
        <v>1867398</v>
      </c>
      <c r="DR23" s="119">
        <v>1892530</v>
      </c>
      <c r="DS23" s="113">
        <v>10372</v>
      </c>
      <c r="DT23" s="117">
        <v>14760</v>
      </c>
      <c r="DU23" s="116">
        <v>25132</v>
      </c>
      <c r="DV23" s="113">
        <v>0</v>
      </c>
      <c r="DW23" s="117">
        <v>85150</v>
      </c>
      <c r="DX23" s="117">
        <v>288929</v>
      </c>
      <c r="DY23" s="117">
        <v>542930</v>
      </c>
      <c r="DZ23" s="117">
        <v>628673</v>
      </c>
      <c r="EA23" s="117">
        <v>235635</v>
      </c>
      <c r="EB23" s="116">
        <v>1781317</v>
      </c>
      <c r="EC23" s="119">
        <v>1806449</v>
      </c>
      <c r="ED23" s="113">
        <v>0</v>
      </c>
      <c r="EE23" s="115">
        <v>0</v>
      </c>
      <c r="EF23" s="116">
        <v>0</v>
      </c>
      <c r="EG23" s="113">
        <v>0</v>
      </c>
      <c r="EH23" s="117">
        <v>21100</v>
      </c>
      <c r="EI23" s="117">
        <v>0</v>
      </c>
      <c r="EJ23" s="117">
        <v>0</v>
      </c>
      <c r="EK23" s="117">
        <v>64981</v>
      </c>
      <c r="EL23" s="117">
        <v>0</v>
      </c>
      <c r="EM23" s="115">
        <v>86081</v>
      </c>
      <c r="EN23" s="119">
        <v>86081</v>
      </c>
      <c r="EO23" s="113">
        <v>0</v>
      </c>
      <c r="EP23" s="117">
        <v>0</v>
      </c>
      <c r="EQ23" s="115">
        <v>0</v>
      </c>
      <c r="ER23" s="114">
        <v>0</v>
      </c>
      <c r="ES23" s="117">
        <v>0</v>
      </c>
      <c r="ET23" s="117">
        <v>0</v>
      </c>
      <c r="EU23" s="117">
        <v>0</v>
      </c>
      <c r="EV23" s="117">
        <v>0</v>
      </c>
      <c r="EW23" s="117">
        <v>0</v>
      </c>
      <c r="EX23" s="116">
        <v>0</v>
      </c>
      <c r="EY23" s="119">
        <v>0</v>
      </c>
      <c r="EZ23" s="113">
        <v>0</v>
      </c>
      <c r="FA23" s="117">
        <v>0</v>
      </c>
      <c r="FB23" s="115">
        <v>0</v>
      </c>
      <c r="FC23" s="395"/>
      <c r="FD23" s="117">
        <v>0</v>
      </c>
      <c r="FE23" s="117">
        <v>0</v>
      </c>
      <c r="FF23" s="117">
        <v>0</v>
      </c>
      <c r="FG23" s="117">
        <v>0</v>
      </c>
      <c r="FH23" s="117">
        <v>0</v>
      </c>
      <c r="FI23" s="116">
        <v>0</v>
      </c>
      <c r="FJ23" s="119">
        <v>0</v>
      </c>
      <c r="FK23" s="113">
        <v>33808</v>
      </c>
      <c r="FL23" s="117">
        <v>488802</v>
      </c>
      <c r="FM23" s="116">
        <v>522610</v>
      </c>
      <c r="FN23" s="113">
        <v>0</v>
      </c>
      <c r="FO23" s="117">
        <v>287984</v>
      </c>
      <c r="FP23" s="117">
        <v>737608</v>
      </c>
      <c r="FQ23" s="117">
        <v>457448</v>
      </c>
      <c r="FR23" s="117">
        <v>549144</v>
      </c>
      <c r="FS23" s="117">
        <v>346096</v>
      </c>
      <c r="FT23" s="116">
        <v>2378280</v>
      </c>
      <c r="FU23" s="119">
        <v>2900890</v>
      </c>
      <c r="FV23" s="118">
        <v>33808</v>
      </c>
      <c r="FW23" s="117">
        <v>146002</v>
      </c>
      <c r="FX23" s="115">
        <v>179810</v>
      </c>
      <c r="FY23" s="114">
        <v>0</v>
      </c>
      <c r="FZ23" s="117">
        <v>287984</v>
      </c>
      <c r="GA23" s="117">
        <v>737608</v>
      </c>
      <c r="GB23" s="117">
        <v>425848</v>
      </c>
      <c r="GC23" s="117">
        <v>549144</v>
      </c>
      <c r="GD23" s="117">
        <v>121856</v>
      </c>
      <c r="GE23" s="116">
        <v>2122440</v>
      </c>
      <c r="GF23" s="357">
        <v>2302250</v>
      </c>
      <c r="GG23" s="118">
        <v>0</v>
      </c>
      <c r="GH23" s="117">
        <v>0</v>
      </c>
      <c r="GI23" s="115">
        <v>0</v>
      </c>
      <c r="GJ23" s="114">
        <v>0</v>
      </c>
      <c r="GK23" s="117">
        <v>0</v>
      </c>
      <c r="GL23" s="117">
        <v>0</v>
      </c>
      <c r="GM23" s="117">
        <v>18000</v>
      </c>
      <c r="GN23" s="117">
        <v>0</v>
      </c>
      <c r="GO23" s="117">
        <v>23440</v>
      </c>
      <c r="GP23" s="116">
        <v>41440</v>
      </c>
      <c r="GQ23" s="119">
        <v>41440</v>
      </c>
      <c r="GR23" s="113">
        <v>0</v>
      </c>
      <c r="GS23" s="117">
        <v>342800</v>
      </c>
      <c r="GT23" s="116">
        <v>342800</v>
      </c>
      <c r="GU23" s="113">
        <v>0</v>
      </c>
      <c r="GV23" s="117">
        <v>0</v>
      </c>
      <c r="GW23" s="117">
        <v>0</v>
      </c>
      <c r="GX23" s="117">
        <v>13600</v>
      </c>
      <c r="GY23" s="117">
        <v>0</v>
      </c>
      <c r="GZ23" s="117">
        <v>200800</v>
      </c>
      <c r="HA23" s="115">
        <v>214400</v>
      </c>
      <c r="HB23" s="119">
        <v>557200</v>
      </c>
      <c r="HC23" s="113">
        <v>53946</v>
      </c>
      <c r="HD23" s="117">
        <v>279464</v>
      </c>
      <c r="HE23" s="115">
        <v>333410</v>
      </c>
      <c r="HF23" s="114">
        <v>0</v>
      </c>
      <c r="HG23" s="117">
        <v>1548499</v>
      </c>
      <c r="HH23" s="117">
        <v>2133581</v>
      </c>
      <c r="HI23" s="117">
        <v>2786525</v>
      </c>
      <c r="HJ23" s="117">
        <v>657802</v>
      </c>
      <c r="HK23" s="117">
        <v>1608715</v>
      </c>
      <c r="HL23" s="116">
        <v>8735122</v>
      </c>
      <c r="HM23" s="112">
        <v>9068532</v>
      </c>
      <c r="HN23" s="395"/>
      <c r="HO23" s="395"/>
      <c r="HP23" s="395"/>
      <c r="HQ23" s="395"/>
      <c r="HR23" s="395"/>
      <c r="HS23" s="395"/>
      <c r="HT23" s="395"/>
      <c r="HU23" s="395"/>
      <c r="HV23" s="395"/>
      <c r="HW23" s="395"/>
      <c r="HX23" s="395"/>
      <c r="HY23" s="148">
        <v>90020</v>
      </c>
      <c r="HZ23" s="149">
        <v>0</v>
      </c>
      <c r="IA23" s="150">
        <v>90020</v>
      </c>
      <c r="IB23" s="162">
        <v>0</v>
      </c>
      <c r="IC23" s="149">
        <v>2068226</v>
      </c>
      <c r="ID23" s="163">
        <v>2981187</v>
      </c>
      <c r="IE23" s="150">
        <v>1862865</v>
      </c>
      <c r="IF23" s="149">
        <v>1947802</v>
      </c>
      <c r="IG23" s="150">
        <v>260355</v>
      </c>
      <c r="IH23" s="164">
        <v>9120435</v>
      </c>
      <c r="II23" s="156">
        <v>9210455</v>
      </c>
      <c r="IJ23" s="259">
        <v>0</v>
      </c>
      <c r="IK23" s="266">
        <v>0</v>
      </c>
      <c r="IL23" s="267">
        <v>0</v>
      </c>
      <c r="IM23" s="395"/>
      <c r="IN23" s="123">
        <v>0</v>
      </c>
      <c r="IO23" s="123">
        <v>0</v>
      </c>
      <c r="IP23" s="123">
        <v>0</v>
      </c>
      <c r="IQ23" s="123">
        <v>0</v>
      </c>
      <c r="IR23" s="123">
        <v>0</v>
      </c>
      <c r="IS23" s="158">
        <v>0</v>
      </c>
      <c r="IT23" s="360">
        <v>0</v>
      </c>
      <c r="IU23" s="159">
        <v>0</v>
      </c>
      <c r="IV23" s="123">
        <v>0</v>
      </c>
      <c r="IW23" s="124">
        <v>0</v>
      </c>
      <c r="IX23" s="395"/>
      <c r="IY23" s="123">
        <v>0</v>
      </c>
      <c r="IZ23" s="123">
        <v>0</v>
      </c>
      <c r="JA23" s="123">
        <v>0</v>
      </c>
      <c r="JB23" s="123">
        <v>0</v>
      </c>
      <c r="JC23" s="123">
        <v>0</v>
      </c>
      <c r="JD23" s="124">
        <v>0</v>
      </c>
      <c r="JE23" s="125">
        <v>0</v>
      </c>
      <c r="JF23" s="159">
        <v>0</v>
      </c>
      <c r="JG23" s="123">
        <v>0</v>
      </c>
      <c r="JH23" s="158">
        <v>0</v>
      </c>
      <c r="JI23" s="122">
        <v>0</v>
      </c>
      <c r="JJ23" s="123">
        <v>708249</v>
      </c>
      <c r="JK23" s="123">
        <v>1124025</v>
      </c>
      <c r="JL23" s="123">
        <v>40637</v>
      </c>
      <c r="JM23" s="123">
        <v>27904</v>
      </c>
      <c r="JN23" s="123">
        <v>0</v>
      </c>
      <c r="JO23" s="124">
        <v>1900815</v>
      </c>
      <c r="JP23" s="360">
        <v>1900815</v>
      </c>
      <c r="JQ23" s="159">
        <v>0</v>
      </c>
      <c r="JR23" s="123">
        <v>0</v>
      </c>
      <c r="JS23" s="158">
        <v>0</v>
      </c>
      <c r="JT23" s="122">
        <v>0</v>
      </c>
      <c r="JU23" s="123">
        <v>79697</v>
      </c>
      <c r="JV23" s="123">
        <v>0</v>
      </c>
      <c r="JW23" s="123">
        <v>131485</v>
      </c>
      <c r="JX23" s="123">
        <v>130980</v>
      </c>
      <c r="JY23" s="123">
        <v>0</v>
      </c>
      <c r="JZ23" s="124">
        <v>342162</v>
      </c>
      <c r="KA23" s="360">
        <v>342162</v>
      </c>
      <c r="KB23" s="262">
        <v>90020</v>
      </c>
      <c r="KC23" s="256">
        <v>0</v>
      </c>
      <c r="KD23" s="124">
        <v>90020</v>
      </c>
      <c r="KE23" s="122">
        <v>0</v>
      </c>
      <c r="KF23" s="123">
        <v>363542</v>
      </c>
      <c r="KG23" s="123">
        <v>702643</v>
      </c>
      <c r="KH23" s="123">
        <v>680257</v>
      </c>
      <c r="KI23" s="123">
        <v>261217</v>
      </c>
      <c r="KJ23" s="123">
        <v>0</v>
      </c>
      <c r="KK23" s="124">
        <v>2007659</v>
      </c>
      <c r="KL23" s="160">
        <v>2097679</v>
      </c>
      <c r="KM23" s="259">
        <v>0</v>
      </c>
      <c r="KN23" s="266">
        <v>0</v>
      </c>
      <c r="KO23" s="267">
        <v>0</v>
      </c>
      <c r="KP23" s="395"/>
      <c r="KQ23" s="123">
        <v>916738</v>
      </c>
      <c r="KR23" s="123">
        <v>1154519</v>
      </c>
      <c r="KS23" s="123">
        <v>1010486</v>
      </c>
      <c r="KT23" s="123">
        <v>516998</v>
      </c>
      <c r="KU23" s="123">
        <v>260355</v>
      </c>
      <c r="KV23" s="124">
        <v>3859096</v>
      </c>
      <c r="KW23" s="360">
        <v>3859096</v>
      </c>
      <c r="KX23" s="159">
        <v>0</v>
      </c>
      <c r="KY23" s="123">
        <v>0</v>
      </c>
      <c r="KZ23" s="124">
        <v>0</v>
      </c>
      <c r="LA23" s="395"/>
      <c r="LB23" s="123">
        <v>0</v>
      </c>
      <c r="LC23" s="123">
        <v>0</v>
      </c>
      <c r="LD23" s="123">
        <v>0</v>
      </c>
      <c r="LE23" s="123">
        <v>0</v>
      </c>
      <c r="LF23" s="123">
        <v>0</v>
      </c>
      <c r="LG23" s="124">
        <v>0</v>
      </c>
      <c r="LH23" s="125">
        <v>0</v>
      </c>
      <c r="LI23" s="159">
        <v>0</v>
      </c>
      <c r="LJ23" s="123">
        <v>0</v>
      </c>
      <c r="LK23" s="124">
        <v>0</v>
      </c>
      <c r="LL23" s="395"/>
      <c r="LM23" s="123">
        <v>0</v>
      </c>
      <c r="LN23" s="123">
        <v>0</v>
      </c>
      <c r="LO23" s="123">
        <v>0</v>
      </c>
      <c r="LP23" s="123">
        <v>277894</v>
      </c>
      <c r="LQ23" s="123">
        <v>0</v>
      </c>
      <c r="LR23" s="124">
        <v>277894</v>
      </c>
      <c r="LS23" s="360">
        <v>277894</v>
      </c>
      <c r="LT23" s="159">
        <v>0</v>
      </c>
      <c r="LU23" s="123">
        <v>0</v>
      </c>
      <c r="LV23" s="124">
        <v>0</v>
      </c>
      <c r="LW23" s="395"/>
      <c r="LX23" s="123">
        <v>0</v>
      </c>
      <c r="LY23" s="123">
        <v>0</v>
      </c>
      <c r="LZ23" s="123">
        <v>0</v>
      </c>
      <c r="MA23" s="123">
        <v>732809</v>
      </c>
      <c r="MB23" s="123">
        <v>0</v>
      </c>
      <c r="MC23" s="124">
        <v>732809</v>
      </c>
      <c r="MD23" s="125">
        <v>732809</v>
      </c>
      <c r="ME23" s="159">
        <v>0</v>
      </c>
      <c r="MF23" s="123">
        <v>0</v>
      </c>
      <c r="MG23" s="124">
        <v>0</v>
      </c>
      <c r="MH23" s="395"/>
      <c r="MI23" s="123">
        <v>0</v>
      </c>
      <c r="MJ23" s="123">
        <v>576093</v>
      </c>
      <c r="MK23" s="123">
        <v>5142023</v>
      </c>
      <c r="ML23" s="123">
        <v>5376496</v>
      </c>
      <c r="MM23" s="123">
        <v>4585249</v>
      </c>
      <c r="MN23" s="124">
        <v>15679861</v>
      </c>
      <c r="MO23" s="160">
        <v>15679861</v>
      </c>
      <c r="MP23" s="159">
        <v>0</v>
      </c>
      <c r="MQ23" s="123">
        <v>0</v>
      </c>
      <c r="MR23" s="124">
        <v>0</v>
      </c>
      <c r="MS23" s="395"/>
      <c r="MT23" s="123">
        <v>0</v>
      </c>
      <c r="MU23" s="123">
        <v>0</v>
      </c>
      <c r="MV23" s="123">
        <v>3332547</v>
      </c>
      <c r="MW23" s="123">
        <v>3784364</v>
      </c>
      <c r="MX23" s="123">
        <v>2212521</v>
      </c>
      <c r="MY23" s="124">
        <v>9329432</v>
      </c>
      <c r="MZ23" s="160">
        <v>9329432</v>
      </c>
      <c r="NA23" s="159">
        <v>0</v>
      </c>
      <c r="NB23" s="123">
        <v>0</v>
      </c>
      <c r="NC23" s="124">
        <v>0</v>
      </c>
      <c r="ND23" s="395"/>
      <c r="NE23" s="123">
        <v>0</v>
      </c>
      <c r="NF23" s="123">
        <v>576093</v>
      </c>
      <c r="NG23" s="123">
        <v>1809476</v>
      </c>
      <c r="NH23" s="123">
        <v>1592132</v>
      </c>
      <c r="NI23" s="123">
        <v>1596685</v>
      </c>
      <c r="NJ23" s="124">
        <v>5574386</v>
      </c>
      <c r="NK23" s="360">
        <v>5574386</v>
      </c>
      <c r="NL23" s="159">
        <v>0</v>
      </c>
      <c r="NM23" s="123">
        <v>0</v>
      </c>
      <c r="NN23" s="124">
        <v>0</v>
      </c>
      <c r="NO23" s="395"/>
      <c r="NP23" s="123">
        <v>0</v>
      </c>
      <c r="NQ23" s="123">
        <v>0</v>
      </c>
      <c r="NR23" s="123">
        <v>0</v>
      </c>
      <c r="NS23" s="123">
        <v>0</v>
      </c>
      <c r="NT23" s="123">
        <v>0</v>
      </c>
      <c r="NU23" s="124">
        <v>0</v>
      </c>
      <c r="NV23" s="125">
        <v>0</v>
      </c>
      <c r="NW23" s="159">
        <v>0</v>
      </c>
      <c r="NX23" s="123">
        <v>0</v>
      </c>
      <c r="NY23" s="124">
        <v>0</v>
      </c>
      <c r="NZ23" s="395"/>
      <c r="OA23" s="123">
        <v>0</v>
      </c>
      <c r="OB23" s="123">
        <v>0</v>
      </c>
      <c r="OC23" s="123">
        <v>0</v>
      </c>
      <c r="OD23" s="123">
        <v>0</v>
      </c>
      <c r="OE23" s="123">
        <v>776043</v>
      </c>
      <c r="OF23" s="124">
        <v>776043</v>
      </c>
      <c r="OG23" s="125">
        <v>776043</v>
      </c>
      <c r="OH23" s="159">
        <v>308379</v>
      </c>
      <c r="OI23" s="123">
        <v>1722674</v>
      </c>
      <c r="OJ23" s="158">
        <v>2031053</v>
      </c>
      <c r="OK23" s="122">
        <v>0</v>
      </c>
      <c r="OL23" s="123">
        <v>8499907</v>
      </c>
      <c r="OM23" s="123">
        <v>14033033</v>
      </c>
      <c r="ON23" s="123">
        <v>15854232</v>
      </c>
      <c r="OO23" s="123">
        <v>13136845</v>
      </c>
      <c r="OP23" s="123">
        <v>9425397</v>
      </c>
      <c r="OQ23" s="124">
        <v>60949414</v>
      </c>
      <c r="OR23" s="160">
        <v>62980467</v>
      </c>
    </row>
    <row r="24" spans="1:408" ht="20.25" customHeight="1" x14ac:dyDescent="0.2">
      <c r="A24" s="130" t="s">
        <v>19</v>
      </c>
      <c r="B24" s="113">
        <v>51565</v>
      </c>
      <c r="C24" s="117">
        <v>545982</v>
      </c>
      <c r="D24" s="116">
        <v>597547</v>
      </c>
      <c r="E24" s="112">
        <v>0</v>
      </c>
      <c r="F24" s="117">
        <v>5372485</v>
      </c>
      <c r="G24" s="117">
        <v>3960169</v>
      </c>
      <c r="H24" s="117">
        <v>2853020</v>
      </c>
      <c r="I24" s="117">
        <v>3173573</v>
      </c>
      <c r="J24" s="117">
        <v>798181</v>
      </c>
      <c r="K24" s="112">
        <v>16157428</v>
      </c>
      <c r="L24" s="119">
        <v>16754975</v>
      </c>
      <c r="M24" s="113">
        <v>20380</v>
      </c>
      <c r="N24" s="117">
        <v>152104</v>
      </c>
      <c r="O24" s="116">
        <v>172484</v>
      </c>
      <c r="P24" s="113">
        <v>0</v>
      </c>
      <c r="Q24" s="117">
        <v>1672048</v>
      </c>
      <c r="R24" s="117">
        <v>1067609</v>
      </c>
      <c r="S24" s="117">
        <v>608443</v>
      </c>
      <c r="T24" s="117">
        <v>1673616</v>
      </c>
      <c r="U24" s="117">
        <v>489263</v>
      </c>
      <c r="V24" s="116">
        <v>5510979</v>
      </c>
      <c r="W24" s="119">
        <v>5683463</v>
      </c>
      <c r="X24" s="113">
        <v>0</v>
      </c>
      <c r="Y24" s="117">
        <v>0</v>
      </c>
      <c r="Z24" s="116">
        <v>0</v>
      </c>
      <c r="AA24" s="113">
        <v>0</v>
      </c>
      <c r="AB24" s="117">
        <v>840133</v>
      </c>
      <c r="AC24" s="117">
        <v>371617</v>
      </c>
      <c r="AD24" s="117">
        <v>174229</v>
      </c>
      <c r="AE24" s="117">
        <v>973961</v>
      </c>
      <c r="AF24" s="117">
        <v>96927</v>
      </c>
      <c r="AG24" s="116">
        <v>2456867</v>
      </c>
      <c r="AH24" s="119">
        <v>2456867</v>
      </c>
      <c r="AI24" s="113">
        <v>0</v>
      </c>
      <c r="AJ24" s="117">
        <v>0</v>
      </c>
      <c r="AK24" s="116">
        <v>0</v>
      </c>
      <c r="AL24" s="113">
        <v>0</v>
      </c>
      <c r="AM24" s="117">
        <v>0</v>
      </c>
      <c r="AN24" s="117">
        <v>11559</v>
      </c>
      <c r="AO24" s="117">
        <v>0</v>
      </c>
      <c r="AP24" s="117">
        <v>232847</v>
      </c>
      <c r="AQ24" s="117">
        <v>155052</v>
      </c>
      <c r="AR24" s="116">
        <v>399458</v>
      </c>
      <c r="AS24" s="119">
        <v>399458</v>
      </c>
      <c r="AT24" s="113">
        <v>15612</v>
      </c>
      <c r="AU24" s="117">
        <v>126720</v>
      </c>
      <c r="AV24" s="116">
        <v>142332</v>
      </c>
      <c r="AW24" s="113">
        <v>0</v>
      </c>
      <c r="AX24" s="117">
        <v>554019</v>
      </c>
      <c r="AY24" s="117">
        <v>400162</v>
      </c>
      <c r="AZ24" s="117">
        <v>151587</v>
      </c>
      <c r="BA24" s="117">
        <v>336128</v>
      </c>
      <c r="BB24" s="117">
        <v>173580</v>
      </c>
      <c r="BC24" s="116">
        <v>1615476</v>
      </c>
      <c r="BD24" s="119">
        <v>1757808</v>
      </c>
      <c r="BE24" s="113">
        <v>0</v>
      </c>
      <c r="BF24" s="117">
        <v>0</v>
      </c>
      <c r="BG24" s="115">
        <v>0</v>
      </c>
      <c r="BH24" s="114">
        <v>0</v>
      </c>
      <c r="BI24" s="117">
        <v>0</v>
      </c>
      <c r="BJ24" s="117">
        <v>72295</v>
      </c>
      <c r="BK24" s="117">
        <v>122323</v>
      </c>
      <c r="BL24" s="117">
        <v>0</v>
      </c>
      <c r="BM24" s="117">
        <v>0</v>
      </c>
      <c r="BN24" s="116">
        <v>194618</v>
      </c>
      <c r="BO24" s="119">
        <v>194618</v>
      </c>
      <c r="BP24" s="113">
        <v>4768</v>
      </c>
      <c r="BQ24" s="117">
        <v>25384</v>
      </c>
      <c r="BR24" s="116">
        <v>30152</v>
      </c>
      <c r="BS24" s="113">
        <v>0</v>
      </c>
      <c r="BT24" s="117">
        <v>277896</v>
      </c>
      <c r="BU24" s="117">
        <v>211976</v>
      </c>
      <c r="BV24" s="117">
        <v>160304</v>
      </c>
      <c r="BW24" s="117">
        <v>130680</v>
      </c>
      <c r="BX24" s="117">
        <v>63704</v>
      </c>
      <c r="BY24" s="116">
        <v>844560</v>
      </c>
      <c r="BZ24" s="119">
        <v>874712</v>
      </c>
      <c r="CA24" s="113">
        <v>17985</v>
      </c>
      <c r="CB24" s="117">
        <v>40857</v>
      </c>
      <c r="CC24" s="116">
        <v>58842</v>
      </c>
      <c r="CD24" s="113">
        <v>0</v>
      </c>
      <c r="CE24" s="117">
        <v>2296547</v>
      </c>
      <c r="CF24" s="117">
        <v>1539251</v>
      </c>
      <c r="CG24" s="117">
        <v>1329834</v>
      </c>
      <c r="CH24" s="117">
        <v>308715</v>
      </c>
      <c r="CI24" s="117">
        <v>10770</v>
      </c>
      <c r="CJ24" s="116">
        <v>5485117</v>
      </c>
      <c r="CK24" s="119">
        <v>5543959</v>
      </c>
      <c r="CL24" s="113">
        <v>0</v>
      </c>
      <c r="CM24" s="117">
        <v>0</v>
      </c>
      <c r="CN24" s="116">
        <v>0</v>
      </c>
      <c r="CO24" s="114">
        <v>0</v>
      </c>
      <c r="CP24" s="117">
        <v>1959778</v>
      </c>
      <c r="CQ24" s="117">
        <v>1058214</v>
      </c>
      <c r="CR24" s="117">
        <v>966441</v>
      </c>
      <c r="CS24" s="117">
        <v>88121</v>
      </c>
      <c r="CT24" s="117">
        <v>10770</v>
      </c>
      <c r="CU24" s="116">
        <v>4083324</v>
      </c>
      <c r="CV24" s="119">
        <v>4083324</v>
      </c>
      <c r="CW24" s="113">
        <v>17985</v>
      </c>
      <c r="CX24" s="117">
        <v>40857</v>
      </c>
      <c r="CY24" s="116">
        <v>58842</v>
      </c>
      <c r="CZ24" s="113">
        <v>0</v>
      </c>
      <c r="DA24" s="117">
        <v>336769</v>
      </c>
      <c r="DB24" s="117">
        <v>481037</v>
      </c>
      <c r="DC24" s="117">
        <v>363393</v>
      </c>
      <c r="DD24" s="117">
        <v>220594</v>
      </c>
      <c r="DE24" s="117">
        <v>0</v>
      </c>
      <c r="DF24" s="116">
        <v>1401793</v>
      </c>
      <c r="DG24" s="119">
        <v>1460635</v>
      </c>
      <c r="DH24" s="113">
        <v>0</v>
      </c>
      <c r="DI24" s="117">
        <v>14432</v>
      </c>
      <c r="DJ24" s="115">
        <v>14432</v>
      </c>
      <c r="DK24" s="114">
        <v>0</v>
      </c>
      <c r="DL24" s="117">
        <v>194818</v>
      </c>
      <c r="DM24" s="117">
        <v>177812</v>
      </c>
      <c r="DN24" s="117">
        <v>53704</v>
      </c>
      <c r="DO24" s="117">
        <v>207327</v>
      </c>
      <c r="DP24" s="117">
        <v>0</v>
      </c>
      <c r="DQ24" s="116">
        <v>633661</v>
      </c>
      <c r="DR24" s="119">
        <v>648093</v>
      </c>
      <c r="DS24" s="113">
        <v>0</v>
      </c>
      <c r="DT24" s="117">
        <v>14432</v>
      </c>
      <c r="DU24" s="116">
        <v>14432</v>
      </c>
      <c r="DV24" s="113">
        <v>0</v>
      </c>
      <c r="DW24" s="117">
        <v>194818</v>
      </c>
      <c r="DX24" s="117">
        <v>177812</v>
      </c>
      <c r="DY24" s="117">
        <v>18609</v>
      </c>
      <c r="DZ24" s="117">
        <v>0</v>
      </c>
      <c r="EA24" s="117">
        <v>0</v>
      </c>
      <c r="EB24" s="116">
        <v>391239</v>
      </c>
      <c r="EC24" s="119">
        <v>405671</v>
      </c>
      <c r="ED24" s="113">
        <v>0</v>
      </c>
      <c r="EE24" s="115">
        <v>0</v>
      </c>
      <c r="EF24" s="116">
        <v>0</v>
      </c>
      <c r="EG24" s="113">
        <v>0</v>
      </c>
      <c r="EH24" s="117">
        <v>0</v>
      </c>
      <c r="EI24" s="117">
        <v>0</v>
      </c>
      <c r="EJ24" s="117">
        <v>35095</v>
      </c>
      <c r="EK24" s="117">
        <v>207327</v>
      </c>
      <c r="EL24" s="117">
        <v>0</v>
      </c>
      <c r="EM24" s="115">
        <v>242422</v>
      </c>
      <c r="EN24" s="119">
        <v>242422</v>
      </c>
      <c r="EO24" s="113">
        <v>0</v>
      </c>
      <c r="EP24" s="117">
        <v>0</v>
      </c>
      <c r="EQ24" s="115">
        <v>0</v>
      </c>
      <c r="ER24" s="114">
        <v>0</v>
      </c>
      <c r="ES24" s="117">
        <v>0</v>
      </c>
      <c r="ET24" s="117">
        <v>0</v>
      </c>
      <c r="EU24" s="117">
        <v>0</v>
      </c>
      <c r="EV24" s="117">
        <v>0</v>
      </c>
      <c r="EW24" s="117">
        <v>0</v>
      </c>
      <c r="EX24" s="116">
        <v>0</v>
      </c>
      <c r="EY24" s="119">
        <v>0</v>
      </c>
      <c r="EZ24" s="113">
        <v>0</v>
      </c>
      <c r="FA24" s="117">
        <v>0</v>
      </c>
      <c r="FB24" s="115">
        <v>0</v>
      </c>
      <c r="FC24" s="395"/>
      <c r="FD24" s="117">
        <v>0</v>
      </c>
      <c r="FE24" s="117">
        <v>0</v>
      </c>
      <c r="FF24" s="117">
        <v>0</v>
      </c>
      <c r="FG24" s="117">
        <v>0</v>
      </c>
      <c r="FH24" s="117">
        <v>0</v>
      </c>
      <c r="FI24" s="116">
        <v>0</v>
      </c>
      <c r="FJ24" s="119">
        <v>0</v>
      </c>
      <c r="FK24" s="113">
        <v>13200</v>
      </c>
      <c r="FL24" s="117">
        <v>59968</v>
      </c>
      <c r="FM24" s="116">
        <v>73168</v>
      </c>
      <c r="FN24" s="113">
        <v>0</v>
      </c>
      <c r="FO24" s="117">
        <v>232408</v>
      </c>
      <c r="FP24" s="117">
        <v>466416</v>
      </c>
      <c r="FQ24" s="117">
        <v>261112</v>
      </c>
      <c r="FR24" s="117">
        <v>242344</v>
      </c>
      <c r="FS24" s="117">
        <v>83464</v>
      </c>
      <c r="FT24" s="116">
        <v>1285744</v>
      </c>
      <c r="FU24" s="119">
        <v>1358912</v>
      </c>
      <c r="FV24" s="118">
        <v>13200</v>
      </c>
      <c r="FW24" s="117">
        <v>46240</v>
      </c>
      <c r="FX24" s="115">
        <v>59440</v>
      </c>
      <c r="FY24" s="114">
        <v>0</v>
      </c>
      <c r="FZ24" s="117">
        <v>148408</v>
      </c>
      <c r="GA24" s="117">
        <v>405032</v>
      </c>
      <c r="GB24" s="117">
        <v>211832</v>
      </c>
      <c r="GC24" s="117">
        <v>242344</v>
      </c>
      <c r="GD24" s="117">
        <v>83464</v>
      </c>
      <c r="GE24" s="116">
        <v>1091080</v>
      </c>
      <c r="GF24" s="357">
        <v>1150520</v>
      </c>
      <c r="GG24" s="118">
        <v>0</v>
      </c>
      <c r="GH24" s="117">
        <v>13728</v>
      </c>
      <c r="GI24" s="115">
        <v>13728</v>
      </c>
      <c r="GJ24" s="114">
        <v>0</v>
      </c>
      <c r="GK24" s="117">
        <v>0</v>
      </c>
      <c r="GL24" s="117">
        <v>61384</v>
      </c>
      <c r="GM24" s="117">
        <v>27680</v>
      </c>
      <c r="GN24" s="117">
        <v>0</v>
      </c>
      <c r="GO24" s="117">
        <v>0</v>
      </c>
      <c r="GP24" s="116">
        <v>89064</v>
      </c>
      <c r="GQ24" s="119">
        <v>102792</v>
      </c>
      <c r="GR24" s="113">
        <v>0</v>
      </c>
      <c r="GS24" s="117">
        <v>0</v>
      </c>
      <c r="GT24" s="116">
        <v>0</v>
      </c>
      <c r="GU24" s="113">
        <v>0</v>
      </c>
      <c r="GV24" s="117">
        <v>84000</v>
      </c>
      <c r="GW24" s="117">
        <v>0</v>
      </c>
      <c r="GX24" s="117">
        <v>21600</v>
      </c>
      <c r="GY24" s="117">
        <v>0</v>
      </c>
      <c r="GZ24" s="117">
        <v>0</v>
      </c>
      <c r="HA24" s="115">
        <v>105600</v>
      </c>
      <c r="HB24" s="119">
        <v>105600</v>
      </c>
      <c r="HC24" s="113">
        <v>0</v>
      </c>
      <c r="HD24" s="117">
        <v>278621</v>
      </c>
      <c r="HE24" s="115">
        <v>278621</v>
      </c>
      <c r="HF24" s="114">
        <v>0</v>
      </c>
      <c r="HG24" s="117">
        <v>976664</v>
      </c>
      <c r="HH24" s="117">
        <v>709081</v>
      </c>
      <c r="HI24" s="117">
        <v>599927</v>
      </c>
      <c r="HJ24" s="117">
        <v>741571</v>
      </c>
      <c r="HK24" s="117">
        <v>214684</v>
      </c>
      <c r="HL24" s="116">
        <v>3241927</v>
      </c>
      <c r="HM24" s="112">
        <v>3520548</v>
      </c>
      <c r="HN24" s="395"/>
      <c r="HO24" s="395"/>
      <c r="HP24" s="395"/>
      <c r="HQ24" s="395"/>
      <c r="HR24" s="395"/>
      <c r="HS24" s="395"/>
      <c r="HT24" s="395"/>
      <c r="HU24" s="395"/>
      <c r="HV24" s="395"/>
      <c r="HW24" s="395"/>
      <c r="HX24" s="395"/>
      <c r="HY24" s="166">
        <v>0</v>
      </c>
      <c r="HZ24" s="152">
        <v>0</v>
      </c>
      <c r="IA24" s="166">
        <v>0</v>
      </c>
      <c r="IB24" s="151">
        <v>0</v>
      </c>
      <c r="IC24" s="152">
        <v>709694</v>
      </c>
      <c r="ID24" s="153">
        <v>1153297</v>
      </c>
      <c r="IE24" s="154">
        <v>909358</v>
      </c>
      <c r="IF24" s="152">
        <v>46371</v>
      </c>
      <c r="IG24" s="154">
        <v>528376</v>
      </c>
      <c r="IH24" s="155">
        <v>3347096</v>
      </c>
      <c r="II24" s="166">
        <v>3347096</v>
      </c>
      <c r="IJ24" s="259">
        <v>0</v>
      </c>
      <c r="IK24" s="266">
        <v>0</v>
      </c>
      <c r="IL24" s="267">
        <v>0</v>
      </c>
      <c r="IM24" s="395"/>
      <c r="IN24" s="123">
        <v>52489</v>
      </c>
      <c r="IO24" s="123">
        <v>0</v>
      </c>
      <c r="IP24" s="123">
        <v>206098</v>
      </c>
      <c r="IQ24" s="123">
        <v>0</v>
      </c>
      <c r="IR24" s="123">
        <v>0</v>
      </c>
      <c r="IS24" s="158">
        <v>258587</v>
      </c>
      <c r="IT24" s="360">
        <v>258587</v>
      </c>
      <c r="IU24" s="159">
        <v>0</v>
      </c>
      <c r="IV24" s="123">
        <v>0</v>
      </c>
      <c r="IW24" s="124">
        <v>0</v>
      </c>
      <c r="IX24" s="395"/>
      <c r="IY24" s="123">
        <v>0</v>
      </c>
      <c r="IZ24" s="123">
        <v>0</v>
      </c>
      <c r="JA24" s="123">
        <v>0</v>
      </c>
      <c r="JB24" s="123">
        <v>0</v>
      </c>
      <c r="JC24" s="123">
        <v>0</v>
      </c>
      <c r="JD24" s="124">
        <v>0</v>
      </c>
      <c r="JE24" s="125">
        <v>0</v>
      </c>
      <c r="JF24" s="159">
        <v>0</v>
      </c>
      <c r="JG24" s="123">
        <v>0</v>
      </c>
      <c r="JH24" s="158">
        <v>0</v>
      </c>
      <c r="JI24" s="122">
        <v>0</v>
      </c>
      <c r="JJ24" s="123">
        <v>291683</v>
      </c>
      <c r="JK24" s="123">
        <v>259323</v>
      </c>
      <c r="JL24" s="123">
        <v>206349</v>
      </c>
      <c r="JM24" s="123">
        <v>46371</v>
      </c>
      <c r="JN24" s="123">
        <v>0</v>
      </c>
      <c r="JO24" s="124">
        <v>803726</v>
      </c>
      <c r="JP24" s="360">
        <v>803726</v>
      </c>
      <c r="JQ24" s="159">
        <v>0</v>
      </c>
      <c r="JR24" s="123">
        <v>0</v>
      </c>
      <c r="JS24" s="158">
        <v>0</v>
      </c>
      <c r="JT24" s="122">
        <v>0</v>
      </c>
      <c r="JU24" s="123">
        <v>0</v>
      </c>
      <c r="JV24" s="123">
        <v>353008</v>
      </c>
      <c r="JW24" s="123">
        <v>293170</v>
      </c>
      <c r="JX24" s="123">
        <v>0</v>
      </c>
      <c r="JY24" s="123">
        <v>0</v>
      </c>
      <c r="JZ24" s="124">
        <v>646178</v>
      </c>
      <c r="KA24" s="360">
        <v>646178</v>
      </c>
      <c r="KB24" s="262">
        <v>0</v>
      </c>
      <c r="KC24" s="256">
        <v>0</v>
      </c>
      <c r="KD24" s="124">
        <v>0</v>
      </c>
      <c r="KE24" s="122">
        <v>0</v>
      </c>
      <c r="KF24" s="123">
        <v>133056</v>
      </c>
      <c r="KG24" s="123">
        <v>298218</v>
      </c>
      <c r="KH24" s="123">
        <v>203741</v>
      </c>
      <c r="KI24" s="123">
        <v>0</v>
      </c>
      <c r="KJ24" s="123">
        <v>528376</v>
      </c>
      <c r="KK24" s="124">
        <v>1163391</v>
      </c>
      <c r="KL24" s="160">
        <v>1163391</v>
      </c>
      <c r="KM24" s="259">
        <v>0</v>
      </c>
      <c r="KN24" s="266">
        <v>0</v>
      </c>
      <c r="KO24" s="267">
        <v>0</v>
      </c>
      <c r="KP24" s="395"/>
      <c r="KQ24" s="123">
        <v>232466</v>
      </c>
      <c r="KR24" s="123">
        <v>242748</v>
      </c>
      <c r="KS24" s="123">
        <v>0</v>
      </c>
      <c r="KT24" s="123">
        <v>0</v>
      </c>
      <c r="KU24" s="123">
        <v>0</v>
      </c>
      <c r="KV24" s="124">
        <v>475214</v>
      </c>
      <c r="KW24" s="360">
        <v>475214</v>
      </c>
      <c r="KX24" s="159">
        <v>0</v>
      </c>
      <c r="KY24" s="123">
        <v>0</v>
      </c>
      <c r="KZ24" s="124">
        <v>0</v>
      </c>
      <c r="LA24" s="395"/>
      <c r="LB24" s="123">
        <v>0</v>
      </c>
      <c r="LC24" s="123">
        <v>0</v>
      </c>
      <c r="LD24" s="123">
        <v>0</v>
      </c>
      <c r="LE24" s="123">
        <v>0</v>
      </c>
      <c r="LF24" s="123">
        <v>0</v>
      </c>
      <c r="LG24" s="124">
        <v>0</v>
      </c>
      <c r="LH24" s="125">
        <v>0</v>
      </c>
      <c r="LI24" s="159">
        <v>0</v>
      </c>
      <c r="LJ24" s="123">
        <v>0</v>
      </c>
      <c r="LK24" s="124">
        <v>0</v>
      </c>
      <c r="LL24" s="395"/>
      <c r="LM24" s="123">
        <v>0</v>
      </c>
      <c r="LN24" s="123">
        <v>0</v>
      </c>
      <c r="LO24" s="123">
        <v>0</v>
      </c>
      <c r="LP24" s="123">
        <v>0</v>
      </c>
      <c r="LQ24" s="123">
        <v>0</v>
      </c>
      <c r="LR24" s="124">
        <v>0</v>
      </c>
      <c r="LS24" s="360">
        <v>0</v>
      </c>
      <c r="LT24" s="159">
        <v>0</v>
      </c>
      <c r="LU24" s="123">
        <v>0</v>
      </c>
      <c r="LV24" s="124">
        <v>0</v>
      </c>
      <c r="LW24" s="395"/>
      <c r="LX24" s="123">
        <v>0</v>
      </c>
      <c r="LY24" s="123">
        <v>0</v>
      </c>
      <c r="LZ24" s="123">
        <v>0</v>
      </c>
      <c r="MA24" s="123">
        <v>0</v>
      </c>
      <c r="MB24" s="123">
        <v>0</v>
      </c>
      <c r="MC24" s="124">
        <v>0</v>
      </c>
      <c r="MD24" s="125">
        <v>0</v>
      </c>
      <c r="ME24" s="159">
        <v>0</v>
      </c>
      <c r="MF24" s="123">
        <v>0</v>
      </c>
      <c r="MG24" s="124">
        <v>0</v>
      </c>
      <c r="MH24" s="395"/>
      <c r="MI24" s="123">
        <v>524167</v>
      </c>
      <c r="MJ24" s="123">
        <v>564688</v>
      </c>
      <c r="MK24" s="123">
        <v>770489</v>
      </c>
      <c r="ML24" s="123">
        <v>3043994</v>
      </c>
      <c r="MM24" s="123">
        <v>814094</v>
      </c>
      <c r="MN24" s="124">
        <v>5717432</v>
      </c>
      <c r="MO24" s="160">
        <v>5717432</v>
      </c>
      <c r="MP24" s="159">
        <v>0</v>
      </c>
      <c r="MQ24" s="123">
        <v>0</v>
      </c>
      <c r="MR24" s="124">
        <v>0</v>
      </c>
      <c r="MS24" s="395"/>
      <c r="MT24" s="123">
        <v>0</v>
      </c>
      <c r="MU24" s="123">
        <v>0</v>
      </c>
      <c r="MV24" s="123">
        <v>225418</v>
      </c>
      <c r="MW24" s="123">
        <v>1583658</v>
      </c>
      <c r="MX24" s="123">
        <v>814094</v>
      </c>
      <c r="MY24" s="124">
        <v>2623170</v>
      </c>
      <c r="MZ24" s="160">
        <v>2623170</v>
      </c>
      <c r="NA24" s="159">
        <v>0</v>
      </c>
      <c r="NB24" s="123">
        <v>0</v>
      </c>
      <c r="NC24" s="124">
        <v>0</v>
      </c>
      <c r="ND24" s="395"/>
      <c r="NE24" s="123">
        <v>524167</v>
      </c>
      <c r="NF24" s="123">
        <v>564688</v>
      </c>
      <c r="NG24" s="123">
        <v>545071</v>
      </c>
      <c r="NH24" s="123">
        <v>1460336</v>
      </c>
      <c r="NI24" s="123">
        <v>0</v>
      </c>
      <c r="NJ24" s="124">
        <v>3094262</v>
      </c>
      <c r="NK24" s="360">
        <v>3094262</v>
      </c>
      <c r="NL24" s="159">
        <v>0</v>
      </c>
      <c r="NM24" s="123">
        <v>0</v>
      </c>
      <c r="NN24" s="124">
        <v>0</v>
      </c>
      <c r="NO24" s="395"/>
      <c r="NP24" s="123">
        <v>0</v>
      </c>
      <c r="NQ24" s="123">
        <v>0</v>
      </c>
      <c r="NR24" s="123">
        <v>0</v>
      </c>
      <c r="NS24" s="123">
        <v>0</v>
      </c>
      <c r="NT24" s="123">
        <v>0</v>
      </c>
      <c r="NU24" s="124">
        <v>0</v>
      </c>
      <c r="NV24" s="125">
        <v>0</v>
      </c>
      <c r="NW24" s="159">
        <v>0</v>
      </c>
      <c r="NX24" s="123">
        <v>0</v>
      </c>
      <c r="NY24" s="124">
        <v>0</v>
      </c>
      <c r="NZ24" s="395"/>
      <c r="OA24" s="123">
        <v>0</v>
      </c>
      <c r="OB24" s="123">
        <v>0</v>
      </c>
      <c r="OC24" s="123">
        <v>0</v>
      </c>
      <c r="OD24" s="123">
        <v>0</v>
      </c>
      <c r="OE24" s="123">
        <v>0</v>
      </c>
      <c r="OF24" s="124">
        <v>0</v>
      </c>
      <c r="OG24" s="125">
        <v>0</v>
      </c>
      <c r="OH24" s="159">
        <v>51565</v>
      </c>
      <c r="OI24" s="123">
        <v>545982</v>
      </c>
      <c r="OJ24" s="158">
        <v>597547</v>
      </c>
      <c r="OK24" s="122">
        <v>0</v>
      </c>
      <c r="OL24" s="123">
        <v>6606346</v>
      </c>
      <c r="OM24" s="123">
        <v>5678154</v>
      </c>
      <c r="ON24" s="123">
        <v>4532867</v>
      </c>
      <c r="OO24" s="123">
        <v>6263938</v>
      </c>
      <c r="OP24" s="123">
        <v>2140651</v>
      </c>
      <c r="OQ24" s="124">
        <v>25221956</v>
      </c>
      <c r="OR24" s="160">
        <v>25819503</v>
      </c>
    </row>
    <row r="25" spans="1:408" ht="20.25" customHeight="1" x14ac:dyDescent="0.2">
      <c r="A25" s="130" t="s">
        <v>20</v>
      </c>
      <c r="B25" s="113">
        <v>453677</v>
      </c>
      <c r="C25" s="117">
        <v>928139</v>
      </c>
      <c r="D25" s="116">
        <v>1381816</v>
      </c>
      <c r="E25" s="113">
        <v>0</v>
      </c>
      <c r="F25" s="117">
        <v>6195652</v>
      </c>
      <c r="G25" s="117">
        <v>5363733</v>
      </c>
      <c r="H25" s="117">
        <v>5705726</v>
      </c>
      <c r="I25" s="117">
        <v>5695095</v>
      </c>
      <c r="J25" s="117">
        <v>1006020</v>
      </c>
      <c r="K25" s="198">
        <v>23966226</v>
      </c>
      <c r="L25" s="119">
        <v>25348042</v>
      </c>
      <c r="M25" s="113">
        <v>71491</v>
      </c>
      <c r="N25" s="117">
        <v>230270</v>
      </c>
      <c r="O25" s="116">
        <v>301761</v>
      </c>
      <c r="P25" s="113">
        <v>0</v>
      </c>
      <c r="Q25" s="117">
        <v>2044955</v>
      </c>
      <c r="R25" s="117">
        <v>1277887</v>
      </c>
      <c r="S25" s="117">
        <v>1820962</v>
      </c>
      <c r="T25" s="117">
        <v>1428401</v>
      </c>
      <c r="U25" s="117">
        <v>514477</v>
      </c>
      <c r="V25" s="116">
        <v>7086682</v>
      </c>
      <c r="W25" s="119">
        <v>7388443</v>
      </c>
      <c r="X25" s="113">
        <v>0</v>
      </c>
      <c r="Y25" s="117">
        <v>0</v>
      </c>
      <c r="Z25" s="116">
        <v>0</v>
      </c>
      <c r="AA25" s="113">
        <v>0</v>
      </c>
      <c r="AB25" s="117">
        <v>668561</v>
      </c>
      <c r="AC25" s="117">
        <v>479974</v>
      </c>
      <c r="AD25" s="117">
        <v>569715</v>
      </c>
      <c r="AE25" s="117">
        <v>493062</v>
      </c>
      <c r="AF25" s="117">
        <v>30897</v>
      </c>
      <c r="AG25" s="116">
        <v>2242209</v>
      </c>
      <c r="AH25" s="119">
        <v>2242209</v>
      </c>
      <c r="AI25" s="113">
        <v>0</v>
      </c>
      <c r="AJ25" s="117">
        <v>0</v>
      </c>
      <c r="AK25" s="116">
        <v>0</v>
      </c>
      <c r="AL25" s="113">
        <v>0</v>
      </c>
      <c r="AM25" s="117">
        <v>0</v>
      </c>
      <c r="AN25" s="117">
        <v>0</v>
      </c>
      <c r="AO25" s="117">
        <v>0</v>
      </c>
      <c r="AP25" s="117">
        <v>149599</v>
      </c>
      <c r="AQ25" s="117">
        <v>93796</v>
      </c>
      <c r="AR25" s="116">
        <v>243395</v>
      </c>
      <c r="AS25" s="119">
        <v>243395</v>
      </c>
      <c r="AT25" s="113">
        <v>56019</v>
      </c>
      <c r="AU25" s="117">
        <v>109862</v>
      </c>
      <c r="AV25" s="116">
        <v>165881</v>
      </c>
      <c r="AW25" s="113">
        <v>0</v>
      </c>
      <c r="AX25" s="117">
        <v>987046</v>
      </c>
      <c r="AY25" s="117">
        <v>327085</v>
      </c>
      <c r="AZ25" s="117">
        <v>711451</v>
      </c>
      <c r="BA25" s="117">
        <v>358660</v>
      </c>
      <c r="BB25" s="117">
        <v>355880</v>
      </c>
      <c r="BC25" s="116">
        <v>2740122</v>
      </c>
      <c r="BD25" s="119">
        <v>2906003</v>
      </c>
      <c r="BE25" s="113">
        <v>0</v>
      </c>
      <c r="BF25" s="117">
        <v>22376</v>
      </c>
      <c r="BG25" s="115">
        <v>22376</v>
      </c>
      <c r="BH25" s="114">
        <v>0</v>
      </c>
      <c r="BI25" s="117">
        <v>149124</v>
      </c>
      <c r="BJ25" s="117">
        <v>160204</v>
      </c>
      <c r="BK25" s="117">
        <v>185092</v>
      </c>
      <c r="BL25" s="117">
        <v>48736</v>
      </c>
      <c r="BM25" s="117">
        <v>0</v>
      </c>
      <c r="BN25" s="116">
        <v>543156</v>
      </c>
      <c r="BO25" s="119">
        <v>565532</v>
      </c>
      <c r="BP25" s="113">
        <v>15472</v>
      </c>
      <c r="BQ25" s="117">
        <v>98032</v>
      </c>
      <c r="BR25" s="116">
        <v>113504</v>
      </c>
      <c r="BS25" s="113">
        <v>0</v>
      </c>
      <c r="BT25" s="117">
        <v>240224</v>
      </c>
      <c r="BU25" s="117">
        <v>310624</v>
      </c>
      <c r="BV25" s="117">
        <v>354704</v>
      </c>
      <c r="BW25" s="117">
        <v>378344</v>
      </c>
      <c r="BX25" s="117">
        <v>33904</v>
      </c>
      <c r="BY25" s="116">
        <v>1317800</v>
      </c>
      <c r="BZ25" s="119">
        <v>1431304</v>
      </c>
      <c r="CA25" s="113">
        <v>101674</v>
      </c>
      <c r="CB25" s="117">
        <v>72944</v>
      </c>
      <c r="CC25" s="116">
        <v>174618</v>
      </c>
      <c r="CD25" s="113">
        <v>0</v>
      </c>
      <c r="CE25" s="117">
        <v>1856831</v>
      </c>
      <c r="CF25" s="117">
        <v>1449025</v>
      </c>
      <c r="CG25" s="117">
        <v>1510612</v>
      </c>
      <c r="CH25" s="117">
        <v>696918</v>
      </c>
      <c r="CI25" s="117">
        <v>177106</v>
      </c>
      <c r="CJ25" s="116">
        <v>5690492</v>
      </c>
      <c r="CK25" s="119">
        <v>5865110</v>
      </c>
      <c r="CL25" s="113">
        <v>0</v>
      </c>
      <c r="CM25" s="117">
        <v>0</v>
      </c>
      <c r="CN25" s="116">
        <v>0</v>
      </c>
      <c r="CO25" s="114">
        <v>0</v>
      </c>
      <c r="CP25" s="117">
        <v>1169401</v>
      </c>
      <c r="CQ25" s="117">
        <v>986802</v>
      </c>
      <c r="CR25" s="117">
        <v>1056781</v>
      </c>
      <c r="CS25" s="117">
        <v>109522</v>
      </c>
      <c r="CT25" s="117">
        <v>129086</v>
      </c>
      <c r="CU25" s="116">
        <v>3451592</v>
      </c>
      <c r="CV25" s="119">
        <v>3451592</v>
      </c>
      <c r="CW25" s="113">
        <v>101674</v>
      </c>
      <c r="CX25" s="117">
        <v>72944</v>
      </c>
      <c r="CY25" s="116">
        <v>174618</v>
      </c>
      <c r="CZ25" s="113">
        <v>0</v>
      </c>
      <c r="DA25" s="117">
        <v>687430</v>
      </c>
      <c r="DB25" s="117">
        <v>462223</v>
      </c>
      <c r="DC25" s="117">
        <v>453831</v>
      </c>
      <c r="DD25" s="117">
        <v>587396</v>
      </c>
      <c r="DE25" s="117">
        <v>48020</v>
      </c>
      <c r="DF25" s="116">
        <v>2238900</v>
      </c>
      <c r="DG25" s="119">
        <v>2413518</v>
      </c>
      <c r="DH25" s="113">
        <v>0</v>
      </c>
      <c r="DI25" s="117">
        <v>70534</v>
      </c>
      <c r="DJ25" s="115">
        <v>70534</v>
      </c>
      <c r="DK25" s="114">
        <v>0</v>
      </c>
      <c r="DL25" s="117">
        <v>168120</v>
      </c>
      <c r="DM25" s="117">
        <v>50587</v>
      </c>
      <c r="DN25" s="117">
        <v>615393</v>
      </c>
      <c r="DO25" s="117">
        <v>1641635</v>
      </c>
      <c r="DP25" s="117">
        <v>0</v>
      </c>
      <c r="DQ25" s="116">
        <v>2475735</v>
      </c>
      <c r="DR25" s="119">
        <v>2546269</v>
      </c>
      <c r="DS25" s="113">
        <v>0</v>
      </c>
      <c r="DT25" s="117">
        <v>70534</v>
      </c>
      <c r="DU25" s="116">
        <v>70534</v>
      </c>
      <c r="DV25" s="113">
        <v>0</v>
      </c>
      <c r="DW25" s="117">
        <v>168120</v>
      </c>
      <c r="DX25" s="117">
        <v>50587</v>
      </c>
      <c r="DY25" s="117">
        <v>615393</v>
      </c>
      <c r="DZ25" s="117">
        <v>1512433</v>
      </c>
      <c r="EA25" s="117">
        <v>0</v>
      </c>
      <c r="EB25" s="116">
        <v>2346533</v>
      </c>
      <c r="EC25" s="119">
        <v>2417067</v>
      </c>
      <c r="ED25" s="113">
        <v>0</v>
      </c>
      <c r="EE25" s="115">
        <v>0</v>
      </c>
      <c r="EF25" s="116">
        <v>0</v>
      </c>
      <c r="EG25" s="113">
        <v>0</v>
      </c>
      <c r="EH25" s="117">
        <v>0</v>
      </c>
      <c r="EI25" s="117">
        <v>0</v>
      </c>
      <c r="EJ25" s="117">
        <v>0</v>
      </c>
      <c r="EK25" s="117">
        <v>129202</v>
      </c>
      <c r="EL25" s="117">
        <v>0</v>
      </c>
      <c r="EM25" s="115">
        <v>129202</v>
      </c>
      <c r="EN25" s="119">
        <v>129202</v>
      </c>
      <c r="EO25" s="113">
        <v>0</v>
      </c>
      <c r="EP25" s="117">
        <v>0</v>
      </c>
      <c r="EQ25" s="115">
        <v>0</v>
      </c>
      <c r="ER25" s="114">
        <v>0</v>
      </c>
      <c r="ES25" s="117">
        <v>0</v>
      </c>
      <c r="ET25" s="117">
        <v>0</v>
      </c>
      <c r="EU25" s="117">
        <v>0</v>
      </c>
      <c r="EV25" s="117">
        <v>0</v>
      </c>
      <c r="EW25" s="117">
        <v>0</v>
      </c>
      <c r="EX25" s="116">
        <v>0</v>
      </c>
      <c r="EY25" s="119">
        <v>0</v>
      </c>
      <c r="EZ25" s="113">
        <v>0</v>
      </c>
      <c r="FA25" s="117">
        <v>0</v>
      </c>
      <c r="FB25" s="115">
        <v>0</v>
      </c>
      <c r="FC25" s="395"/>
      <c r="FD25" s="117">
        <v>0</v>
      </c>
      <c r="FE25" s="117">
        <v>0</v>
      </c>
      <c r="FF25" s="117">
        <v>0</v>
      </c>
      <c r="FG25" s="117">
        <v>0</v>
      </c>
      <c r="FH25" s="117">
        <v>0</v>
      </c>
      <c r="FI25" s="116">
        <v>0</v>
      </c>
      <c r="FJ25" s="119">
        <v>0</v>
      </c>
      <c r="FK25" s="113">
        <v>227352</v>
      </c>
      <c r="FL25" s="117">
        <v>98000</v>
      </c>
      <c r="FM25" s="116">
        <v>325352</v>
      </c>
      <c r="FN25" s="113">
        <v>0</v>
      </c>
      <c r="FO25" s="117">
        <v>552832</v>
      </c>
      <c r="FP25" s="117">
        <v>396424</v>
      </c>
      <c r="FQ25" s="117">
        <v>332456</v>
      </c>
      <c r="FR25" s="117">
        <v>425260</v>
      </c>
      <c r="FS25" s="117">
        <v>76688</v>
      </c>
      <c r="FT25" s="116">
        <v>1783660</v>
      </c>
      <c r="FU25" s="119">
        <v>2109012</v>
      </c>
      <c r="FV25" s="118">
        <v>67352</v>
      </c>
      <c r="FW25" s="117">
        <v>81360</v>
      </c>
      <c r="FX25" s="115">
        <v>148712</v>
      </c>
      <c r="FY25" s="114">
        <v>0</v>
      </c>
      <c r="FZ25" s="117">
        <v>396424</v>
      </c>
      <c r="GA25" s="117">
        <v>373104</v>
      </c>
      <c r="GB25" s="117">
        <v>321896</v>
      </c>
      <c r="GC25" s="117">
        <v>338272</v>
      </c>
      <c r="GD25" s="117">
        <v>76688</v>
      </c>
      <c r="GE25" s="116">
        <v>1506384</v>
      </c>
      <c r="GF25" s="357">
        <v>1655096</v>
      </c>
      <c r="GG25" s="118">
        <v>0</v>
      </c>
      <c r="GH25" s="117">
        <v>16640</v>
      </c>
      <c r="GI25" s="115">
        <v>16640</v>
      </c>
      <c r="GJ25" s="114">
        <v>0</v>
      </c>
      <c r="GK25" s="117">
        <v>75608</v>
      </c>
      <c r="GL25" s="117">
        <v>23320</v>
      </c>
      <c r="GM25" s="117">
        <v>10560</v>
      </c>
      <c r="GN25" s="117">
        <v>19800</v>
      </c>
      <c r="GO25" s="117">
        <v>0</v>
      </c>
      <c r="GP25" s="116">
        <v>129288</v>
      </c>
      <c r="GQ25" s="119">
        <v>145928</v>
      </c>
      <c r="GR25" s="113">
        <v>160000</v>
      </c>
      <c r="GS25" s="117">
        <v>0</v>
      </c>
      <c r="GT25" s="116">
        <v>160000</v>
      </c>
      <c r="GU25" s="113">
        <v>0</v>
      </c>
      <c r="GV25" s="117">
        <v>80800</v>
      </c>
      <c r="GW25" s="117">
        <v>0</v>
      </c>
      <c r="GX25" s="117">
        <v>0</v>
      </c>
      <c r="GY25" s="117">
        <v>67188</v>
      </c>
      <c r="GZ25" s="117">
        <v>0</v>
      </c>
      <c r="HA25" s="115">
        <v>147988</v>
      </c>
      <c r="HB25" s="119">
        <v>307988</v>
      </c>
      <c r="HC25" s="113">
        <v>53160</v>
      </c>
      <c r="HD25" s="117">
        <v>456391</v>
      </c>
      <c r="HE25" s="115">
        <v>509551</v>
      </c>
      <c r="HF25" s="114">
        <v>0</v>
      </c>
      <c r="HG25" s="117">
        <v>1572914</v>
      </c>
      <c r="HH25" s="117">
        <v>2189810</v>
      </c>
      <c r="HI25" s="117">
        <v>1426303</v>
      </c>
      <c r="HJ25" s="117">
        <v>1502881</v>
      </c>
      <c r="HK25" s="117">
        <v>237749</v>
      </c>
      <c r="HL25" s="116">
        <v>6929657</v>
      </c>
      <c r="HM25" s="112">
        <v>7439208</v>
      </c>
      <c r="HN25" s="395"/>
      <c r="HO25" s="395"/>
      <c r="HP25" s="395"/>
      <c r="HQ25" s="395"/>
      <c r="HR25" s="395"/>
      <c r="HS25" s="395"/>
      <c r="HT25" s="395"/>
      <c r="HU25" s="395"/>
      <c r="HV25" s="395"/>
      <c r="HW25" s="395"/>
      <c r="HX25" s="395"/>
      <c r="HY25" s="148">
        <v>0</v>
      </c>
      <c r="HZ25" s="149">
        <v>0</v>
      </c>
      <c r="IA25" s="150">
        <v>0</v>
      </c>
      <c r="IB25" s="162">
        <v>0</v>
      </c>
      <c r="IC25" s="149">
        <v>562192</v>
      </c>
      <c r="ID25" s="163">
        <v>1016520</v>
      </c>
      <c r="IE25" s="150">
        <v>709729</v>
      </c>
      <c r="IF25" s="149">
        <v>341215</v>
      </c>
      <c r="IG25" s="150">
        <v>0</v>
      </c>
      <c r="IH25" s="164">
        <v>2629656</v>
      </c>
      <c r="II25" s="156">
        <v>2629656</v>
      </c>
      <c r="IJ25" s="259">
        <v>0</v>
      </c>
      <c r="IK25" s="266">
        <v>0</v>
      </c>
      <c r="IL25" s="267">
        <v>0</v>
      </c>
      <c r="IM25" s="395"/>
      <c r="IN25" s="123">
        <v>0</v>
      </c>
      <c r="IO25" s="123">
        <v>0</v>
      </c>
      <c r="IP25" s="123">
        <v>0</v>
      </c>
      <c r="IQ25" s="123">
        <v>0</v>
      </c>
      <c r="IR25" s="123">
        <v>0</v>
      </c>
      <c r="IS25" s="158">
        <v>0</v>
      </c>
      <c r="IT25" s="360">
        <v>0</v>
      </c>
      <c r="IU25" s="159">
        <v>0</v>
      </c>
      <c r="IV25" s="123">
        <v>0</v>
      </c>
      <c r="IW25" s="124">
        <v>0</v>
      </c>
      <c r="IX25" s="395"/>
      <c r="IY25" s="123">
        <v>0</v>
      </c>
      <c r="IZ25" s="123">
        <v>0</v>
      </c>
      <c r="JA25" s="123">
        <v>0</v>
      </c>
      <c r="JB25" s="123">
        <v>0</v>
      </c>
      <c r="JC25" s="123">
        <v>0</v>
      </c>
      <c r="JD25" s="124">
        <v>0</v>
      </c>
      <c r="JE25" s="125">
        <v>0</v>
      </c>
      <c r="JF25" s="159">
        <v>0</v>
      </c>
      <c r="JG25" s="123">
        <v>0</v>
      </c>
      <c r="JH25" s="158">
        <v>0</v>
      </c>
      <c r="JI25" s="122">
        <v>0</v>
      </c>
      <c r="JJ25" s="123">
        <v>320312</v>
      </c>
      <c r="JK25" s="123">
        <v>526454</v>
      </c>
      <c r="JL25" s="123">
        <v>448759</v>
      </c>
      <c r="JM25" s="123">
        <v>0</v>
      </c>
      <c r="JN25" s="123">
        <v>0</v>
      </c>
      <c r="JO25" s="124">
        <v>1295525</v>
      </c>
      <c r="JP25" s="360">
        <v>1295525</v>
      </c>
      <c r="JQ25" s="159">
        <v>0</v>
      </c>
      <c r="JR25" s="123">
        <v>0</v>
      </c>
      <c r="JS25" s="158">
        <v>0</v>
      </c>
      <c r="JT25" s="122">
        <v>0</v>
      </c>
      <c r="JU25" s="123">
        <v>0</v>
      </c>
      <c r="JV25" s="123">
        <v>0</v>
      </c>
      <c r="JW25" s="123">
        <v>0</v>
      </c>
      <c r="JX25" s="123">
        <v>0</v>
      </c>
      <c r="JY25" s="123">
        <v>0</v>
      </c>
      <c r="JZ25" s="124">
        <v>0</v>
      </c>
      <c r="KA25" s="360">
        <v>0</v>
      </c>
      <c r="KB25" s="262">
        <v>0</v>
      </c>
      <c r="KC25" s="256">
        <v>0</v>
      </c>
      <c r="KD25" s="124">
        <v>0</v>
      </c>
      <c r="KE25" s="122">
        <v>0</v>
      </c>
      <c r="KF25" s="123">
        <v>0</v>
      </c>
      <c r="KG25" s="123">
        <v>0</v>
      </c>
      <c r="KH25" s="123">
        <v>0</v>
      </c>
      <c r="KI25" s="123">
        <v>0</v>
      </c>
      <c r="KJ25" s="123">
        <v>0</v>
      </c>
      <c r="KK25" s="124">
        <v>0</v>
      </c>
      <c r="KL25" s="160">
        <v>0</v>
      </c>
      <c r="KM25" s="259">
        <v>0</v>
      </c>
      <c r="KN25" s="266">
        <v>0</v>
      </c>
      <c r="KO25" s="267">
        <v>0</v>
      </c>
      <c r="KP25" s="395"/>
      <c r="KQ25" s="123">
        <v>241880</v>
      </c>
      <c r="KR25" s="123">
        <v>490066</v>
      </c>
      <c r="KS25" s="123">
        <v>260970</v>
      </c>
      <c r="KT25" s="123">
        <v>341215</v>
      </c>
      <c r="KU25" s="123">
        <v>0</v>
      </c>
      <c r="KV25" s="124">
        <v>1334131</v>
      </c>
      <c r="KW25" s="360">
        <v>1334131</v>
      </c>
      <c r="KX25" s="159">
        <v>0</v>
      </c>
      <c r="KY25" s="123">
        <v>0</v>
      </c>
      <c r="KZ25" s="124">
        <v>0</v>
      </c>
      <c r="LA25" s="395"/>
      <c r="LB25" s="123">
        <v>0</v>
      </c>
      <c r="LC25" s="123">
        <v>0</v>
      </c>
      <c r="LD25" s="123">
        <v>0</v>
      </c>
      <c r="LE25" s="123">
        <v>0</v>
      </c>
      <c r="LF25" s="123">
        <v>0</v>
      </c>
      <c r="LG25" s="124">
        <v>0</v>
      </c>
      <c r="LH25" s="125">
        <v>0</v>
      </c>
      <c r="LI25" s="159">
        <v>0</v>
      </c>
      <c r="LJ25" s="123">
        <v>0</v>
      </c>
      <c r="LK25" s="124">
        <v>0</v>
      </c>
      <c r="LL25" s="395"/>
      <c r="LM25" s="123">
        <v>0</v>
      </c>
      <c r="LN25" s="123">
        <v>0</v>
      </c>
      <c r="LO25" s="123">
        <v>0</v>
      </c>
      <c r="LP25" s="123">
        <v>0</v>
      </c>
      <c r="LQ25" s="123">
        <v>0</v>
      </c>
      <c r="LR25" s="124">
        <v>0</v>
      </c>
      <c r="LS25" s="360">
        <v>0</v>
      </c>
      <c r="LT25" s="159">
        <v>0</v>
      </c>
      <c r="LU25" s="123">
        <v>0</v>
      </c>
      <c r="LV25" s="124">
        <v>0</v>
      </c>
      <c r="LW25" s="395"/>
      <c r="LX25" s="123">
        <v>0</v>
      </c>
      <c r="LY25" s="123">
        <v>0</v>
      </c>
      <c r="LZ25" s="123">
        <v>0</v>
      </c>
      <c r="MA25" s="123">
        <v>0</v>
      </c>
      <c r="MB25" s="123">
        <v>0</v>
      </c>
      <c r="MC25" s="124">
        <v>0</v>
      </c>
      <c r="MD25" s="125">
        <v>0</v>
      </c>
      <c r="ME25" s="159">
        <v>0</v>
      </c>
      <c r="MF25" s="123">
        <v>0</v>
      </c>
      <c r="MG25" s="124">
        <v>0</v>
      </c>
      <c r="MH25" s="395"/>
      <c r="MI25" s="123">
        <v>162729</v>
      </c>
      <c r="MJ25" s="123">
        <v>855207</v>
      </c>
      <c r="MK25" s="123">
        <v>2533636</v>
      </c>
      <c r="ML25" s="123">
        <v>3526097</v>
      </c>
      <c r="MM25" s="123">
        <v>1893067</v>
      </c>
      <c r="MN25" s="124">
        <v>8970736</v>
      </c>
      <c r="MO25" s="160">
        <v>8970736</v>
      </c>
      <c r="MP25" s="159">
        <v>0</v>
      </c>
      <c r="MQ25" s="123">
        <v>0</v>
      </c>
      <c r="MR25" s="124">
        <v>0</v>
      </c>
      <c r="MS25" s="395"/>
      <c r="MT25" s="123">
        <v>0</v>
      </c>
      <c r="MU25" s="123">
        <v>129363</v>
      </c>
      <c r="MV25" s="123">
        <v>1422540</v>
      </c>
      <c r="MW25" s="123">
        <v>2948274</v>
      </c>
      <c r="MX25" s="123">
        <v>870491</v>
      </c>
      <c r="MY25" s="124">
        <v>5370668</v>
      </c>
      <c r="MZ25" s="160">
        <v>5370668</v>
      </c>
      <c r="NA25" s="159">
        <v>0</v>
      </c>
      <c r="NB25" s="123">
        <v>0</v>
      </c>
      <c r="NC25" s="124">
        <v>0</v>
      </c>
      <c r="ND25" s="395"/>
      <c r="NE25" s="123">
        <v>162729</v>
      </c>
      <c r="NF25" s="123">
        <v>725844</v>
      </c>
      <c r="NG25" s="123">
        <v>1111096</v>
      </c>
      <c r="NH25" s="123">
        <v>577823</v>
      </c>
      <c r="NI25" s="123">
        <v>456672</v>
      </c>
      <c r="NJ25" s="124">
        <v>3034164</v>
      </c>
      <c r="NK25" s="360">
        <v>3034164</v>
      </c>
      <c r="NL25" s="159">
        <v>0</v>
      </c>
      <c r="NM25" s="123">
        <v>0</v>
      </c>
      <c r="NN25" s="124">
        <v>0</v>
      </c>
      <c r="NO25" s="395"/>
      <c r="NP25" s="123">
        <v>0</v>
      </c>
      <c r="NQ25" s="123">
        <v>0</v>
      </c>
      <c r="NR25" s="123">
        <v>0</v>
      </c>
      <c r="NS25" s="123">
        <v>0</v>
      </c>
      <c r="NT25" s="123">
        <v>181497</v>
      </c>
      <c r="NU25" s="124">
        <v>181497</v>
      </c>
      <c r="NV25" s="125">
        <v>181497</v>
      </c>
      <c r="NW25" s="159">
        <v>0</v>
      </c>
      <c r="NX25" s="123">
        <v>0</v>
      </c>
      <c r="NY25" s="124">
        <v>0</v>
      </c>
      <c r="NZ25" s="395"/>
      <c r="OA25" s="123">
        <v>0</v>
      </c>
      <c r="OB25" s="123">
        <v>0</v>
      </c>
      <c r="OC25" s="123">
        <v>0</v>
      </c>
      <c r="OD25" s="123">
        <v>0</v>
      </c>
      <c r="OE25" s="123">
        <v>384407</v>
      </c>
      <c r="OF25" s="124">
        <v>384407</v>
      </c>
      <c r="OG25" s="125">
        <v>384407</v>
      </c>
      <c r="OH25" s="159">
        <v>453677</v>
      </c>
      <c r="OI25" s="123">
        <v>928139</v>
      </c>
      <c r="OJ25" s="158">
        <v>1381816</v>
      </c>
      <c r="OK25" s="122">
        <v>0</v>
      </c>
      <c r="OL25" s="123">
        <v>6920573</v>
      </c>
      <c r="OM25" s="123">
        <v>7235460</v>
      </c>
      <c r="ON25" s="123">
        <v>8949091</v>
      </c>
      <c r="OO25" s="123">
        <v>9562407</v>
      </c>
      <c r="OP25" s="123">
        <v>2899087</v>
      </c>
      <c r="OQ25" s="124">
        <v>35566618</v>
      </c>
      <c r="OR25" s="160">
        <v>36948434</v>
      </c>
    </row>
    <row r="26" spans="1:408" ht="20.25" customHeight="1" x14ac:dyDescent="0.2">
      <c r="A26" s="130" t="s">
        <v>21</v>
      </c>
      <c r="B26" s="113">
        <v>325475</v>
      </c>
      <c r="C26" s="117">
        <v>356157</v>
      </c>
      <c r="D26" s="116">
        <v>681632</v>
      </c>
      <c r="E26" s="112">
        <v>0</v>
      </c>
      <c r="F26" s="117">
        <v>4348342</v>
      </c>
      <c r="G26" s="117">
        <v>4462742</v>
      </c>
      <c r="H26" s="117">
        <v>3971745</v>
      </c>
      <c r="I26" s="117">
        <v>4116554</v>
      </c>
      <c r="J26" s="117">
        <v>3575165</v>
      </c>
      <c r="K26" s="198">
        <v>20474548</v>
      </c>
      <c r="L26" s="119">
        <v>21156180</v>
      </c>
      <c r="M26" s="113">
        <v>222130</v>
      </c>
      <c r="N26" s="117">
        <v>156307</v>
      </c>
      <c r="O26" s="116">
        <v>378437</v>
      </c>
      <c r="P26" s="113">
        <v>0</v>
      </c>
      <c r="Q26" s="117">
        <v>1345719</v>
      </c>
      <c r="R26" s="117">
        <v>1673518</v>
      </c>
      <c r="S26" s="117">
        <v>1339248</v>
      </c>
      <c r="T26" s="117">
        <v>1764109</v>
      </c>
      <c r="U26" s="117">
        <v>1735397</v>
      </c>
      <c r="V26" s="116">
        <v>7857991</v>
      </c>
      <c r="W26" s="119">
        <v>8236428</v>
      </c>
      <c r="X26" s="113">
        <v>0</v>
      </c>
      <c r="Y26" s="117">
        <v>0</v>
      </c>
      <c r="Z26" s="116">
        <v>0</v>
      </c>
      <c r="AA26" s="113">
        <v>0</v>
      </c>
      <c r="AB26" s="117">
        <v>560605</v>
      </c>
      <c r="AC26" s="117">
        <v>480311</v>
      </c>
      <c r="AD26" s="117">
        <v>852931</v>
      </c>
      <c r="AE26" s="117">
        <v>1058787</v>
      </c>
      <c r="AF26" s="117">
        <v>1346592</v>
      </c>
      <c r="AG26" s="116">
        <v>4299226</v>
      </c>
      <c r="AH26" s="119">
        <v>4299226</v>
      </c>
      <c r="AI26" s="113">
        <v>0</v>
      </c>
      <c r="AJ26" s="117">
        <v>0</v>
      </c>
      <c r="AK26" s="116">
        <v>0</v>
      </c>
      <c r="AL26" s="113">
        <v>0</v>
      </c>
      <c r="AM26" s="117">
        <v>0</v>
      </c>
      <c r="AN26" s="117">
        <v>0</v>
      </c>
      <c r="AO26" s="117">
        <v>0</v>
      </c>
      <c r="AP26" s="117">
        <v>105570</v>
      </c>
      <c r="AQ26" s="117">
        <v>46292</v>
      </c>
      <c r="AR26" s="116">
        <v>151862</v>
      </c>
      <c r="AS26" s="119">
        <v>151862</v>
      </c>
      <c r="AT26" s="113">
        <v>166458</v>
      </c>
      <c r="AU26" s="117">
        <v>120771</v>
      </c>
      <c r="AV26" s="116">
        <v>287229</v>
      </c>
      <c r="AW26" s="113">
        <v>0</v>
      </c>
      <c r="AX26" s="117">
        <v>459570</v>
      </c>
      <c r="AY26" s="117">
        <v>838066</v>
      </c>
      <c r="AZ26" s="117">
        <v>316101</v>
      </c>
      <c r="BA26" s="117">
        <v>357648</v>
      </c>
      <c r="BB26" s="117">
        <v>201545</v>
      </c>
      <c r="BC26" s="116">
        <v>2172930</v>
      </c>
      <c r="BD26" s="119">
        <v>2460159</v>
      </c>
      <c r="BE26" s="113">
        <v>0</v>
      </c>
      <c r="BF26" s="117">
        <v>20728</v>
      </c>
      <c r="BG26" s="115">
        <v>20728</v>
      </c>
      <c r="BH26" s="114">
        <v>0</v>
      </c>
      <c r="BI26" s="117">
        <v>104856</v>
      </c>
      <c r="BJ26" s="117">
        <v>149797</v>
      </c>
      <c r="BK26" s="117">
        <v>0</v>
      </c>
      <c r="BL26" s="117">
        <v>0</v>
      </c>
      <c r="BM26" s="117">
        <v>0</v>
      </c>
      <c r="BN26" s="116">
        <v>254653</v>
      </c>
      <c r="BO26" s="119">
        <v>275381</v>
      </c>
      <c r="BP26" s="113">
        <v>55672</v>
      </c>
      <c r="BQ26" s="117">
        <v>14808</v>
      </c>
      <c r="BR26" s="116">
        <v>70480</v>
      </c>
      <c r="BS26" s="113">
        <v>0</v>
      </c>
      <c r="BT26" s="117">
        <v>220688</v>
      </c>
      <c r="BU26" s="117">
        <v>205344</v>
      </c>
      <c r="BV26" s="117">
        <v>170216</v>
      </c>
      <c r="BW26" s="117">
        <v>242104</v>
      </c>
      <c r="BX26" s="117">
        <v>140968</v>
      </c>
      <c r="BY26" s="116">
        <v>979320</v>
      </c>
      <c r="BZ26" s="119">
        <v>1049800</v>
      </c>
      <c r="CA26" s="113">
        <v>0</v>
      </c>
      <c r="CB26" s="117">
        <v>75537</v>
      </c>
      <c r="CC26" s="116">
        <v>75537</v>
      </c>
      <c r="CD26" s="113">
        <v>0</v>
      </c>
      <c r="CE26" s="117">
        <v>1151847</v>
      </c>
      <c r="CF26" s="117">
        <v>1416674</v>
      </c>
      <c r="CG26" s="117">
        <v>1078787</v>
      </c>
      <c r="CH26" s="117">
        <v>275177</v>
      </c>
      <c r="CI26" s="117">
        <v>445884</v>
      </c>
      <c r="CJ26" s="116">
        <v>4368369</v>
      </c>
      <c r="CK26" s="119">
        <v>4443906</v>
      </c>
      <c r="CL26" s="113">
        <v>0</v>
      </c>
      <c r="CM26" s="117">
        <v>0</v>
      </c>
      <c r="CN26" s="116">
        <v>0</v>
      </c>
      <c r="CO26" s="114">
        <v>0</v>
      </c>
      <c r="CP26" s="117">
        <v>908127</v>
      </c>
      <c r="CQ26" s="117">
        <v>831028</v>
      </c>
      <c r="CR26" s="117">
        <v>762111</v>
      </c>
      <c r="CS26" s="117">
        <v>275177</v>
      </c>
      <c r="CT26" s="117">
        <v>297491</v>
      </c>
      <c r="CU26" s="116">
        <v>3073934</v>
      </c>
      <c r="CV26" s="119">
        <v>3073934</v>
      </c>
      <c r="CW26" s="113">
        <v>0</v>
      </c>
      <c r="CX26" s="117">
        <v>75537</v>
      </c>
      <c r="CY26" s="116">
        <v>75537</v>
      </c>
      <c r="CZ26" s="113">
        <v>0</v>
      </c>
      <c r="DA26" s="117">
        <v>243720</v>
      </c>
      <c r="DB26" s="117">
        <v>585646</v>
      </c>
      <c r="DC26" s="117">
        <v>316676</v>
      </c>
      <c r="DD26" s="117">
        <v>0</v>
      </c>
      <c r="DE26" s="117">
        <v>148393</v>
      </c>
      <c r="DF26" s="116">
        <v>1294435</v>
      </c>
      <c r="DG26" s="119">
        <v>1369972</v>
      </c>
      <c r="DH26" s="113">
        <v>20720</v>
      </c>
      <c r="DI26" s="117">
        <v>0</v>
      </c>
      <c r="DJ26" s="115">
        <v>20720</v>
      </c>
      <c r="DK26" s="114">
        <v>0</v>
      </c>
      <c r="DL26" s="117">
        <v>68471</v>
      </c>
      <c r="DM26" s="117">
        <v>96560</v>
      </c>
      <c r="DN26" s="117">
        <v>694395</v>
      </c>
      <c r="DO26" s="117">
        <v>484471</v>
      </c>
      <c r="DP26" s="117">
        <v>353584</v>
      </c>
      <c r="DQ26" s="116">
        <v>1697481</v>
      </c>
      <c r="DR26" s="119">
        <v>1718201</v>
      </c>
      <c r="DS26" s="113">
        <v>20720</v>
      </c>
      <c r="DT26" s="117">
        <v>0</v>
      </c>
      <c r="DU26" s="116">
        <v>20720</v>
      </c>
      <c r="DV26" s="113">
        <v>0</v>
      </c>
      <c r="DW26" s="117">
        <v>68471</v>
      </c>
      <c r="DX26" s="117">
        <v>96560</v>
      </c>
      <c r="DY26" s="117">
        <v>694395</v>
      </c>
      <c r="DZ26" s="117">
        <v>484471</v>
      </c>
      <c r="EA26" s="117">
        <v>353584</v>
      </c>
      <c r="EB26" s="116">
        <v>1697481</v>
      </c>
      <c r="EC26" s="119">
        <v>1718201</v>
      </c>
      <c r="ED26" s="113">
        <v>0</v>
      </c>
      <c r="EE26" s="115">
        <v>0</v>
      </c>
      <c r="EF26" s="116">
        <v>0</v>
      </c>
      <c r="EG26" s="113">
        <v>0</v>
      </c>
      <c r="EH26" s="117">
        <v>0</v>
      </c>
      <c r="EI26" s="117">
        <v>0</v>
      </c>
      <c r="EJ26" s="117">
        <v>0</v>
      </c>
      <c r="EK26" s="117">
        <v>0</v>
      </c>
      <c r="EL26" s="117">
        <v>0</v>
      </c>
      <c r="EM26" s="115">
        <v>0</v>
      </c>
      <c r="EN26" s="119">
        <v>0</v>
      </c>
      <c r="EO26" s="113">
        <v>0</v>
      </c>
      <c r="EP26" s="117">
        <v>0</v>
      </c>
      <c r="EQ26" s="115">
        <v>0</v>
      </c>
      <c r="ER26" s="114">
        <v>0</v>
      </c>
      <c r="ES26" s="117">
        <v>0</v>
      </c>
      <c r="ET26" s="117">
        <v>0</v>
      </c>
      <c r="EU26" s="117">
        <v>0</v>
      </c>
      <c r="EV26" s="117">
        <v>0</v>
      </c>
      <c r="EW26" s="117">
        <v>0</v>
      </c>
      <c r="EX26" s="116">
        <v>0</v>
      </c>
      <c r="EY26" s="119">
        <v>0</v>
      </c>
      <c r="EZ26" s="113">
        <v>0</v>
      </c>
      <c r="FA26" s="117">
        <v>0</v>
      </c>
      <c r="FB26" s="115">
        <v>0</v>
      </c>
      <c r="FC26" s="395"/>
      <c r="FD26" s="117">
        <v>0</v>
      </c>
      <c r="FE26" s="117">
        <v>0</v>
      </c>
      <c r="FF26" s="117">
        <v>0</v>
      </c>
      <c r="FG26" s="117">
        <v>0</v>
      </c>
      <c r="FH26" s="117">
        <v>0</v>
      </c>
      <c r="FI26" s="116">
        <v>0</v>
      </c>
      <c r="FJ26" s="119">
        <v>0</v>
      </c>
      <c r="FK26" s="113">
        <v>22944</v>
      </c>
      <c r="FL26" s="117">
        <v>33792</v>
      </c>
      <c r="FM26" s="116">
        <v>56736</v>
      </c>
      <c r="FN26" s="113">
        <v>0</v>
      </c>
      <c r="FO26" s="117">
        <v>161176</v>
      </c>
      <c r="FP26" s="117">
        <v>556944</v>
      </c>
      <c r="FQ26" s="117">
        <v>257984</v>
      </c>
      <c r="FR26" s="117">
        <v>390912</v>
      </c>
      <c r="FS26" s="117">
        <v>116752</v>
      </c>
      <c r="FT26" s="116">
        <v>1483768</v>
      </c>
      <c r="FU26" s="119">
        <v>1540504</v>
      </c>
      <c r="FV26" s="118">
        <v>22944</v>
      </c>
      <c r="FW26" s="117">
        <v>33792</v>
      </c>
      <c r="FX26" s="115">
        <v>56736</v>
      </c>
      <c r="FY26" s="114">
        <v>0</v>
      </c>
      <c r="FZ26" s="117">
        <v>138776</v>
      </c>
      <c r="GA26" s="117">
        <v>556944</v>
      </c>
      <c r="GB26" s="117">
        <v>257984</v>
      </c>
      <c r="GC26" s="117">
        <v>230912</v>
      </c>
      <c r="GD26" s="117">
        <v>116752</v>
      </c>
      <c r="GE26" s="116">
        <v>1301368</v>
      </c>
      <c r="GF26" s="357">
        <v>1358104</v>
      </c>
      <c r="GG26" s="118">
        <v>0</v>
      </c>
      <c r="GH26" s="117">
        <v>0</v>
      </c>
      <c r="GI26" s="115">
        <v>0</v>
      </c>
      <c r="GJ26" s="114">
        <v>0</v>
      </c>
      <c r="GK26" s="117">
        <v>0</v>
      </c>
      <c r="GL26" s="117">
        <v>0</v>
      </c>
      <c r="GM26" s="117">
        <v>0</v>
      </c>
      <c r="GN26" s="117">
        <v>0</v>
      </c>
      <c r="GO26" s="117">
        <v>0</v>
      </c>
      <c r="GP26" s="116">
        <v>0</v>
      </c>
      <c r="GQ26" s="119">
        <v>0</v>
      </c>
      <c r="GR26" s="113">
        <v>0</v>
      </c>
      <c r="GS26" s="117">
        <v>0</v>
      </c>
      <c r="GT26" s="116">
        <v>0</v>
      </c>
      <c r="GU26" s="113">
        <v>0</v>
      </c>
      <c r="GV26" s="117">
        <v>22400</v>
      </c>
      <c r="GW26" s="117">
        <v>0</v>
      </c>
      <c r="GX26" s="117">
        <v>0</v>
      </c>
      <c r="GY26" s="117">
        <v>160000</v>
      </c>
      <c r="GZ26" s="117">
        <v>0</v>
      </c>
      <c r="HA26" s="115">
        <v>182400</v>
      </c>
      <c r="HB26" s="119">
        <v>182400</v>
      </c>
      <c r="HC26" s="113">
        <v>59681</v>
      </c>
      <c r="HD26" s="117">
        <v>90521</v>
      </c>
      <c r="HE26" s="115">
        <v>150202</v>
      </c>
      <c r="HF26" s="114">
        <v>0</v>
      </c>
      <c r="HG26" s="117">
        <v>1621129</v>
      </c>
      <c r="HH26" s="117">
        <v>719046</v>
      </c>
      <c r="HI26" s="117">
        <v>601331</v>
      </c>
      <c r="HJ26" s="117">
        <v>1201885</v>
      </c>
      <c r="HK26" s="117">
        <v>923548</v>
      </c>
      <c r="HL26" s="116">
        <v>5066939</v>
      </c>
      <c r="HM26" s="112">
        <v>5217141</v>
      </c>
      <c r="HN26" s="395"/>
      <c r="HO26" s="395"/>
      <c r="HP26" s="395"/>
      <c r="HQ26" s="395"/>
      <c r="HR26" s="395"/>
      <c r="HS26" s="395"/>
      <c r="HT26" s="395"/>
      <c r="HU26" s="395"/>
      <c r="HV26" s="395"/>
      <c r="HW26" s="395"/>
      <c r="HX26" s="395"/>
      <c r="HY26" s="166">
        <v>0</v>
      </c>
      <c r="HZ26" s="152">
        <v>0</v>
      </c>
      <c r="IA26" s="166">
        <v>0</v>
      </c>
      <c r="IB26" s="151">
        <v>0</v>
      </c>
      <c r="IC26" s="152">
        <v>792417</v>
      </c>
      <c r="ID26" s="153">
        <v>769790</v>
      </c>
      <c r="IE26" s="154">
        <v>1128003</v>
      </c>
      <c r="IF26" s="152">
        <v>660855</v>
      </c>
      <c r="IG26" s="154">
        <v>202487</v>
      </c>
      <c r="IH26" s="155">
        <v>3553552</v>
      </c>
      <c r="II26" s="166">
        <v>3553552</v>
      </c>
      <c r="IJ26" s="259">
        <v>0</v>
      </c>
      <c r="IK26" s="266">
        <v>0</v>
      </c>
      <c r="IL26" s="267">
        <v>0</v>
      </c>
      <c r="IM26" s="395"/>
      <c r="IN26" s="123">
        <v>0</v>
      </c>
      <c r="IO26" s="123">
        <v>0</v>
      </c>
      <c r="IP26" s="123">
        <v>0</v>
      </c>
      <c r="IQ26" s="123">
        <v>0</v>
      </c>
      <c r="IR26" s="123">
        <v>0</v>
      </c>
      <c r="IS26" s="158">
        <v>0</v>
      </c>
      <c r="IT26" s="360">
        <v>0</v>
      </c>
      <c r="IU26" s="159">
        <v>0</v>
      </c>
      <c r="IV26" s="123">
        <v>0</v>
      </c>
      <c r="IW26" s="124">
        <v>0</v>
      </c>
      <c r="IX26" s="395"/>
      <c r="IY26" s="123">
        <v>0</v>
      </c>
      <c r="IZ26" s="123">
        <v>0</v>
      </c>
      <c r="JA26" s="123">
        <v>0</v>
      </c>
      <c r="JB26" s="123">
        <v>0</v>
      </c>
      <c r="JC26" s="123">
        <v>0</v>
      </c>
      <c r="JD26" s="124">
        <v>0</v>
      </c>
      <c r="JE26" s="125">
        <v>0</v>
      </c>
      <c r="JF26" s="159">
        <v>0</v>
      </c>
      <c r="JG26" s="123">
        <v>0</v>
      </c>
      <c r="JH26" s="158">
        <v>0</v>
      </c>
      <c r="JI26" s="122">
        <v>0</v>
      </c>
      <c r="JJ26" s="123">
        <v>495697</v>
      </c>
      <c r="JK26" s="123">
        <v>769790</v>
      </c>
      <c r="JL26" s="123">
        <v>410480</v>
      </c>
      <c r="JM26" s="123">
        <v>406352</v>
      </c>
      <c r="JN26" s="123">
        <v>202487</v>
      </c>
      <c r="JO26" s="124">
        <v>2284806</v>
      </c>
      <c r="JP26" s="360">
        <v>2284806</v>
      </c>
      <c r="JQ26" s="159">
        <v>0</v>
      </c>
      <c r="JR26" s="123">
        <v>0</v>
      </c>
      <c r="JS26" s="158">
        <v>0</v>
      </c>
      <c r="JT26" s="122">
        <v>0</v>
      </c>
      <c r="JU26" s="123">
        <v>0</v>
      </c>
      <c r="JV26" s="123">
        <v>0</v>
      </c>
      <c r="JW26" s="123">
        <v>0</v>
      </c>
      <c r="JX26" s="123">
        <v>0</v>
      </c>
      <c r="JY26" s="123">
        <v>0</v>
      </c>
      <c r="JZ26" s="124">
        <v>0</v>
      </c>
      <c r="KA26" s="360">
        <v>0</v>
      </c>
      <c r="KB26" s="262">
        <v>0</v>
      </c>
      <c r="KC26" s="256">
        <v>0</v>
      </c>
      <c r="KD26" s="124">
        <v>0</v>
      </c>
      <c r="KE26" s="122">
        <v>0</v>
      </c>
      <c r="KF26" s="123">
        <v>0</v>
      </c>
      <c r="KG26" s="123">
        <v>0</v>
      </c>
      <c r="KH26" s="123">
        <v>466866</v>
      </c>
      <c r="KI26" s="123">
        <v>0</v>
      </c>
      <c r="KJ26" s="123">
        <v>0</v>
      </c>
      <c r="KK26" s="124">
        <v>466866</v>
      </c>
      <c r="KL26" s="160">
        <v>466866</v>
      </c>
      <c r="KM26" s="259">
        <v>0</v>
      </c>
      <c r="KN26" s="266">
        <v>0</v>
      </c>
      <c r="KO26" s="267">
        <v>0</v>
      </c>
      <c r="KP26" s="395"/>
      <c r="KQ26" s="123">
        <v>296720</v>
      </c>
      <c r="KR26" s="123">
        <v>0</v>
      </c>
      <c r="KS26" s="123">
        <v>250657</v>
      </c>
      <c r="KT26" s="123">
        <v>254503</v>
      </c>
      <c r="KU26" s="123">
        <v>0</v>
      </c>
      <c r="KV26" s="124">
        <v>801880</v>
      </c>
      <c r="KW26" s="360">
        <v>801880</v>
      </c>
      <c r="KX26" s="159">
        <v>0</v>
      </c>
      <c r="KY26" s="123">
        <v>0</v>
      </c>
      <c r="KZ26" s="124">
        <v>0</v>
      </c>
      <c r="LA26" s="395"/>
      <c r="LB26" s="123">
        <v>0</v>
      </c>
      <c r="LC26" s="123">
        <v>0</v>
      </c>
      <c r="LD26" s="123">
        <v>0</v>
      </c>
      <c r="LE26" s="123">
        <v>0</v>
      </c>
      <c r="LF26" s="123">
        <v>0</v>
      </c>
      <c r="LG26" s="124">
        <v>0</v>
      </c>
      <c r="LH26" s="125">
        <v>0</v>
      </c>
      <c r="LI26" s="159">
        <v>0</v>
      </c>
      <c r="LJ26" s="123">
        <v>0</v>
      </c>
      <c r="LK26" s="124">
        <v>0</v>
      </c>
      <c r="LL26" s="395"/>
      <c r="LM26" s="123">
        <v>0</v>
      </c>
      <c r="LN26" s="123">
        <v>0</v>
      </c>
      <c r="LO26" s="123">
        <v>0</v>
      </c>
      <c r="LP26" s="123">
        <v>0</v>
      </c>
      <c r="LQ26" s="123">
        <v>0</v>
      </c>
      <c r="LR26" s="124">
        <v>0</v>
      </c>
      <c r="LS26" s="360">
        <v>0</v>
      </c>
      <c r="LT26" s="159">
        <v>0</v>
      </c>
      <c r="LU26" s="123">
        <v>0</v>
      </c>
      <c r="LV26" s="124">
        <v>0</v>
      </c>
      <c r="LW26" s="395"/>
      <c r="LX26" s="123">
        <v>0</v>
      </c>
      <c r="LY26" s="123">
        <v>0</v>
      </c>
      <c r="LZ26" s="123">
        <v>0</v>
      </c>
      <c r="MA26" s="123">
        <v>0</v>
      </c>
      <c r="MB26" s="123">
        <v>0</v>
      </c>
      <c r="MC26" s="124">
        <v>0</v>
      </c>
      <c r="MD26" s="125">
        <v>0</v>
      </c>
      <c r="ME26" s="159">
        <v>0</v>
      </c>
      <c r="MF26" s="123">
        <v>0</v>
      </c>
      <c r="MG26" s="124">
        <v>0</v>
      </c>
      <c r="MH26" s="395"/>
      <c r="MI26" s="123">
        <v>0</v>
      </c>
      <c r="MJ26" s="123">
        <v>0</v>
      </c>
      <c r="MK26" s="123">
        <v>2479583</v>
      </c>
      <c r="ML26" s="123">
        <v>3756458</v>
      </c>
      <c r="MM26" s="123">
        <v>2340398</v>
      </c>
      <c r="MN26" s="124">
        <v>8576439</v>
      </c>
      <c r="MO26" s="160">
        <v>8576439</v>
      </c>
      <c r="MP26" s="159">
        <v>0</v>
      </c>
      <c r="MQ26" s="123">
        <v>0</v>
      </c>
      <c r="MR26" s="124">
        <v>0</v>
      </c>
      <c r="MS26" s="395"/>
      <c r="MT26" s="123">
        <v>0</v>
      </c>
      <c r="MU26" s="123">
        <v>0</v>
      </c>
      <c r="MV26" s="123">
        <v>1960278</v>
      </c>
      <c r="MW26" s="123">
        <v>2454474</v>
      </c>
      <c r="MX26" s="123">
        <v>1949522</v>
      </c>
      <c r="MY26" s="124">
        <v>6364274</v>
      </c>
      <c r="MZ26" s="160">
        <v>6364274</v>
      </c>
      <c r="NA26" s="159">
        <v>0</v>
      </c>
      <c r="NB26" s="123">
        <v>0</v>
      </c>
      <c r="NC26" s="124">
        <v>0</v>
      </c>
      <c r="ND26" s="395"/>
      <c r="NE26" s="123">
        <v>0</v>
      </c>
      <c r="NF26" s="123">
        <v>0</v>
      </c>
      <c r="NG26" s="123">
        <v>519305</v>
      </c>
      <c r="NH26" s="123">
        <v>632244</v>
      </c>
      <c r="NI26" s="123">
        <v>0</v>
      </c>
      <c r="NJ26" s="124">
        <v>1151549</v>
      </c>
      <c r="NK26" s="360">
        <v>1151549</v>
      </c>
      <c r="NL26" s="159">
        <v>0</v>
      </c>
      <c r="NM26" s="123">
        <v>0</v>
      </c>
      <c r="NN26" s="124">
        <v>0</v>
      </c>
      <c r="NO26" s="395"/>
      <c r="NP26" s="123">
        <v>0</v>
      </c>
      <c r="NQ26" s="123">
        <v>0</v>
      </c>
      <c r="NR26" s="123">
        <v>0</v>
      </c>
      <c r="NS26" s="123">
        <v>289984</v>
      </c>
      <c r="NT26" s="123">
        <v>0</v>
      </c>
      <c r="NU26" s="124">
        <v>289984</v>
      </c>
      <c r="NV26" s="125">
        <v>289984</v>
      </c>
      <c r="NW26" s="159">
        <v>0</v>
      </c>
      <c r="NX26" s="123">
        <v>0</v>
      </c>
      <c r="NY26" s="124">
        <v>0</v>
      </c>
      <c r="NZ26" s="395"/>
      <c r="OA26" s="123">
        <v>0</v>
      </c>
      <c r="OB26" s="123">
        <v>0</v>
      </c>
      <c r="OC26" s="123">
        <v>0</v>
      </c>
      <c r="OD26" s="123">
        <v>379756</v>
      </c>
      <c r="OE26" s="123">
        <v>390876</v>
      </c>
      <c r="OF26" s="124">
        <v>770632</v>
      </c>
      <c r="OG26" s="125">
        <v>770632</v>
      </c>
      <c r="OH26" s="159">
        <v>325475</v>
      </c>
      <c r="OI26" s="123">
        <v>356157</v>
      </c>
      <c r="OJ26" s="158">
        <v>681632</v>
      </c>
      <c r="OK26" s="122">
        <v>0</v>
      </c>
      <c r="OL26" s="123">
        <v>5140759</v>
      </c>
      <c r="OM26" s="123">
        <v>5232532</v>
      </c>
      <c r="ON26" s="123">
        <v>7579331</v>
      </c>
      <c r="OO26" s="123">
        <v>8533867</v>
      </c>
      <c r="OP26" s="123">
        <v>6118050</v>
      </c>
      <c r="OQ26" s="124">
        <v>32604539</v>
      </c>
      <c r="OR26" s="160">
        <v>33286171</v>
      </c>
    </row>
    <row r="27" spans="1:408" ht="20.25" customHeight="1" x14ac:dyDescent="0.2">
      <c r="A27" s="130" t="s">
        <v>22</v>
      </c>
      <c r="B27" s="113">
        <v>16489</v>
      </c>
      <c r="C27" s="117">
        <v>111984</v>
      </c>
      <c r="D27" s="116">
        <v>128473</v>
      </c>
      <c r="E27" s="112">
        <v>0</v>
      </c>
      <c r="F27" s="117">
        <v>1264212</v>
      </c>
      <c r="G27" s="117">
        <v>2043417</v>
      </c>
      <c r="H27" s="117">
        <v>1479102</v>
      </c>
      <c r="I27" s="117">
        <v>1596396</v>
      </c>
      <c r="J27" s="117">
        <v>1178068</v>
      </c>
      <c r="K27" s="198">
        <v>7561195</v>
      </c>
      <c r="L27" s="119">
        <v>7689668</v>
      </c>
      <c r="M27" s="113">
        <v>9689</v>
      </c>
      <c r="N27" s="117">
        <v>0</v>
      </c>
      <c r="O27" s="116">
        <v>9689</v>
      </c>
      <c r="P27" s="113">
        <v>0</v>
      </c>
      <c r="Q27" s="117">
        <v>217220</v>
      </c>
      <c r="R27" s="117">
        <v>329537</v>
      </c>
      <c r="S27" s="117">
        <v>304503</v>
      </c>
      <c r="T27" s="117">
        <v>484429</v>
      </c>
      <c r="U27" s="117">
        <v>527937</v>
      </c>
      <c r="V27" s="116">
        <v>1863626</v>
      </c>
      <c r="W27" s="119">
        <v>1873315</v>
      </c>
      <c r="X27" s="113">
        <v>0</v>
      </c>
      <c r="Y27" s="117">
        <v>0</v>
      </c>
      <c r="Z27" s="116">
        <v>0</v>
      </c>
      <c r="AA27" s="113">
        <v>0</v>
      </c>
      <c r="AB27" s="117">
        <v>67292</v>
      </c>
      <c r="AC27" s="117">
        <v>163059</v>
      </c>
      <c r="AD27" s="117">
        <v>184527</v>
      </c>
      <c r="AE27" s="117">
        <v>230960</v>
      </c>
      <c r="AF27" s="117">
        <v>113192</v>
      </c>
      <c r="AG27" s="116">
        <v>759030</v>
      </c>
      <c r="AH27" s="119">
        <v>759030</v>
      </c>
      <c r="AI27" s="113">
        <v>0</v>
      </c>
      <c r="AJ27" s="117">
        <v>0</v>
      </c>
      <c r="AK27" s="116">
        <v>0</v>
      </c>
      <c r="AL27" s="113">
        <v>0</v>
      </c>
      <c r="AM27" s="117">
        <v>0</v>
      </c>
      <c r="AN27" s="117">
        <v>0</v>
      </c>
      <c r="AO27" s="117">
        <v>10816</v>
      </c>
      <c r="AP27" s="117">
        <v>0</v>
      </c>
      <c r="AQ27" s="117">
        <v>140608</v>
      </c>
      <c r="AR27" s="116">
        <v>151424</v>
      </c>
      <c r="AS27" s="119">
        <v>151424</v>
      </c>
      <c r="AT27" s="113">
        <v>9689</v>
      </c>
      <c r="AU27" s="117">
        <v>0</v>
      </c>
      <c r="AV27" s="116">
        <v>9689</v>
      </c>
      <c r="AW27" s="113">
        <v>0</v>
      </c>
      <c r="AX27" s="117">
        <v>12208</v>
      </c>
      <c r="AY27" s="117">
        <v>98038</v>
      </c>
      <c r="AZ27" s="117">
        <v>58800</v>
      </c>
      <c r="BA27" s="117">
        <v>147021</v>
      </c>
      <c r="BB27" s="117">
        <v>176152</v>
      </c>
      <c r="BC27" s="116">
        <v>492219</v>
      </c>
      <c r="BD27" s="119">
        <v>501908</v>
      </c>
      <c r="BE27" s="113">
        <v>0</v>
      </c>
      <c r="BF27" s="117">
        <v>0</v>
      </c>
      <c r="BG27" s="115">
        <v>0</v>
      </c>
      <c r="BH27" s="114">
        <v>0</v>
      </c>
      <c r="BI27" s="117">
        <v>94552</v>
      </c>
      <c r="BJ27" s="117">
        <v>0</v>
      </c>
      <c r="BK27" s="117">
        <v>0</v>
      </c>
      <c r="BL27" s="117">
        <v>56992</v>
      </c>
      <c r="BM27" s="117">
        <v>76297</v>
      </c>
      <c r="BN27" s="116">
        <v>227841</v>
      </c>
      <c r="BO27" s="119">
        <v>227841</v>
      </c>
      <c r="BP27" s="113">
        <v>0</v>
      </c>
      <c r="BQ27" s="117">
        <v>0</v>
      </c>
      <c r="BR27" s="116">
        <v>0</v>
      </c>
      <c r="BS27" s="113">
        <v>0</v>
      </c>
      <c r="BT27" s="117">
        <v>43168</v>
      </c>
      <c r="BU27" s="117">
        <v>68440</v>
      </c>
      <c r="BV27" s="117">
        <v>50360</v>
      </c>
      <c r="BW27" s="117">
        <v>49456</v>
      </c>
      <c r="BX27" s="117">
        <v>21688</v>
      </c>
      <c r="BY27" s="116">
        <v>233112</v>
      </c>
      <c r="BZ27" s="119">
        <v>233112</v>
      </c>
      <c r="CA27" s="113">
        <v>0</v>
      </c>
      <c r="CB27" s="117">
        <v>0</v>
      </c>
      <c r="CC27" s="116">
        <v>0</v>
      </c>
      <c r="CD27" s="113">
        <v>0</v>
      </c>
      <c r="CE27" s="117">
        <v>545924</v>
      </c>
      <c r="CF27" s="117">
        <v>991085</v>
      </c>
      <c r="CG27" s="117">
        <v>383434</v>
      </c>
      <c r="CH27" s="117">
        <v>234680</v>
      </c>
      <c r="CI27" s="117">
        <v>279056</v>
      </c>
      <c r="CJ27" s="116">
        <v>2434179</v>
      </c>
      <c r="CK27" s="119">
        <v>2434179</v>
      </c>
      <c r="CL27" s="113">
        <v>0</v>
      </c>
      <c r="CM27" s="117">
        <v>0</v>
      </c>
      <c r="CN27" s="116">
        <v>0</v>
      </c>
      <c r="CO27" s="114">
        <v>0</v>
      </c>
      <c r="CP27" s="117">
        <v>375155</v>
      </c>
      <c r="CQ27" s="117">
        <v>854125</v>
      </c>
      <c r="CR27" s="117">
        <v>342266</v>
      </c>
      <c r="CS27" s="117">
        <v>146736</v>
      </c>
      <c r="CT27" s="117">
        <v>116208</v>
      </c>
      <c r="CU27" s="116">
        <v>1834490</v>
      </c>
      <c r="CV27" s="119">
        <v>1834490</v>
      </c>
      <c r="CW27" s="113">
        <v>0</v>
      </c>
      <c r="CX27" s="117">
        <v>0</v>
      </c>
      <c r="CY27" s="116">
        <v>0</v>
      </c>
      <c r="CZ27" s="113">
        <v>0</v>
      </c>
      <c r="DA27" s="117">
        <v>170769</v>
      </c>
      <c r="DB27" s="117">
        <v>136960</v>
      </c>
      <c r="DC27" s="117">
        <v>41168</v>
      </c>
      <c r="DD27" s="117">
        <v>87944</v>
      </c>
      <c r="DE27" s="117">
        <v>162848</v>
      </c>
      <c r="DF27" s="116">
        <v>599689</v>
      </c>
      <c r="DG27" s="119">
        <v>599689</v>
      </c>
      <c r="DH27" s="113">
        <v>0</v>
      </c>
      <c r="DI27" s="117">
        <v>0</v>
      </c>
      <c r="DJ27" s="115">
        <v>0</v>
      </c>
      <c r="DK27" s="114">
        <v>0</v>
      </c>
      <c r="DL27" s="117">
        <v>0</v>
      </c>
      <c r="DM27" s="117">
        <v>23927</v>
      </c>
      <c r="DN27" s="117">
        <v>432085</v>
      </c>
      <c r="DO27" s="117">
        <v>305023</v>
      </c>
      <c r="DP27" s="117">
        <v>197411</v>
      </c>
      <c r="DQ27" s="116">
        <v>958446</v>
      </c>
      <c r="DR27" s="119">
        <v>958446</v>
      </c>
      <c r="DS27" s="113">
        <v>0</v>
      </c>
      <c r="DT27" s="117">
        <v>0</v>
      </c>
      <c r="DU27" s="116">
        <v>0</v>
      </c>
      <c r="DV27" s="113">
        <v>0</v>
      </c>
      <c r="DW27" s="117">
        <v>0</v>
      </c>
      <c r="DX27" s="117">
        <v>23927</v>
      </c>
      <c r="DY27" s="117">
        <v>432085</v>
      </c>
      <c r="DZ27" s="117">
        <v>305023</v>
      </c>
      <c r="EA27" s="117">
        <v>197411</v>
      </c>
      <c r="EB27" s="116">
        <v>958446</v>
      </c>
      <c r="EC27" s="119">
        <v>958446</v>
      </c>
      <c r="ED27" s="113">
        <v>0</v>
      </c>
      <c r="EE27" s="115">
        <v>0</v>
      </c>
      <c r="EF27" s="116">
        <v>0</v>
      </c>
      <c r="EG27" s="113">
        <v>0</v>
      </c>
      <c r="EH27" s="117">
        <v>0</v>
      </c>
      <c r="EI27" s="117">
        <v>0</v>
      </c>
      <c r="EJ27" s="117">
        <v>0</v>
      </c>
      <c r="EK27" s="117">
        <v>0</v>
      </c>
      <c r="EL27" s="117">
        <v>0</v>
      </c>
      <c r="EM27" s="115">
        <v>0</v>
      </c>
      <c r="EN27" s="119">
        <v>0</v>
      </c>
      <c r="EO27" s="113">
        <v>0</v>
      </c>
      <c r="EP27" s="117">
        <v>0</v>
      </c>
      <c r="EQ27" s="115">
        <v>0</v>
      </c>
      <c r="ER27" s="114">
        <v>0</v>
      </c>
      <c r="ES27" s="117">
        <v>0</v>
      </c>
      <c r="ET27" s="117">
        <v>0</v>
      </c>
      <c r="EU27" s="117">
        <v>0</v>
      </c>
      <c r="EV27" s="117">
        <v>0</v>
      </c>
      <c r="EW27" s="117">
        <v>0</v>
      </c>
      <c r="EX27" s="116">
        <v>0</v>
      </c>
      <c r="EY27" s="119">
        <v>0</v>
      </c>
      <c r="EZ27" s="113">
        <v>0</v>
      </c>
      <c r="FA27" s="117">
        <v>0</v>
      </c>
      <c r="FB27" s="115">
        <v>0</v>
      </c>
      <c r="FC27" s="395"/>
      <c r="FD27" s="117">
        <v>0</v>
      </c>
      <c r="FE27" s="117">
        <v>0</v>
      </c>
      <c r="FF27" s="117">
        <v>0</v>
      </c>
      <c r="FG27" s="117">
        <v>0</v>
      </c>
      <c r="FH27" s="117">
        <v>0</v>
      </c>
      <c r="FI27" s="116">
        <v>0</v>
      </c>
      <c r="FJ27" s="119">
        <v>0</v>
      </c>
      <c r="FK27" s="113">
        <v>6800</v>
      </c>
      <c r="FL27" s="117">
        <v>25280</v>
      </c>
      <c r="FM27" s="116">
        <v>32080</v>
      </c>
      <c r="FN27" s="113">
        <v>0</v>
      </c>
      <c r="FO27" s="117">
        <v>40320</v>
      </c>
      <c r="FP27" s="117">
        <v>186876</v>
      </c>
      <c r="FQ27" s="117">
        <v>166432</v>
      </c>
      <c r="FR27" s="117">
        <v>152040</v>
      </c>
      <c r="FS27" s="117">
        <v>173664</v>
      </c>
      <c r="FT27" s="116">
        <v>719332</v>
      </c>
      <c r="FU27" s="119">
        <v>751412</v>
      </c>
      <c r="FV27" s="118">
        <v>6800</v>
      </c>
      <c r="FW27" s="117">
        <v>25280</v>
      </c>
      <c r="FX27" s="115">
        <v>32080</v>
      </c>
      <c r="FY27" s="114">
        <v>0</v>
      </c>
      <c r="FZ27" s="117">
        <v>40320</v>
      </c>
      <c r="GA27" s="117">
        <v>186876</v>
      </c>
      <c r="GB27" s="117">
        <v>166432</v>
      </c>
      <c r="GC27" s="117">
        <v>152040</v>
      </c>
      <c r="GD27" s="117">
        <v>173664</v>
      </c>
      <c r="GE27" s="116">
        <v>719332</v>
      </c>
      <c r="GF27" s="357">
        <v>751412</v>
      </c>
      <c r="GG27" s="118">
        <v>0</v>
      </c>
      <c r="GH27" s="117">
        <v>0</v>
      </c>
      <c r="GI27" s="115">
        <v>0</v>
      </c>
      <c r="GJ27" s="114">
        <v>0</v>
      </c>
      <c r="GK27" s="117">
        <v>0</v>
      </c>
      <c r="GL27" s="117">
        <v>0</v>
      </c>
      <c r="GM27" s="117">
        <v>0</v>
      </c>
      <c r="GN27" s="117">
        <v>0</v>
      </c>
      <c r="GO27" s="117">
        <v>0</v>
      </c>
      <c r="GP27" s="116">
        <v>0</v>
      </c>
      <c r="GQ27" s="119">
        <v>0</v>
      </c>
      <c r="GR27" s="113">
        <v>0</v>
      </c>
      <c r="GS27" s="117">
        <v>0</v>
      </c>
      <c r="GT27" s="116">
        <v>0</v>
      </c>
      <c r="GU27" s="113">
        <v>0</v>
      </c>
      <c r="GV27" s="117">
        <v>0</v>
      </c>
      <c r="GW27" s="117">
        <v>0</v>
      </c>
      <c r="GX27" s="117">
        <v>0</v>
      </c>
      <c r="GY27" s="117">
        <v>0</v>
      </c>
      <c r="GZ27" s="117">
        <v>0</v>
      </c>
      <c r="HA27" s="115">
        <v>0</v>
      </c>
      <c r="HB27" s="119">
        <v>0</v>
      </c>
      <c r="HC27" s="113">
        <v>0</v>
      </c>
      <c r="HD27" s="117">
        <v>86704</v>
      </c>
      <c r="HE27" s="115">
        <v>86704</v>
      </c>
      <c r="HF27" s="114">
        <v>0</v>
      </c>
      <c r="HG27" s="117">
        <v>460748</v>
      </c>
      <c r="HH27" s="117">
        <v>511992</v>
      </c>
      <c r="HI27" s="117">
        <v>192648</v>
      </c>
      <c r="HJ27" s="117">
        <v>420224</v>
      </c>
      <c r="HK27" s="117">
        <v>0</v>
      </c>
      <c r="HL27" s="116">
        <v>1585612</v>
      </c>
      <c r="HM27" s="112">
        <v>1672316</v>
      </c>
      <c r="HN27" s="395"/>
      <c r="HO27" s="395"/>
      <c r="HP27" s="395"/>
      <c r="HQ27" s="395"/>
      <c r="HR27" s="395"/>
      <c r="HS27" s="395"/>
      <c r="HT27" s="395"/>
      <c r="HU27" s="395"/>
      <c r="HV27" s="395"/>
      <c r="HW27" s="395"/>
      <c r="HX27" s="395"/>
      <c r="HY27" s="148">
        <v>39912</v>
      </c>
      <c r="HZ27" s="149">
        <v>0</v>
      </c>
      <c r="IA27" s="150">
        <v>39912</v>
      </c>
      <c r="IB27" s="162">
        <v>0</v>
      </c>
      <c r="IC27" s="149">
        <v>947887</v>
      </c>
      <c r="ID27" s="163">
        <v>574640</v>
      </c>
      <c r="IE27" s="150">
        <v>369336</v>
      </c>
      <c r="IF27" s="149">
        <v>1038008</v>
      </c>
      <c r="IG27" s="150">
        <v>557456</v>
      </c>
      <c r="IH27" s="164">
        <v>3487327</v>
      </c>
      <c r="II27" s="156">
        <v>3527239</v>
      </c>
      <c r="IJ27" s="259">
        <v>0</v>
      </c>
      <c r="IK27" s="266">
        <v>0</v>
      </c>
      <c r="IL27" s="267">
        <v>0</v>
      </c>
      <c r="IM27" s="395"/>
      <c r="IN27" s="123">
        <v>0</v>
      </c>
      <c r="IO27" s="123">
        <v>0</v>
      </c>
      <c r="IP27" s="123">
        <v>157928</v>
      </c>
      <c r="IQ27" s="123">
        <v>0</v>
      </c>
      <c r="IR27" s="123">
        <v>0</v>
      </c>
      <c r="IS27" s="158">
        <v>157928</v>
      </c>
      <c r="IT27" s="360">
        <v>157928</v>
      </c>
      <c r="IU27" s="159">
        <v>0</v>
      </c>
      <c r="IV27" s="123">
        <v>0</v>
      </c>
      <c r="IW27" s="124">
        <v>0</v>
      </c>
      <c r="IX27" s="395"/>
      <c r="IY27" s="123">
        <v>0</v>
      </c>
      <c r="IZ27" s="123">
        <v>0</v>
      </c>
      <c r="JA27" s="123">
        <v>0</v>
      </c>
      <c r="JB27" s="123">
        <v>0</v>
      </c>
      <c r="JC27" s="123">
        <v>0</v>
      </c>
      <c r="JD27" s="124">
        <v>0</v>
      </c>
      <c r="JE27" s="125">
        <v>0</v>
      </c>
      <c r="JF27" s="159">
        <v>0</v>
      </c>
      <c r="JG27" s="123">
        <v>0</v>
      </c>
      <c r="JH27" s="158">
        <v>0</v>
      </c>
      <c r="JI27" s="122">
        <v>0</v>
      </c>
      <c r="JJ27" s="123">
        <v>145496</v>
      </c>
      <c r="JK27" s="123">
        <v>192752</v>
      </c>
      <c r="JL27" s="123">
        <v>128300</v>
      </c>
      <c r="JM27" s="123">
        <v>151576</v>
      </c>
      <c r="JN27" s="123">
        <v>0</v>
      </c>
      <c r="JO27" s="124">
        <v>618124</v>
      </c>
      <c r="JP27" s="360">
        <v>618124</v>
      </c>
      <c r="JQ27" s="159">
        <v>0</v>
      </c>
      <c r="JR27" s="123">
        <v>0</v>
      </c>
      <c r="JS27" s="158">
        <v>0</v>
      </c>
      <c r="JT27" s="122">
        <v>0</v>
      </c>
      <c r="JU27" s="123">
        <v>59296</v>
      </c>
      <c r="JV27" s="123">
        <v>0</v>
      </c>
      <c r="JW27" s="123">
        <v>83108</v>
      </c>
      <c r="JX27" s="123">
        <v>137664</v>
      </c>
      <c r="JY27" s="123">
        <v>0</v>
      </c>
      <c r="JZ27" s="124">
        <v>280068</v>
      </c>
      <c r="KA27" s="360">
        <v>280068</v>
      </c>
      <c r="KB27" s="262">
        <v>39912</v>
      </c>
      <c r="KC27" s="256">
        <v>0</v>
      </c>
      <c r="KD27" s="124">
        <v>39912</v>
      </c>
      <c r="KE27" s="122">
        <v>0</v>
      </c>
      <c r="KF27" s="123">
        <v>517160</v>
      </c>
      <c r="KG27" s="123">
        <v>145968</v>
      </c>
      <c r="KH27" s="123">
        <v>0</v>
      </c>
      <c r="KI27" s="123">
        <v>228624</v>
      </c>
      <c r="KJ27" s="123">
        <v>0</v>
      </c>
      <c r="KK27" s="124">
        <v>891752</v>
      </c>
      <c r="KL27" s="160">
        <v>931664</v>
      </c>
      <c r="KM27" s="259">
        <v>0</v>
      </c>
      <c r="KN27" s="266">
        <v>0</v>
      </c>
      <c r="KO27" s="267">
        <v>0</v>
      </c>
      <c r="KP27" s="395"/>
      <c r="KQ27" s="123">
        <v>225935</v>
      </c>
      <c r="KR27" s="123">
        <v>235920</v>
      </c>
      <c r="KS27" s="123">
        <v>0</v>
      </c>
      <c r="KT27" s="123">
        <v>0</v>
      </c>
      <c r="KU27" s="123">
        <v>0</v>
      </c>
      <c r="KV27" s="124">
        <v>461855</v>
      </c>
      <c r="KW27" s="360">
        <v>461855</v>
      </c>
      <c r="KX27" s="159">
        <v>0</v>
      </c>
      <c r="KY27" s="123">
        <v>0</v>
      </c>
      <c r="KZ27" s="124">
        <v>0</v>
      </c>
      <c r="LA27" s="395"/>
      <c r="LB27" s="123">
        <v>0</v>
      </c>
      <c r="LC27" s="123">
        <v>0</v>
      </c>
      <c r="LD27" s="123">
        <v>0</v>
      </c>
      <c r="LE27" s="123">
        <v>0</v>
      </c>
      <c r="LF27" s="123">
        <v>0</v>
      </c>
      <c r="LG27" s="124">
        <v>0</v>
      </c>
      <c r="LH27" s="125">
        <v>0</v>
      </c>
      <c r="LI27" s="159">
        <v>0</v>
      </c>
      <c r="LJ27" s="123">
        <v>0</v>
      </c>
      <c r="LK27" s="124">
        <v>0</v>
      </c>
      <c r="LL27" s="395"/>
      <c r="LM27" s="123">
        <v>0</v>
      </c>
      <c r="LN27" s="123">
        <v>0</v>
      </c>
      <c r="LO27" s="123">
        <v>0</v>
      </c>
      <c r="LP27" s="123">
        <v>520144</v>
      </c>
      <c r="LQ27" s="123">
        <v>557456</v>
      </c>
      <c r="LR27" s="124">
        <v>1077600</v>
      </c>
      <c r="LS27" s="360">
        <v>1077600</v>
      </c>
      <c r="LT27" s="159">
        <v>0</v>
      </c>
      <c r="LU27" s="123">
        <v>0</v>
      </c>
      <c r="LV27" s="124">
        <v>0</v>
      </c>
      <c r="LW27" s="395"/>
      <c r="LX27" s="123">
        <v>0</v>
      </c>
      <c r="LY27" s="123">
        <v>0</v>
      </c>
      <c r="LZ27" s="123">
        <v>0</v>
      </c>
      <c r="MA27" s="123">
        <v>0</v>
      </c>
      <c r="MB27" s="123">
        <v>0</v>
      </c>
      <c r="MC27" s="124">
        <v>0</v>
      </c>
      <c r="MD27" s="125">
        <v>0</v>
      </c>
      <c r="ME27" s="159">
        <v>0</v>
      </c>
      <c r="MF27" s="123">
        <v>0</v>
      </c>
      <c r="MG27" s="124">
        <v>0</v>
      </c>
      <c r="MH27" s="395"/>
      <c r="MI27" s="123">
        <v>0</v>
      </c>
      <c r="MJ27" s="123">
        <v>0</v>
      </c>
      <c r="MK27" s="123">
        <v>240048</v>
      </c>
      <c r="ML27" s="123">
        <v>692806</v>
      </c>
      <c r="MM27" s="123">
        <v>0</v>
      </c>
      <c r="MN27" s="124">
        <v>932854</v>
      </c>
      <c r="MO27" s="160">
        <v>932854</v>
      </c>
      <c r="MP27" s="159">
        <v>0</v>
      </c>
      <c r="MQ27" s="123">
        <v>0</v>
      </c>
      <c r="MR27" s="124">
        <v>0</v>
      </c>
      <c r="MS27" s="395"/>
      <c r="MT27" s="123">
        <v>0</v>
      </c>
      <c r="MU27" s="123">
        <v>0</v>
      </c>
      <c r="MV27" s="123">
        <v>240048</v>
      </c>
      <c r="MW27" s="123">
        <v>692806</v>
      </c>
      <c r="MX27" s="123">
        <v>0</v>
      </c>
      <c r="MY27" s="124">
        <v>932854</v>
      </c>
      <c r="MZ27" s="160">
        <v>932854</v>
      </c>
      <c r="NA27" s="159">
        <v>0</v>
      </c>
      <c r="NB27" s="123">
        <v>0</v>
      </c>
      <c r="NC27" s="124">
        <v>0</v>
      </c>
      <c r="ND27" s="395"/>
      <c r="NE27" s="123">
        <v>0</v>
      </c>
      <c r="NF27" s="123">
        <v>0</v>
      </c>
      <c r="NG27" s="123">
        <v>0</v>
      </c>
      <c r="NH27" s="123">
        <v>0</v>
      </c>
      <c r="NI27" s="123">
        <v>0</v>
      </c>
      <c r="NJ27" s="124">
        <v>0</v>
      </c>
      <c r="NK27" s="360">
        <v>0</v>
      </c>
      <c r="NL27" s="159">
        <v>0</v>
      </c>
      <c r="NM27" s="123">
        <v>0</v>
      </c>
      <c r="NN27" s="124">
        <v>0</v>
      </c>
      <c r="NO27" s="395"/>
      <c r="NP27" s="123">
        <v>0</v>
      </c>
      <c r="NQ27" s="123">
        <v>0</v>
      </c>
      <c r="NR27" s="123">
        <v>0</v>
      </c>
      <c r="NS27" s="123">
        <v>0</v>
      </c>
      <c r="NT27" s="123">
        <v>0</v>
      </c>
      <c r="NU27" s="124">
        <v>0</v>
      </c>
      <c r="NV27" s="125">
        <v>0</v>
      </c>
      <c r="NW27" s="159">
        <v>0</v>
      </c>
      <c r="NX27" s="123">
        <v>0</v>
      </c>
      <c r="NY27" s="124">
        <v>0</v>
      </c>
      <c r="NZ27" s="395"/>
      <c r="OA27" s="123">
        <v>0</v>
      </c>
      <c r="OB27" s="123">
        <v>0</v>
      </c>
      <c r="OC27" s="123">
        <v>0</v>
      </c>
      <c r="OD27" s="123">
        <v>0</v>
      </c>
      <c r="OE27" s="123">
        <v>0</v>
      </c>
      <c r="OF27" s="124">
        <v>0</v>
      </c>
      <c r="OG27" s="125">
        <v>0</v>
      </c>
      <c r="OH27" s="159">
        <v>56401</v>
      </c>
      <c r="OI27" s="123">
        <v>111984</v>
      </c>
      <c r="OJ27" s="158">
        <v>168385</v>
      </c>
      <c r="OK27" s="122">
        <v>0</v>
      </c>
      <c r="OL27" s="123">
        <v>2212099</v>
      </c>
      <c r="OM27" s="123">
        <v>2618057</v>
      </c>
      <c r="ON27" s="123">
        <v>2088486</v>
      </c>
      <c r="OO27" s="123">
        <v>3327210</v>
      </c>
      <c r="OP27" s="123">
        <v>1735524</v>
      </c>
      <c r="OQ27" s="124">
        <v>11981376</v>
      </c>
      <c r="OR27" s="160">
        <v>12149761</v>
      </c>
    </row>
    <row r="28" spans="1:408" ht="20.25" customHeight="1" x14ac:dyDescent="0.2">
      <c r="A28" s="130" t="s">
        <v>23</v>
      </c>
      <c r="B28" s="113">
        <v>201565</v>
      </c>
      <c r="C28" s="117">
        <v>756027</v>
      </c>
      <c r="D28" s="116">
        <v>957592</v>
      </c>
      <c r="E28" s="112">
        <v>0</v>
      </c>
      <c r="F28" s="117">
        <v>2986919</v>
      </c>
      <c r="G28" s="117">
        <v>2772265</v>
      </c>
      <c r="H28" s="117">
        <v>2042802</v>
      </c>
      <c r="I28" s="117">
        <v>2744410</v>
      </c>
      <c r="J28" s="117">
        <v>2183194</v>
      </c>
      <c r="K28" s="198">
        <v>12729590</v>
      </c>
      <c r="L28" s="119">
        <v>13687182</v>
      </c>
      <c r="M28" s="113">
        <v>84159</v>
      </c>
      <c r="N28" s="117">
        <v>140148</v>
      </c>
      <c r="O28" s="116">
        <v>224307</v>
      </c>
      <c r="P28" s="113">
        <v>0</v>
      </c>
      <c r="Q28" s="117">
        <v>943665</v>
      </c>
      <c r="R28" s="117">
        <v>861780</v>
      </c>
      <c r="S28" s="117">
        <v>581527</v>
      </c>
      <c r="T28" s="117">
        <v>998902</v>
      </c>
      <c r="U28" s="117">
        <v>855068</v>
      </c>
      <c r="V28" s="116">
        <v>4240942</v>
      </c>
      <c r="W28" s="119">
        <v>4465249</v>
      </c>
      <c r="X28" s="113">
        <v>0</v>
      </c>
      <c r="Y28" s="117">
        <v>0</v>
      </c>
      <c r="Z28" s="116">
        <v>0</v>
      </c>
      <c r="AA28" s="113">
        <v>0</v>
      </c>
      <c r="AB28" s="117">
        <v>320665</v>
      </c>
      <c r="AC28" s="117">
        <v>290034</v>
      </c>
      <c r="AD28" s="117">
        <v>520463</v>
      </c>
      <c r="AE28" s="117">
        <v>600923</v>
      </c>
      <c r="AF28" s="117">
        <v>627275</v>
      </c>
      <c r="AG28" s="116">
        <v>2359360</v>
      </c>
      <c r="AH28" s="119">
        <v>2359360</v>
      </c>
      <c r="AI28" s="113">
        <v>0</v>
      </c>
      <c r="AJ28" s="117">
        <v>0</v>
      </c>
      <c r="AK28" s="116">
        <v>0</v>
      </c>
      <c r="AL28" s="113">
        <v>0</v>
      </c>
      <c r="AM28" s="117">
        <v>0</v>
      </c>
      <c r="AN28" s="117">
        <v>0</v>
      </c>
      <c r="AO28" s="117">
        <v>0</v>
      </c>
      <c r="AP28" s="117">
        <v>0</v>
      </c>
      <c r="AQ28" s="117">
        <v>0</v>
      </c>
      <c r="AR28" s="116">
        <v>0</v>
      </c>
      <c r="AS28" s="119">
        <v>0</v>
      </c>
      <c r="AT28" s="113">
        <v>36015</v>
      </c>
      <c r="AU28" s="117">
        <v>110012</v>
      </c>
      <c r="AV28" s="116">
        <v>146027</v>
      </c>
      <c r="AW28" s="113">
        <v>0</v>
      </c>
      <c r="AX28" s="117">
        <v>295196</v>
      </c>
      <c r="AY28" s="117">
        <v>427586</v>
      </c>
      <c r="AZ28" s="117">
        <v>0</v>
      </c>
      <c r="BA28" s="117">
        <v>260211</v>
      </c>
      <c r="BB28" s="117">
        <v>104633</v>
      </c>
      <c r="BC28" s="116">
        <v>1087626</v>
      </c>
      <c r="BD28" s="119">
        <v>1233653</v>
      </c>
      <c r="BE28" s="113">
        <v>0</v>
      </c>
      <c r="BF28" s="117">
        <v>0</v>
      </c>
      <c r="BG28" s="115">
        <v>0</v>
      </c>
      <c r="BH28" s="114">
        <v>0</v>
      </c>
      <c r="BI28" s="117">
        <v>155484</v>
      </c>
      <c r="BJ28" s="117">
        <v>0</v>
      </c>
      <c r="BK28" s="117">
        <v>0</v>
      </c>
      <c r="BL28" s="117">
        <v>0</v>
      </c>
      <c r="BM28" s="117">
        <v>0</v>
      </c>
      <c r="BN28" s="116">
        <v>155484</v>
      </c>
      <c r="BO28" s="119">
        <v>155484</v>
      </c>
      <c r="BP28" s="113">
        <v>48144</v>
      </c>
      <c r="BQ28" s="117">
        <v>30136</v>
      </c>
      <c r="BR28" s="116">
        <v>78280</v>
      </c>
      <c r="BS28" s="113">
        <v>0</v>
      </c>
      <c r="BT28" s="117">
        <v>172320</v>
      </c>
      <c r="BU28" s="117">
        <v>144160</v>
      </c>
      <c r="BV28" s="117">
        <v>61064</v>
      </c>
      <c r="BW28" s="117">
        <v>137768</v>
      </c>
      <c r="BX28" s="117">
        <v>123160</v>
      </c>
      <c r="BY28" s="116">
        <v>638472</v>
      </c>
      <c r="BZ28" s="119">
        <v>716752</v>
      </c>
      <c r="CA28" s="113">
        <v>0</v>
      </c>
      <c r="CB28" s="117">
        <v>0</v>
      </c>
      <c r="CC28" s="116">
        <v>0</v>
      </c>
      <c r="CD28" s="113">
        <v>0</v>
      </c>
      <c r="CE28" s="117">
        <v>1196870</v>
      </c>
      <c r="CF28" s="117">
        <v>1059238</v>
      </c>
      <c r="CG28" s="117">
        <v>836253</v>
      </c>
      <c r="CH28" s="117">
        <v>870137</v>
      </c>
      <c r="CI28" s="117">
        <v>87070</v>
      </c>
      <c r="CJ28" s="116">
        <v>4049568</v>
      </c>
      <c r="CK28" s="119">
        <v>4049568</v>
      </c>
      <c r="CL28" s="113">
        <v>0</v>
      </c>
      <c r="CM28" s="117">
        <v>0</v>
      </c>
      <c r="CN28" s="116">
        <v>0</v>
      </c>
      <c r="CO28" s="114">
        <v>0</v>
      </c>
      <c r="CP28" s="117">
        <v>947860</v>
      </c>
      <c r="CQ28" s="117">
        <v>671716</v>
      </c>
      <c r="CR28" s="117">
        <v>688924</v>
      </c>
      <c r="CS28" s="117">
        <v>490895</v>
      </c>
      <c r="CT28" s="117">
        <v>0</v>
      </c>
      <c r="CU28" s="116">
        <v>2799395</v>
      </c>
      <c r="CV28" s="119">
        <v>2799395</v>
      </c>
      <c r="CW28" s="113">
        <v>0</v>
      </c>
      <c r="CX28" s="117">
        <v>0</v>
      </c>
      <c r="CY28" s="116">
        <v>0</v>
      </c>
      <c r="CZ28" s="113">
        <v>0</v>
      </c>
      <c r="DA28" s="117">
        <v>249010</v>
      </c>
      <c r="DB28" s="117">
        <v>387522</v>
      </c>
      <c r="DC28" s="117">
        <v>147329</v>
      </c>
      <c r="DD28" s="117">
        <v>379242</v>
      </c>
      <c r="DE28" s="117">
        <v>87070</v>
      </c>
      <c r="DF28" s="116">
        <v>1250173</v>
      </c>
      <c r="DG28" s="119">
        <v>1250173</v>
      </c>
      <c r="DH28" s="113">
        <v>0</v>
      </c>
      <c r="DI28" s="117">
        <v>0</v>
      </c>
      <c r="DJ28" s="115">
        <v>0</v>
      </c>
      <c r="DK28" s="114">
        <v>0</v>
      </c>
      <c r="DL28" s="117">
        <v>32712</v>
      </c>
      <c r="DM28" s="117">
        <v>41844</v>
      </c>
      <c r="DN28" s="117">
        <v>160350</v>
      </c>
      <c r="DO28" s="117">
        <v>197088</v>
      </c>
      <c r="DP28" s="117">
        <v>0</v>
      </c>
      <c r="DQ28" s="116">
        <v>431994</v>
      </c>
      <c r="DR28" s="119">
        <v>431994</v>
      </c>
      <c r="DS28" s="113">
        <v>0</v>
      </c>
      <c r="DT28" s="117">
        <v>0</v>
      </c>
      <c r="DU28" s="116">
        <v>0</v>
      </c>
      <c r="DV28" s="113">
        <v>0</v>
      </c>
      <c r="DW28" s="117">
        <v>32712</v>
      </c>
      <c r="DX28" s="117">
        <v>41844</v>
      </c>
      <c r="DY28" s="117">
        <v>160350</v>
      </c>
      <c r="DZ28" s="117">
        <v>197088</v>
      </c>
      <c r="EA28" s="117">
        <v>0</v>
      </c>
      <c r="EB28" s="116">
        <v>431994</v>
      </c>
      <c r="EC28" s="119">
        <v>431994</v>
      </c>
      <c r="ED28" s="113">
        <v>0</v>
      </c>
      <c r="EE28" s="115">
        <v>0</v>
      </c>
      <c r="EF28" s="116">
        <v>0</v>
      </c>
      <c r="EG28" s="113">
        <v>0</v>
      </c>
      <c r="EH28" s="117">
        <v>0</v>
      </c>
      <c r="EI28" s="117">
        <v>0</v>
      </c>
      <c r="EJ28" s="117">
        <v>0</v>
      </c>
      <c r="EK28" s="117">
        <v>0</v>
      </c>
      <c r="EL28" s="117">
        <v>0</v>
      </c>
      <c r="EM28" s="115">
        <v>0</v>
      </c>
      <c r="EN28" s="119">
        <v>0</v>
      </c>
      <c r="EO28" s="113">
        <v>0</v>
      </c>
      <c r="EP28" s="117">
        <v>0</v>
      </c>
      <c r="EQ28" s="115">
        <v>0</v>
      </c>
      <c r="ER28" s="114">
        <v>0</v>
      </c>
      <c r="ES28" s="117">
        <v>0</v>
      </c>
      <c r="ET28" s="117">
        <v>0</v>
      </c>
      <c r="EU28" s="117">
        <v>0</v>
      </c>
      <c r="EV28" s="117">
        <v>0</v>
      </c>
      <c r="EW28" s="117">
        <v>0</v>
      </c>
      <c r="EX28" s="116">
        <v>0</v>
      </c>
      <c r="EY28" s="119">
        <v>0</v>
      </c>
      <c r="EZ28" s="113">
        <v>0</v>
      </c>
      <c r="FA28" s="117">
        <v>0</v>
      </c>
      <c r="FB28" s="115">
        <v>0</v>
      </c>
      <c r="FC28" s="395"/>
      <c r="FD28" s="117">
        <v>0</v>
      </c>
      <c r="FE28" s="117">
        <v>0</v>
      </c>
      <c r="FF28" s="117">
        <v>0</v>
      </c>
      <c r="FG28" s="117">
        <v>0</v>
      </c>
      <c r="FH28" s="117">
        <v>0</v>
      </c>
      <c r="FI28" s="116">
        <v>0</v>
      </c>
      <c r="FJ28" s="119">
        <v>0</v>
      </c>
      <c r="FK28" s="113">
        <v>2032</v>
      </c>
      <c r="FL28" s="117">
        <v>41000</v>
      </c>
      <c r="FM28" s="116">
        <v>43032</v>
      </c>
      <c r="FN28" s="113">
        <v>0</v>
      </c>
      <c r="FO28" s="117">
        <v>83856</v>
      </c>
      <c r="FP28" s="117">
        <v>277248</v>
      </c>
      <c r="FQ28" s="117">
        <v>107560</v>
      </c>
      <c r="FR28" s="117">
        <v>250696</v>
      </c>
      <c r="FS28" s="117">
        <v>75760</v>
      </c>
      <c r="FT28" s="116">
        <v>795120</v>
      </c>
      <c r="FU28" s="119">
        <v>838152</v>
      </c>
      <c r="FV28" s="118">
        <v>2032</v>
      </c>
      <c r="FW28" s="117">
        <v>41000</v>
      </c>
      <c r="FX28" s="115">
        <v>43032</v>
      </c>
      <c r="FY28" s="114">
        <v>0</v>
      </c>
      <c r="FZ28" s="117">
        <v>83856</v>
      </c>
      <c r="GA28" s="117">
        <v>264224</v>
      </c>
      <c r="GB28" s="117">
        <v>91720</v>
      </c>
      <c r="GC28" s="117">
        <v>250696</v>
      </c>
      <c r="GD28" s="117">
        <v>75760</v>
      </c>
      <c r="GE28" s="116">
        <v>766256</v>
      </c>
      <c r="GF28" s="357">
        <v>809288</v>
      </c>
      <c r="GG28" s="118">
        <v>0</v>
      </c>
      <c r="GH28" s="117">
        <v>0</v>
      </c>
      <c r="GI28" s="115">
        <v>0</v>
      </c>
      <c r="GJ28" s="114">
        <v>0</v>
      </c>
      <c r="GK28" s="117">
        <v>0</v>
      </c>
      <c r="GL28" s="117">
        <v>13024</v>
      </c>
      <c r="GM28" s="117">
        <v>15840</v>
      </c>
      <c r="GN28" s="117">
        <v>0</v>
      </c>
      <c r="GO28" s="117">
        <v>0</v>
      </c>
      <c r="GP28" s="116">
        <v>28864</v>
      </c>
      <c r="GQ28" s="119">
        <v>28864</v>
      </c>
      <c r="GR28" s="113">
        <v>0</v>
      </c>
      <c r="GS28" s="117">
        <v>0</v>
      </c>
      <c r="GT28" s="116">
        <v>0</v>
      </c>
      <c r="GU28" s="113">
        <v>0</v>
      </c>
      <c r="GV28" s="117">
        <v>0</v>
      </c>
      <c r="GW28" s="117">
        <v>0</v>
      </c>
      <c r="GX28" s="117">
        <v>0</v>
      </c>
      <c r="GY28" s="117">
        <v>0</v>
      </c>
      <c r="GZ28" s="117">
        <v>0</v>
      </c>
      <c r="HA28" s="115">
        <v>0</v>
      </c>
      <c r="HB28" s="119">
        <v>0</v>
      </c>
      <c r="HC28" s="113">
        <v>115374</v>
      </c>
      <c r="HD28" s="117">
        <v>574879</v>
      </c>
      <c r="HE28" s="115">
        <v>690253</v>
      </c>
      <c r="HF28" s="114">
        <v>0</v>
      </c>
      <c r="HG28" s="117">
        <v>729816</v>
      </c>
      <c r="HH28" s="117">
        <v>532155</v>
      </c>
      <c r="HI28" s="117">
        <v>357112</v>
      </c>
      <c r="HJ28" s="117">
        <v>427587</v>
      </c>
      <c r="HK28" s="117">
        <v>1165296</v>
      </c>
      <c r="HL28" s="116">
        <v>3211966</v>
      </c>
      <c r="HM28" s="112">
        <v>3902219</v>
      </c>
      <c r="HN28" s="395"/>
      <c r="HO28" s="395"/>
      <c r="HP28" s="395"/>
      <c r="HQ28" s="395"/>
      <c r="HR28" s="395"/>
      <c r="HS28" s="395"/>
      <c r="HT28" s="395"/>
      <c r="HU28" s="395"/>
      <c r="HV28" s="395"/>
      <c r="HW28" s="395"/>
      <c r="HX28" s="395"/>
      <c r="HY28" s="166">
        <v>0</v>
      </c>
      <c r="HZ28" s="152">
        <v>0</v>
      </c>
      <c r="IA28" s="166">
        <v>0</v>
      </c>
      <c r="IB28" s="151">
        <v>0</v>
      </c>
      <c r="IC28" s="152">
        <v>915006</v>
      </c>
      <c r="ID28" s="153">
        <v>1021060</v>
      </c>
      <c r="IE28" s="154">
        <v>97802</v>
      </c>
      <c r="IF28" s="152">
        <v>838496</v>
      </c>
      <c r="IG28" s="154">
        <v>0</v>
      </c>
      <c r="IH28" s="155">
        <v>2872364</v>
      </c>
      <c r="II28" s="166">
        <v>2872364</v>
      </c>
      <c r="IJ28" s="259">
        <v>0</v>
      </c>
      <c r="IK28" s="266">
        <v>0</v>
      </c>
      <c r="IL28" s="267">
        <v>0</v>
      </c>
      <c r="IM28" s="395"/>
      <c r="IN28" s="123">
        <v>0</v>
      </c>
      <c r="IO28" s="123">
        <v>0</v>
      </c>
      <c r="IP28" s="123">
        <v>0</v>
      </c>
      <c r="IQ28" s="123">
        <v>0</v>
      </c>
      <c r="IR28" s="123">
        <v>0</v>
      </c>
      <c r="IS28" s="158">
        <v>0</v>
      </c>
      <c r="IT28" s="360">
        <v>0</v>
      </c>
      <c r="IU28" s="159">
        <v>0</v>
      </c>
      <c r="IV28" s="123">
        <v>0</v>
      </c>
      <c r="IW28" s="124">
        <v>0</v>
      </c>
      <c r="IX28" s="395"/>
      <c r="IY28" s="123">
        <v>0</v>
      </c>
      <c r="IZ28" s="123">
        <v>0</v>
      </c>
      <c r="JA28" s="123">
        <v>0</v>
      </c>
      <c r="JB28" s="123">
        <v>0</v>
      </c>
      <c r="JC28" s="123">
        <v>0</v>
      </c>
      <c r="JD28" s="124">
        <v>0</v>
      </c>
      <c r="JE28" s="125">
        <v>0</v>
      </c>
      <c r="JF28" s="159">
        <v>0</v>
      </c>
      <c r="JG28" s="123">
        <v>0</v>
      </c>
      <c r="JH28" s="158">
        <v>0</v>
      </c>
      <c r="JI28" s="122">
        <v>0</v>
      </c>
      <c r="JJ28" s="123">
        <v>206540</v>
      </c>
      <c r="JK28" s="123">
        <v>44574</v>
      </c>
      <c r="JL28" s="123">
        <v>97802</v>
      </c>
      <c r="JM28" s="123">
        <v>274759</v>
      </c>
      <c r="JN28" s="123">
        <v>0</v>
      </c>
      <c r="JO28" s="124">
        <v>623675</v>
      </c>
      <c r="JP28" s="360">
        <v>623675</v>
      </c>
      <c r="JQ28" s="159">
        <v>0</v>
      </c>
      <c r="JR28" s="123">
        <v>0</v>
      </c>
      <c r="JS28" s="158">
        <v>0</v>
      </c>
      <c r="JT28" s="122">
        <v>0</v>
      </c>
      <c r="JU28" s="123">
        <v>0</v>
      </c>
      <c r="JV28" s="123">
        <v>0</v>
      </c>
      <c r="JW28" s="123">
        <v>0</v>
      </c>
      <c r="JX28" s="123">
        <v>0</v>
      </c>
      <c r="JY28" s="123">
        <v>0</v>
      </c>
      <c r="JZ28" s="124">
        <v>0</v>
      </c>
      <c r="KA28" s="360">
        <v>0</v>
      </c>
      <c r="KB28" s="262">
        <v>0</v>
      </c>
      <c r="KC28" s="256">
        <v>0</v>
      </c>
      <c r="KD28" s="124">
        <v>0</v>
      </c>
      <c r="KE28" s="122">
        <v>0</v>
      </c>
      <c r="KF28" s="123">
        <v>0</v>
      </c>
      <c r="KG28" s="123">
        <v>0</v>
      </c>
      <c r="KH28" s="123">
        <v>0</v>
      </c>
      <c r="KI28" s="123">
        <v>0</v>
      </c>
      <c r="KJ28" s="123">
        <v>0</v>
      </c>
      <c r="KK28" s="124">
        <v>0</v>
      </c>
      <c r="KL28" s="160">
        <v>0</v>
      </c>
      <c r="KM28" s="259">
        <v>0</v>
      </c>
      <c r="KN28" s="266">
        <v>0</v>
      </c>
      <c r="KO28" s="267">
        <v>0</v>
      </c>
      <c r="KP28" s="395"/>
      <c r="KQ28" s="123">
        <v>708466</v>
      </c>
      <c r="KR28" s="123">
        <v>976486</v>
      </c>
      <c r="KS28" s="123">
        <v>0</v>
      </c>
      <c r="KT28" s="123">
        <v>563737</v>
      </c>
      <c r="KU28" s="123">
        <v>0</v>
      </c>
      <c r="KV28" s="124">
        <v>2248689</v>
      </c>
      <c r="KW28" s="360">
        <v>2248689</v>
      </c>
      <c r="KX28" s="159">
        <v>0</v>
      </c>
      <c r="KY28" s="123">
        <v>0</v>
      </c>
      <c r="KZ28" s="124">
        <v>0</v>
      </c>
      <c r="LA28" s="395"/>
      <c r="LB28" s="123">
        <v>0</v>
      </c>
      <c r="LC28" s="123">
        <v>0</v>
      </c>
      <c r="LD28" s="123">
        <v>0</v>
      </c>
      <c r="LE28" s="123">
        <v>0</v>
      </c>
      <c r="LF28" s="123">
        <v>0</v>
      </c>
      <c r="LG28" s="124">
        <v>0</v>
      </c>
      <c r="LH28" s="125">
        <v>0</v>
      </c>
      <c r="LI28" s="159">
        <v>0</v>
      </c>
      <c r="LJ28" s="123">
        <v>0</v>
      </c>
      <c r="LK28" s="124">
        <v>0</v>
      </c>
      <c r="LL28" s="395"/>
      <c r="LM28" s="123">
        <v>0</v>
      </c>
      <c r="LN28" s="123">
        <v>0</v>
      </c>
      <c r="LO28" s="123">
        <v>0</v>
      </c>
      <c r="LP28" s="123">
        <v>0</v>
      </c>
      <c r="LQ28" s="123">
        <v>0</v>
      </c>
      <c r="LR28" s="124">
        <v>0</v>
      </c>
      <c r="LS28" s="360">
        <v>0</v>
      </c>
      <c r="LT28" s="159">
        <v>0</v>
      </c>
      <c r="LU28" s="123">
        <v>0</v>
      </c>
      <c r="LV28" s="124">
        <v>0</v>
      </c>
      <c r="LW28" s="395"/>
      <c r="LX28" s="123">
        <v>0</v>
      </c>
      <c r="LY28" s="123">
        <v>0</v>
      </c>
      <c r="LZ28" s="123">
        <v>0</v>
      </c>
      <c r="MA28" s="123">
        <v>0</v>
      </c>
      <c r="MB28" s="123">
        <v>0</v>
      </c>
      <c r="MC28" s="124">
        <v>0</v>
      </c>
      <c r="MD28" s="125">
        <v>0</v>
      </c>
      <c r="ME28" s="159">
        <v>0</v>
      </c>
      <c r="MF28" s="123">
        <v>0</v>
      </c>
      <c r="MG28" s="124">
        <v>0</v>
      </c>
      <c r="MH28" s="395"/>
      <c r="MI28" s="123">
        <v>223596</v>
      </c>
      <c r="MJ28" s="123">
        <v>248616</v>
      </c>
      <c r="MK28" s="123">
        <v>0</v>
      </c>
      <c r="ML28" s="123">
        <v>1096320</v>
      </c>
      <c r="MM28" s="123">
        <v>113454</v>
      </c>
      <c r="MN28" s="124">
        <v>1681986</v>
      </c>
      <c r="MO28" s="160">
        <v>1681986</v>
      </c>
      <c r="MP28" s="159">
        <v>0</v>
      </c>
      <c r="MQ28" s="123">
        <v>0</v>
      </c>
      <c r="MR28" s="124">
        <v>0</v>
      </c>
      <c r="MS28" s="395"/>
      <c r="MT28" s="123">
        <v>223596</v>
      </c>
      <c r="MU28" s="123">
        <v>0</v>
      </c>
      <c r="MV28" s="123">
        <v>0</v>
      </c>
      <c r="MW28" s="123">
        <v>547302</v>
      </c>
      <c r="MX28" s="123">
        <v>0</v>
      </c>
      <c r="MY28" s="124">
        <v>770898</v>
      </c>
      <c r="MZ28" s="160">
        <v>770898</v>
      </c>
      <c r="NA28" s="159">
        <v>0</v>
      </c>
      <c r="NB28" s="123">
        <v>0</v>
      </c>
      <c r="NC28" s="124">
        <v>0</v>
      </c>
      <c r="ND28" s="395"/>
      <c r="NE28" s="123">
        <v>0</v>
      </c>
      <c r="NF28" s="123">
        <v>248616</v>
      </c>
      <c r="NG28" s="123">
        <v>0</v>
      </c>
      <c r="NH28" s="123">
        <v>549018</v>
      </c>
      <c r="NI28" s="123">
        <v>113454</v>
      </c>
      <c r="NJ28" s="124">
        <v>911088</v>
      </c>
      <c r="NK28" s="360">
        <v>911088</v>
      </c>
      <c r="NL28" s="159">
        <v>0</v>
      </c>
      <c r="NM28" s="123">
        <v>0</v>
      </c>
      <c r="NN28" s="124">
        <v>0</v>
      </c>
      <c r="NO28" s="395"/>
      <c r="NP28" s="123">
        <v>0</v>
      </c>
      <c r="NQ28" s="123">
        <v>0</v>
      </c>
      <c r="NR28" s="123">
        <v>0</v>
      </c>
      <c r="NS28" s="123">
        <v>0</v>
      </c>
      <c r="NT28" s="123">
        <v>0</v>
      </c>
      <c r="NU28" s="124">
        <v>0</v>
      </c>
      <c r="NV28" s="125">
        <v>0</v>
      </c>
      <c r="NW28" s="159">
        <v>0</v>
      </c>
      <c r="NX28" s="123">
        <v>0</v>
      </c>
      <c r="NY28" s="124">
        <v>0</v>
      </c>
      <c r="NZ28" s="395"/>
      <c r="OA28" s="123">
        <v>0</v>
      </c>
      <c r="OB28" s="123">
        <v>0</v>
      </c>
      <c r="OC28" s="123">
        <v>0</v>
      </c>
      <c r="OD28" s="123">
        <v>0</v>
      </c>
      <c r="OE28" s="123">
        <v>0</v>
      </c>
      <c r="OF28" s="124">
        <v>0</v>
      </c>
      <c r="OG28" s="125">
        <v>0</v>
      </c>
      <c r="OH28" s="159">
        <v>201565</v>
      </c>
      <c r="OI28" s="123">
        <v>756027</v>
      </c>
      <c r="OJ28" s="158">
        <v>957592</v>
      </c>
      <c r="OK28" s="122">
        <v>0</v>
      </c>
      <c r="OL28" s="123">
        <v>4125521</v>
      </c>
      <c r="OM28" s="123">
        <v>4041941</v>
      </c>
      <c r="ON28" s="123">
        <v>2140604</v>
      </c>
      <c r="OO28" s="123">
        <v>4679226</v>
      </c>
      <c r="OP28" s="123">
        <v>2296648</v>
      </c>
      <c r="OQ28" s="124">
        <v>17283940</v>
      </c>
      <c r="OR28" s="160">
        <v>18241532</v>
      </c>
    </row>
    <row r="29" spans="1:408" ht="20.25" customHeight="1" x14ac:dyDescent="0.2">
      <c r="A29" s="130" t="s">
        <v>24</v>
      </c>
      <c r="B29" s="113">
        <v>511057</v>
      </c>
      <c r="C29" s="117">
        <v>408552</v>
      </c>
      <c r="D29" s="116">
        <v>919609</v>
      </c>
      <c r="E29" s="112">
        <v>0</v>
      </c>
      <c r="F29" s="117">
        <v>2013419</v>
      </c>
      <c r="G29" s="117">
        <v>2337933</v>
      </c>
      <c r="H29" s="117">
        <v>2225632</v>
      </c>
      <c r="I29" s="117">
        <v>2414134</v>
      </c>
      <c r="J29" s="117">
        <v>1140097</v>
      </c>
      <c r="K29" s="198">
        <v>10131215</v>
      </c>
      <c r="L29" s="119">
        <v>11050824</v>
      </c>
      <c r="M29" s="113">
        <v>188934</v>
      </c>
      <c r="N29" s="117">
        <v>168038</v>
      </c>
      <c r="O29" s="116">
        <v>356972</v>
      </c>
      <c r="P29" s="113">
        <v>0</v>
      </c>
      <c r="Q29" s="117">
        <v>1024976</v>
      </c>
      <c r="R29" s="117">
        <v>648682</v>
      </c>
      <c r="S29" s="117">
        <v>470873</v>
      </c>
      <c r="T29" s="117">
        <v>985788</v>
      </c>
      <c r="U29" s="117">
        <v>531201</v>
      </c>
      <c r="V29" s="116">
        <v>3661520</v>
      </c>
      <c r="W29" s="119">
        <v>4018492</v>
      </c>
      <c r="X29" s="113">
        <v>0</v>
      </c>
      <c r="Y29" s="117">
        <v>0</v>
      </c>
      <c r="Z29" s="116">
        <v>0</v>
      </c>
      <c r="AA29" s="113">
        <v>0</v>
      </c>
      <c r="AB29" s="117">
        <v>289785</v>
      </c>
      <c r="AC29" s="117">
        <v>279391</v>
      </c>
      <c r="AD29" s="117">
        <v>237239</v>
      </c>
      <c r="AE29" s="117">
        <v>495998</v>
      </c>
      <c r="AF29" s="117">
        <v>296277</v>
      </c>
      <c r="AG29" s="116">
        <v>1598690</v>
      </c>
      <c r="AH29" s="119">
        <v>1598690</v>
      </c>
      <c r="AI29" s="113">
        <v>0</v>
      </c>
      <c r="AJ29" s="117">
        <v>0</v>
      </c>
      <c r="AK29" s="116">
        <v>0</v>
      </c>
      <c r="AL29" s="113">
        <v>0</v>
      </c>
      <c r="AM29" s="117">
        <v>0</v>
      </c>
      <c r="AN29" s="117">
        <v>0</v>
      </c>
      <c r="AO29" s="117">
        <v>0</v>
      </c>
      <c r="AP29" s="117">
        <v>106447</v>
      </c>
      <c r="AQ29" s="117">
        <v>117101</v>
      </c>
      <c r="AR29" s="116">
        <v>223548</v>
      </c>
      <c r="AS29" s="119">
        <v>223548</v>
      </c>
      <c r="AT29" s="113">
        <v>115542</v>
      </c>
      <c r="AU29" s="117">
        <v>63667</v>
      </c>
      <c r="AV29" s="116">
        <v>179209</v>
      </c>
      <c r="AW29" s="113">
        <v>0</v>
      </c>
      <c r="AX29" s="117">
        <v>555843</v>
      </c>
      <c r="AY29" s="117">
        <v>235635</v>
      </c>
      <c r="AZ29" s="117">
        <v>102754</v>
      </c>
      <c r="BA29" s="117">
        <v>266927</v>
      </c>
      <c r="BB29" s="117">
        <v>89319</v>
      </c>
      <c r="BC29" s="116">
        <v>1250478</v>
      </c>
      <c r="BD29" s="119">
        <v>1429687</v>
      </c>
      <c r="BE29" s="113">
        <v>31416</v>
      </c>
      <c r="BF29" s="117">
        <v>48563</v>
      </c>
      <c r="BG29" s="115">
        <v>79979</v>
      </c>
      <c r="BH29" s="114">
        <v>0</v>
      </c>
      <c r="BI29" s="117">
        <v>67284</v>
      </c>
      <c r="BJ29" s="117">
        <v>0</v>
      </c>
      <c r="BK29" s="117">
        <v>0</v>
      </c>
      <c r="BL29" s="117">
        <v>0</v>
      </c>
      <c r="BM29" s="117">
        <v>0</v>
      </c>
      <c r="BN29" s="116">
        <v>67284</v>
      </c>
      <c r="BO29" s="119">
        <v>147263</v>
      </c>
      <c r="BP29" s="113">
        <v>41976</v>
      </c>
      <c r="BQ29" s="117">
        <v>55808</v>
      </c>
      <c r="BR29" s="116">
        <v>97784</v>
      </c>
      <c r="BS29" s="113">
        <v>0</v>
      </c>
      <c r="BT29" s="117">
        <v>112064</v>
      </c>
      <c r="BU29" s="117">
        <v>133656</v>
      </c>
      <c r="BV29" s="117">
        <v>130880</v>
      </c>
      <c r="BW29" s="117">
        <v>116416</v>
      </c>
      <c r="BX29" s="117">
        <v>28504</v>
      </c>
      <c r="BY29" s="116">
        <v>521520</v>
      </c>
      <c r="BZ29" s="119">
        <v>619304</v>
      </c>
      <c r="CA29" s="113">
        <v>41271</v>
      </c>
      <c r="CB29" s="117">
        <v>112517</v>
      </c>
      <c r="CC29" s="116">
        <v>153788</v>
      </c>
      <c r="CD29" s="113">
        <v>0</v>
      </c>
      <c r="CE29" s="117">
        <v>521427</v>
      </c>
      <c r="CF29" s="117">
        <v>950775</v>
      </c>
      <c r="CG29" s="117">
        <v>471166</v>
      </c>
      <c r="CH29" s="117">
        <v>494370</v>
      </c>
      <c r="CI29" s="117">
        <v>42377</v>
      </c>
      <c r="CJ29" s="116">
        <v>2480115</v>
      </c>
      <c r="CK29" s="119">
        <v>2633903</v>
      </c>
      <c r="CL29" s="113">
        <v>0</v>
      </c>
      <c r="CM29" s="117">
        <v>0</v>
      </c>
      <c r="CN29" s="116">
        <v>0</v>
      </c>
      <c r="CO29" s="114">
        <v>0</v>
      </c>
      <c r="CP29" s="117">
        <v>336528</v>
      </c>
      <c r="CQ29" s="117">
        <v>865295</v>
      </c>
      <c r="CR29" s="117">
        <v>191160</v>
      </c>
      <c r="CS29" s="117">
        <v>494370</v>
      </c>
      <c r="CT29" s="117">
        <v>42377</v>
      </c>
      <c r="CU29" s="116">
        <v>1929730</v>
      </c>
      <c r="CV29" s="119">
        <v>1929730</v>
      </c>
      <c r="CW29" s="113">
        <v>41271</v>
      </c>
      <c r="CX29" s="117">
        <v>112517</v>
      </c>
      <c r="CY29" s="116">
        <v>153788</v>
      </c>
      <c r="CZ29" s="113">
        <v>0</v>
      </c>
      <c r="DA29" s="117">
        <v>184899</v>
      </c>
      <c r="DB29" s="117">
        <v>85480</v>
      </c>
      <c r="DC29" s="117">
        <v>280006</v>
      </c>
      <c r="DD29" s="117">
        <v>0</v>
      </c>
      <c r="DE29" s="117">
        <v>0</v>
      </c>
      <c r="DF29" s="116">
        <v>550385</v>
      </c>
      <c r="DG29" s="119">
        <v>704173</v>
      </c>
      <c r="DH29" s="113">
        <v>0</v>
      </c>
      <c r="DI29" s="117">
        <v>0</v>
      </c>
      <c r="DJ29" s="115">
        <v>0</v>
      </c>
      <c r="DK29" s="114">
        <v>0</v>
      </c>
      <c r="DL29" s="117">
        <v>46212</v>
      </c>
      <c r="DM29" s="117">
        <v>23235</v>
      </c>
      <c r="DN29" s="117">
        <v>359596</v>
      </c>
      <c r="DO29" s="117">
        <v>322782</v>
      </c>
      <c r="DP29" s="117">
        <v>0</v>
      </c>
      <c r="DQ29" s="116">
        <v>751825</v>
      </c>
      <c r="DR29" s="119">
        <v>751825</v>
      </c>
      <c r="DS29" s="113">
        <v>0</v>
      </c>
      <c r="DT29" s="117">
        <v>0</v>
      </c>
      <c r="DU29" s="116">
        <v>0</v>
      </c>
      <c r="DV29" s="113">
        <v>0</v>
      </c>
      <c r="DW29" s="117">
        <v>46212</v>
      </c>
      <c r="DX29" s="117">
        <v>23235</v>
      </c>
      <c r="DY29" s="117">
        <v>359596</v>
      </c>
      <c r="DZ29" s="117">
        <v>322782</v>
      </c>
      <c r="EA29" s="117">
        <v>0</v>
      </c>
      <c r="EB29" s="116">
        <v>751825</v>
      </c>
      <c r="EC29" s="119">
        <v>751825</v>
      </c>
      <c r="ED29" s="113">
        <v>0</v>
      </c>
      <c r="EE29" s="115">
        <v>0</v>
      </c>
      <c r="EF29" s="116">
        <v>0</v>
      </c>
      <c r="EG29" s="113">
        <v>0</v>
      </c>
      <c r="EH29" s="117">
        <v>0</v>
      </c>
      <c r="EI29" s="117">
        <v>0</v>
      </c>
      <c r="EJ29" s="117">
        <v>0</v>
      </c>
      <c r="EK29" s="117">
        <v>0</v>
      </c>
      <c r="EL29" s="117">
        <v>0</v>
      </c>
      <c r="EM29" s="115">
        <v>0</v>
      </c>
      <c r="EN29" s="119">
        <v>0</v>
      </c>
      <c r="EO29" s="113">
        <v>0</v>
      </c>
      <c r="EP29" s="117">
        <v>0</v>
      </c>
      <c r="EQ29" s="115">
        <v>0</v>
      </c>
      <c r="ER29" s="114">
        <v>0</v>
      </c>
      <c r="ES29" s="117">
        <v>0</v>
      </c>
      <c r="ET29" s="117">
        <v>0</v>
      </c>
      <c r="EU29" s="117">
        <v>0</v>
      </c>
      <c r="EV29" s="117">
        <v>0</v>
      </c>
      <c r="EW29" s="117">
        <v>0</v>
      </c>
      <c r="EX29" s="116">
        <v>0</v>
      </c>
      <c r="EY29" s="119">
        <v>0</v>
      </c>
      <c r="EZ29" s="113">
        <v>0</v>
      </c>
      <c r="FA29" s="117">
        <v>0</v>
      </c>
      <c r="FB29" s="115">
        <v>0</v>
      </c>
      <c r="FC29" s="395"/>
      <c r="FD29" s="117">
        <v>0</v>
      </c>
      <c r="FE29" s="117">
        <v>0</v>
      </c>
      <c r="FF29" s="117">
        <v>0</v>
      </c>
      <c r="FG29" s="117">
        <v>0</v>
      </c>
      <c r="FH29" s="117">
        <v>0</v>
      </c>
      <c r="FI29" s="116">
        <v>0</v>
      </c>
      <c r="FJ29" s="119">
        <v>0</v>
      </c>
      <c r="FK29" s="113">
        <v>175960</v>
      </c>
      <c r="FL29" s="117">
        <v>38320</v>
      </c>
      <c r="FM29" s="116">
        <v>214280</v>
      </c>
      <c r="FN29" s="113">
        <v>0</v>
      </c>
      <c r="FO29" s="117">
        <v>105264</v>
      </c>
      <c r="FP29" s="117">
        <v>193832</v>
      </c>
      <c r="FQ29" s="117">
        <v>102424</v>
      </c>
      <c r="FR29" s="117">
        <v>185912</v>
      </c>
      <c r="FS29" s="117">
        <v>94296</v>
      </c>
      <c r="FT29" s="116">
        <v>681728</v>
      </c>
      <c r="FU29" s="119">
        <v>896008</v>
      </c>
      <c r="FV29" s="118">
        <v>27240</v>
      </c>
      <c r="FW29" s="117">
        <v>38320</v>
      </c>
      <c r="FX29" s="115">
        <v>65560</v>
      </c>
      <c r="FY29" s="114">
        <v>0</v>
      </c>
      <c r="FZ29" s="117">
        <v>105264</v>
      </c>
      <c r="GA29" s="117">
        <v>166112</v>
      </c>
      <c r="GB29" s="117">
        <v>102424</v>
      </c>
      <c r="GC29" s="117">
        <v>185912</v>
      </c>
      <c r="GD29" s="117">
        <v>94296</v>
      </c>
      <c r="GE29" s="116">
        <v>654008</v>
      </c>
      <c r="GF29" s="357">
        <v>719568</v>
      </c>
      <c r="GG29" s="118">
        <v>0</v>
      </c>
      <c r="GH29" s="117">
        <v>0</v>
      </c>
      <c r="GI29" s="115">
        <v>0</v>
      </c>
      <c r="GJ29" s="114">
        <v>0</v>
      </c>
      <c r="GK29" s="117">
        <v>0</v>
      </c>
      <c r="GL29" s="117">
        <v>27720</v>
      </c>
      <c r="GM29" s="117">
        <v>0</v>
      </c>
      <c r="GN29" s="117">
        <v>0</v>
      </c>
      <c r="GO29" s="117">
        <v>0</v>
      </c>
      <c r="GP29" s="116">
        <v>27720</v>
      </c>
      <c r="GQ29" s="119">
        <v>27720</v>
      </c>
      <c r="GR29" s="113">
        <v>148720</v>
      </c>
      <c r="GS29" s="117">
        <v>0</v>
      </c>
      <c r="GT29" s="116">
        <v>148720</v>
      </c>
      <c r="GU29" s="113">
        <v>0</v>
      </c>
      <c r="GV29" s="117">
        <v>0</v>
      </c>
      <c r="GW29" s="117">
        <v>0</v>
      </c>
      <c r="GX29" s="117">
        <v>0</v>
      </c>
      <c r="GY29" s="117">
        <v>0</v>
      </c>
      <c r="GZ29" s="117">
        <v>0</v>
      </c>
      <c r="HA29" s="115">
        <v>0</v>
      </c>
      <c r="HB29" s="119">
        <v>148720</v>
      </c>
      <c r="HC29" s="113">
        <v>104892</v>
      </c>
      <c r="HD29" s="117">
        <v>89677</v>
      </c>
      <c r="HE29" s="115">
        <v>194569</v>
      </c>
      <c r="HF29" s="114">
        <v>0</v>
      </c>
      <c r="HG29" s="117">
        <v>315540</v>
      </c>
      <c r="HH29" s="117">
        <v>521409</v>
      </c>
      <c r="HI29" s="117">
        <v>821573</v>
      </c>
      <c r="HJ29" s="117">
        <v>425282</v>
      </c>
      <c r="HK29" s="117">
        <v>472223</v>
      </c>
      <c r="HL29" s="116">
        <v>2556027</v>
      </c>
      <c r="HM29" s="112">
        <v>2750596</v>
      </c>
      <c r="HN29" s="395"/>
      <c r="HO29" s="395"/>
      <c r="HP29" s="395"/>
      <c r="HQ29" s="395"/>
      <c r="HR29" s="395"/>
      <c r="HS29" s="395"/>
      <c r="HT29" s="395"/>
      <c r="HU29" s="395"/>
      <c r="HV29" s="395"/>
      <c r="HW29" s="395"/>
      <c r="HX29" s="395"/>
      <c r="HY29" s="148">
        <v>40948</v>
      </c>
      <c r="HZ29" s="149">
        <v>0</v>
      </c>
      <c r="IA29" s="150">
        <v>40948</v>
      </c>
      <c r="IB29" s="162">
        <v>0</v>
      </c>
      <c r="IC29" s="149">
        <v>423936</v>
      </c>
      <c r="ID29" s="163">
        <v>164032</v>
      </c>
      <c r="IE29" s="150">
        <v>1012337</v>
      </c>
      <c r="IF29" s="149">
        <v>766820</v>
      </c>
      <c r="IG29" s="150">
        <v>0</v>
      </c>
      <c r="IH29" s="164">
        <v>2367125</v>
      </c>
      <c r="II29" s="156">
        <v>2408073</v>
      </c>
      <c r="IJ29" s="259">
        <v>0</v>
      </c>
      <c r="IK29" s="266">
        <v>0</v>
      </c>
      <c r="IL29" s="267">
        <v>0</v>
      </c>
      <c r="IM29" s="395"/>
      <c r="IN29" s="123">
        <v>0</v>
      </c>
      <c r="IO29" s="123">
        <v>0</v>
      </c>
      <c r="IP29" s="123">
        <v>0</v>
      </c>
      <c r="IQ29" s="123">
        <v>0</v>
      </c>
      <c r="IR29" s="123">
        <v>0</v>
      </c>
      <c r="IS29" s="158">
        <v>0</v>
      </c>
      <c r="IT29" s="360">
        <v>0</v>
      </c>
      <c r="IU29" s="159">
        <v>0</v>
      </c>
      <c r="IV29" s="123">
        <v>0</v>
      </c>
      <c r="IW29" s="124">
        <v>0</v>
      </c>
      <c r="IX29" s="395"/>
      <c r="IY29" s="123">
        <v>0</v>
      </c>
      <c r="IZ29" s="123">
        <v>0</v>
      </c>
      <c r="JA29" s="123">
        <v>0</v>
      </c>
      <c r="JB29" s="123">
        <v>0</v>
      </c>
      <c r="JC29" s="123">
        <v>0</v>
      </c>
      <c r="JD29" s="124">
        <v>0</v>
      </c>
      <c r="JE29" s="125">
        <v>0</v>
      </c>
      <c r="JF29" s="159">
        <v>0</v>
      </c>
      <c r="JG29" s="123">
        <v>0</v>
      </c>
      <c r="JH29" s="158">
        <v>0</v>
      </c>
      <c r="JI29" s="122">
        <v>0</v>
      </c>
      <c r="JJ29" s="123">
        <v>210686</v>
      </c>
      <c r="JK29" s="123">
        <v>0</v>
      </c>
      <c r="JL29" s="123">
        <v>342867</v>
      </c>
      <c r="JM29" s="123">
        <v>272897</v>
      </c>
      <c r="JN29" s="123">
        <v>0</v>
      </c>
      <c r="JO29" s="124">
        <v>826450</v>
      </c>
      <c r="JP29" s="360">
        <v>826450</v>
      </c>
      <c r="JQ29" s="159">
        <v>0</v>
      </c>
      <c r="JR29" s="123">
        <v>0</v>
      </c>
      <c r="JS29" s="158">
        <v>0</v>
      </c>
      <c r="JT29" s="122">
        <v>0</v>
      </c>
      <c r="JU29" s="123">
        <v>0</v>
      </c>
      <c r="JV29" s="123">
        <v>0</v>
      </c>
      <c r="JW29" s="123">
        <v>134314</v>
      </c>
      <c r="JX29" s="123">
        <v>0</v>
      </c>
      <c r="JY29" s="123">
        <v>0</v>
      </c>
      <c r="JZ29" s="124">
        <v>134314</v>
      </c>
      <c r="KA29" s="360">
        <v>134314</v>
      </c>
      <c r="KB29" s="262">
        <v>40948</v>
      </c>
      <c r="KC29" s="256">
        <v>0</v>
      </c>
      <c r="KD29" s="124">
        <v>40948</v>
      </c>
      <c r="KE29" s="122">
        <v>0</v>
      </c>
      <c r="KF29" s="123">
        <v>213250</v>
      </c>
      <c r="KG29" s="123">
        <v>164032</v>
      </c>
      <c r="KH29" s="123">
        <v>60930</v>
      </c>
      <c r="KI29" s="123">
        <v>252184</v>
      </c>
      <c r="KJ29" s="123">
        <v>0</v>
      </c>
      <c r="KK29" s="124">
        <v>690396</v>
      </c>
      <c r="KL29" s="160">
        <v>731344</v>
      </c>
      <c r="KM29" s="259">
        <v>0</v>
      </c>
      <c r="KN29" s="266">
        <v>0</v>
      </c>
      <c r="KO29" s="267">
        <v>0</v>
      </c>
      <c r="KP29" s="395"/>
      <c r="KQ29" s="123">
        <v>0</v>
      </c>
      <c r="KR29" s="123">
        <v>0</v>
      </c>
      <c r="KS29" s="123">
        <v>474226</v>
      </c>
      <c r="KT29" s="123">
        <v>241739</v>
      </c>
      <c r="KU29" s="123">
        <v>0</v>
      </c>
      <c r="KV29" s="124">
        <v>715965</v>
      </c>
      <c r="KW29" s="360">
        <v>715965</v>
      </c>
      <c r="KX29" s="159">
        <v>0</v>
      </c>
      <c r="KY29" s="123">
        <v>0</v>
      </c>
      <c r="KZ29" s="124">
        <v>0</v>
      </c>
      <c r="LA29" s="395"/>
      <c r="LB29" s="123">
        <v>0</v>
      </c>
      <c r="LC29" s="123">
        <v>0</v>
      </c>
      <c r="LD29" s="123">
        <v>0</v>
      </c>
      <c r="LE29" s="123">
        <v>0</v>
      </c>
      <c r="LF29" s="123">
        <v>0</v>
      </c>
      <c r="LG29" s="124">
        <v>0</v>
      </c>
      <c r="LH29" s="125">
        <v>0</v>
      </c>
      <c r="LI29" s="159">
        <v>0</v>
      </c>
      <c r="LJ29" s="123">
        <v>0</v>
      </c>
      <c r="LK29" s="124">
        <v>0</v>
      </c>
      <c r="LL29" s="395"/>
      <c r="LM29" s="123">
        <v>0</v>
      </c>
      <c r="LN29" s="123">
        <v>0</v>
      </c>
      <c r="LO29" s="123">
        <v>0</v>
      </c>
      <c r="LP29" s="123">
        <v>0</v>
      </c>
      <c r="LQ29" s="123">
        <v>0</v>
      </c>
      <c r="LR29" s="124">
        <v>0</v>
      </c>
      <c r="LS29" s="360">
        <v>0</v>
      </c>
      <c r="LT29" s="159">
        <v>0</v>
      </c>
      <c r="LU29" s="123">
        <v>0</v>
      </c>
      <c r="LV29" s="124">
        <v>0</v>
      </c>
      <c r="LW29" s="395"/>
      <c r="LX29" s="123">
        <v>0</v>
      </c>
      <c r="LY29" s="123">
        <v>0</v>
      </c>
      <c r="LZ29" s="123">
        <v>0</v>
      </c>
      <c r="MA29" s="123">
        <v>0</v>
      </c>
      <c r="MB29" s="123">
        <v>0</v>
      </c>
      <c r="MC29" s="124">
        <v>0</v>
      </c>
      <c r="MD29" s="125">
        <v>0</v>
      </c>
      <c r="ME29" s="159">
        <v>0</v>
      </c>
      <c r="MF29" s="123">
        <v>0</v>
      </c>
      <c r="MG29" s="124">
        <v>0</v>
      </c>
      <c r="MH29" s="395"/>
      <c r="MI29" s="123">
        <v>280415</v>
      </c>
      <c r="MJ29" s="123">
        <v>297046</v>
      </c>
      <c r="MK29" s="123">
        <v>928506</v>
      </c>
      <c r="ML29" s="123">
        <v>1784904</v>
      </c>
      <c r="MM29" s="123">
        <v>1283596</v>
      </c>
      <c r="MN29" s="124">
        <v>4574467</v>
      </c>
      <c r="MO29" s="160">
        <v>4574467</v>
      </c>
      <c r="MP29" s="159">
        <v>0</v>
      </c>
      <c r="MQ29" s="123">
        <v>0</v>
      </c>
      <c r="MR29" s="124">
        <v>0</v>
      </c>
      <c r="MS29" s="395"/>
      <c r="MT29" s="123">
        <v>0</v>
      </c>
      <c r="MU29" s="123">
        <v>0</v>
      </c>
      <c r="MV29" s="123">
        <v>248755</v>
      </c>
      <c r="MW29" s="123">
        <v>417093</v>
      </c>
      <c r="MX29" s="123">
        <v>1103247</v>
      </c>
      <c r="MY29" s="124">
        <v>1769095</v>
      </c>
      <c r="MZ29" s="160">
        <v>1769095</v>
      </c>
      <c r="NA29" s="159">
        <v>0</v>
      </c>
      <c r="NB29" s="123">
        <v>0</v>
      </c>
      <c r="NC29" s="124">
        <v>0</v>
      </c>
      <c r="ND29" s="395"/>
      <c r="NE29" s="123">
        <v>280415</v>
      </c>
      <c r="NF29" s="123">
        <v>297046</v>
      </c>
      <c r="NG29" s="123">
        <v>679751</v>
      </c>
      <c r="NH29" s="123">
        <v>1367811</v>
      </c>
      <c r="NI29" s="123">
        <v>180349</v>
      </c>
      <c r="NJ29" s="124">
        <v>2805372</v>
      </c>
      <c r="NK29" s="360">
        <v>2805372</v>
      </c>
      <c r="NL29" s="159">
        <v>0</v>
      </c>
      <c r="NM29" s="123">
        <v>0</v>
      </c>
      <c r="NN29" s="124">
        <v>0</v>
      </c>
      <c r="NO29" s="395"/>
      <c r="NP29" s="123">
        <v>0</v>
      </c>
      <c r="NQ29" s="123">
        <v>0</v>
      </c>
      <c r="NR29" s="123">
        <v>0</v>
      </c>
      <c r="NS29" s="123">
        <v>0</v>
      </c>
      <c r="NT29" s="123">
        <v>0</v>
      </c>
      <c r="NU29" s="124">
        <v>0</v>
      </c>
      <c r="NV29" s="125">
        <v>0</v>
      </c>
      <c r="NW29" s="159">
        <v>0</v>
      </c>
      <c r="NX29" s="123">
        <v>0</v>
      </c>
      <c r="NY29" s="124">
        <v>0</v>
      </c>
      <c r="NZ29" s="395"/>
      <c r="OA29" s="123">
        <v>0</v>
      </c>
      <c r="OB29" s="123">
        <v>0</v>
      </c>
      <c r="OC29" s="123">
        <v>0</v>
      </c>
      <c r="OD29" s="123">
        <v>0</v>
      </c>
      <c r="OE29" s="123">
        <v>0</v>
      </c>
      <c r="OF29" s="124">
        <v>0</v>
      </c>
      <c r="OG29" s="125">
        <v>0</v>
      </c>
      <c r="OH29" s="159">
        <v>552005</v>
      </c>
      <c r="OI29" s="123">
        <v>408552</v>
      </c>
      <c r="OJ29" s="158">
        <v>960557</v>
      </c>
      <c r="OK29" s="122">
        <v>0</v>
      </c>
      <c r="OL29" s="123">
        <v>2717770</v>
      </c>
      <c r="OM29" s="123">
        <v>2799011</v>
      </c>
      <c r="ON29" s="123">
        <v>4166475</v>
      </c>
      <c r="OO29" s="123">
        <v>4965858</v>
      </c>
      <c r="OP29" s="123">
        <v>2423693</v>
      </c>
      <c r="OQ29" s="124">
        <v>17072807</v>
      </c>
      <c r="OR29" s="160">
        <v>18033364</v>
      </c>
    </row>
    <row r="30" spans="1:408" ht="20.25" customHeight="1" x14ac:dyDescent="0.2">
      <c r="A30" s="130" t="s">
        <v>25</v>
      </c>
      <c r="B30" s="113">
        <v>13472</v>
      </c>
      <c r="C30" s="117">
        <v>221725</v>
      </c>
      <c r="D30" s="116">
        <v>235197</v>
      </c>
      <c r="E30" s="112">
        <v>0</v>
      </c>
      <c r="F30" s="117">
        <v>1984316</v>
      </c>
      <c r="G30" s="117">
        <v>961341</v>
      </c>
      <c r="H30" s="117">
        <v>597333</v>
      </c>
      <c r="I30" s="117">
        <v>1689791</v>
      </c>
      <c r="J30" s="117">
        <v>370954</v>
      </c>
      <c r="K30" s="198">
        <v>5603735</v>
      </c>
      <c r="L30" s="119">
        <v>5838932</v>
      </c>
      <c r="M30" s="113">
        <v>9600</v>
      </c>
      <c r="N30" s="117">
        <v>115600</v>
      </c>
      <c r="O30" s="116">
        <v>125200</v>
      </c>
      <c r="P30" s="113">
        <v>0</v>
      </c>
      <c r="Q30" s="117">
        <v>292691</v>
      </c>
      <c r="R30" s="117">
        <v>421790</v>
      </c>
      <c r="S30" s="117">
        <v>245168</v>
      </c>
      <c r="T30" s="117">
        <v>675060</v>
      </c>
      <c r="U30" s="117">
        <v>219578</v>
      </c>
      <c r="V30" s="116">
        <v>1854287</v>
      </c>
      <c r="W30" s="119">
        <v>1979487</v>
      </c>
      <c r="X30" s="113">
        <v>0</v>
      </c>
      <c r="Y30" s="117">
        <v>0</v>
      </c>
      <c r="Z30" s="116">
        <v>0</v>
      </c>
      <c r="AA30" s="113">
        <v>0</v>
      </c>
      <c r="AB30" s="117">
        <v>124999</v>
      </c>
      <c r="AC30" s="117">
        <v>279567</v>
      </c>
      <c r="AD30" s="117">
        <v>171080</v>
      </c>
      <c r="AE30" s="117">
        <v>562390</v>
      </c>
      <c r="AF30" s="117">
        <v>0</v>
      </c>
      <c r="AG30" s="116">
        <v>1138036</v>
      </c>
      <c r="AH30" s="119">
        <v>1138036</v>
      </c>
      <c r="AI30" s="113">
        <v>0</v>
      </c>
      <c r="AJ30" s="117">
        <v>0</v>
      </c>
      <c r="AK30" s="116">
        <v>0</v>
      </c>
      <c r="AL30" s="113">
        <v>0</v>
      </c>
      <c r="AM30" s="117">
        <v>0</v>
      </c>
      <c r="AN30" s="117">
        <v>0</v>
      </c>
      <c r="AO30" s="117">
        <v>0</v>
      </c>
      <c r="AP30" s="117">
        <v>58622</v>
      </c>
      <c r="AQ30" s="117">
        <v>102702</v>
      </c>
      <c r="AR30" s="116">
        <v>161324</v>
      </c>
      <c r="AS30" s="119">
        <v>161324</v>
      </c>
      <c r="AT30" s="113">
        <v>0</v>
      </c>
      <c r="AU30" s="117">
        <v>68050</v>
      </c>
      <c r="AV30" s="116">
        <v>68050</v>
      </c>
      <c r="AW30" s="113">
        <v>0</v>
      </c>
      <c r="AX30" s="117">
        <v>76036</v>
      </c>
      <c r="AY30" s="117">
        <v>114823</v>
      </c>
      <c r="AZ30" s="117">
        <v>33024</v>
      </c>
      <c r="BA30" s="117">
        <v>28136</v>
      </c>
      <c r="BB30" s="117">
        <v>90401</v>
      </c>
      <c r="BC30" s="116">
        <v>342420</v>
      </c>
      <c r="BD30" s="119">
        <v>410470</v>
      </c>
      <c r="BE30" s="113">
        <v>0</v>
      </c>
      <c r="BF30" s="117">
        <v>47550</v>
      </c>
      <c r="BG30" s="115">
        <v>47550</v>
      </c>
      <c r="BH30" s="114">
        <v>0</v>
      </c>
      <c r="BI30" s="117">
        <v>0</v>
      </c>
      <c r="BJ30" s="117">
        <v>0</v>
      </c>
      <c r="BK30" s="117">
        <v>0</v>
      </c>
      <c r="BL30" s="117">
        <v>0</v>
      </c>
      <c r="BM30" s="117">
        <v>21707</v>
      </c>
      <c r="BN30" s="116">
        <v>21707</v>
      </c>
      <c r="BO30" s="119">
        <v>69257</v>
      </c>
      <c r="BP30" s="113">
        <v>9600</v>
      </c>
      <c r="BQ30" s="117">
        <v>0</v>
      </c>
      <c r="BR30" s="116">
        <v>9600</v>
      </c>
      <c r="BS30" s="113">
        <v>0</v>
      </c>
      <c r="BT30" s="117">
        <v>91656</v>
      </c>
      <c r="BU30" s="117">
        <v>27400</v>
      </c>
      <c r="BV30" s="117">
        <v>41064</v>
      </c>
      <c r="BW30" s="117">
        <v>25912</v>
      </c>
      <c r="BX30" s="117">
        <v>4768</v>
      </c>
      <c r="BY30" s="116">
        <v>190800</v>
      </c>
      <c r="BZ30" s="119">
        <v>200400</v>
      </c>
      <c r="CA30" s="113">
        <v>0</v>
      </c>
      <c r="CB30" s="117">
        <v>0</v>
      </c>
      <c r="CC30" s="116">
        <v>0</v>
      </c>
      <c r="CD30" s="113">
        <v>0</v>
      </c>
      <c r="CE30" s="117">
        <v>563465</v>
      </c>
      <c r="CF30" s="117">
        <v>351327</v>
      </c>
      <c r="CG30" s="117">
        <v>63840</v>
      </c>
      <c r="CH30" s="117">
        <v>502823</v>
      </c>
      <c r="CI30" s="117">
        <v>0</v>
      </c>
      <c r="CJ30" s="116">
        <v>1481455</v>
      </c>
      <c r="CK30" s="119">
        <v>1481455</v>
      </c>
      <c r="CL30" s="113">
        <v>0</v>
      </c>
      <c r="CM30" s="117">
        <v>0</v>
      </c>
      <c r="CN30" s="116">
        <v>0</v>
      </c>
      <c r="CO30" s="114">
        <v>0</v>
      </c>
      <c r="CP30" s="117">
        <v>371286</v>
      </c>
      <c r="CQ30" s="117">
        <v>255281</v>
      </c>
      <c r="CR30" s="117">
        <v>0</v>
      </c>
      <c r="CS30" s="117">
        <v>367353</v>
      </c>
      <c r="CT30" s="117">
        <v>0</v>
      </c>
      <c r="CU30" s="116">
        <v>993920</v>
      </c>
      <c r="CV30" s="119">
        <v>993920</v>
      </c>
      <c r="CW30" s="113">
        <v>0</v>
      </c>
      <c r="CX30" s="117">
        <v>0</v>
      </c>
      <c r="CY30" s="116">
        <v>0</v>
      </c>
      <c r="CZ30" s="113">
        <v>0</v>
      </c>
      <c r="DA30" s="117">
        <v>192179</v>
      </c>
      <c r="DB30" s="117">
        <v>96046</v>
      </c>
      <c r="DC30" s="117">
        <v>63840</v>
      </c>
      <c r="DD30" s="117">
        <v>135470</v>
      </c>
      <c r="DE30" s="117">
        <v>0</v>
      </c>
      <c r="DF30" s="116">
        <v>487535</v>
      </c>
      <c r="DG30" s="119">
        <v>487535</v>
      </c>
      <c r="DH30" s="113">
        <v>0</v>
      </c>
      <c r="DI30" s="117">
        <v>0</v>
      </c>
      <c r="DJ30" s="115">
        <v>0</v>
      </c>
      <c r="DK30" s="114">
        <v>0</v>
      </c>
      <c r="DL30" s="117">
        <v>89539</v>
      </c>
      <c r="DM30" s="117">
        <v>0</v>
      </c>
      <c r="DN30" s="117">
        <v>49508</v>
      </c>
      <c r="DO30" s="117">
        <v>0</v>
      </c>
      <c r="DP30" s="117">
        <v>0</v>
      </c>
      <c r="DQ30" s="116">
        <v>139047</v>
      </c>
      <c r="DR30" s="119">
        <v>139047</v>
      </c>
      <c r="DS30" s="113">
        <v>0</v>
      </c>
      <c r="DT30" s="117">
        <v>0</v>
      </c>
      <c r="DU30" s="116">
        <v>0</v>
      </c>
      <c r="DV30" s="113">
        <v>0</v>
      </c>
      <c r="DW30" s="117">
        <v>89539</v>
      </c>
      <c r="DX30" s="117">
        <v>0</v>
      </c>
      <c r="DY30" s="117">
        <v>49508</v>
      </c>
      <c r="DZ30" s="117">
        <v>0</v>
      </c>
      <c r="EA30" s="117">
        <v>0</v>
      </c>
      <c r="EB30" s="116">
        <v>139047</v>
      </c>
      <c r="EC30" s="119">
        <v>139047</v>
      </c>
      <c r="ED30" s="113">
        <v>0</v>
      </c>
      <c r="EE30" s="115">
        <v>0</v>
      </c>
      <c r="EF30" s="116">
        <v>0</v>
      </c>
      <c r="EG30" s="113">
        <v>0</v>
      </c>
      <c r="EH30" s="117">
        <v>0</v>
      </c>
      <c r="EI30" s="117">
        <v>0</v>
      </c>
      <c r="EJ30" s="117">
        <v>0</v>
      </c>
      <c r="EK30" s="117">
        <v>0</v>
      </c>
      <c r="EL30" s="117">
        <v>0</v>
      </c>
      <c r="EM30" s="115">
        <v>0</v>
      </c>
      <c r="EN30" s="119">
        <v>0</v>
      </c>
      <c r="EO30" s="113">
        <v>0</v>
      </c>
      <c r="EP30" s="117">
        <v>0</v>
      </c>
      <c r="EQ30" s="115">
        <v>0</v>
      </c>
      <c r="ER30" s="114">
        <v>0</v>
      </c>
      <c r="ES30" s="117">
        <v>0</v>
      </c>
      <c r="ET30" s="117">
        <v>0</v>
      </c>
      <c r="EU30" s="117">
        <v>0</v>
      </c>
      <c r="EV30" s="117">
        <v>0</v>
      </c>
      <c r="EW30" s="117">
        <v>0</v>
      </c>
      <c r="EX30" s="116">
        <v>0</v>
      </c>
      <c r="EY30" s="119">
        <v>0</v>
      </c>
      <c r="EZ30" s="113">
        <v>0</v>
      </c>
      <c r="FA30" s="117">
        <v>0</v>
      </c>
      <c r="FB30" s="115">
        <v>0</v>
      </c>
      <c r="FC30" s="395"/>
      <c r="FD30" s="117">
        <v>0</v>
      </c>
      <c r="FE30" s="117">
        <v>0</v>
      </c>
      <c r="FF30" s="117">
        <v>0</v>
      </c>
      <c r="FG30" s="117">
        <v>0</v>
      </c>
      <c r="FH30" s="117">
        <v>0</v>
      </c>
      <c r="FI30" s="116">
        <v>0</v>
      </c>
      <c r="FJ30" s="119">
        <v>0</v>
      </c>
      <c r="FK30" s="113">
        <v>3872</v>
      </c>
      <c r="FL30" s="117">
        <v>15520</v>
      </c>
      <c r="FM30" s="116">
        <v>19392</v>
      </c>
      <c r="FN30" s="113">
        <v>0</v>
      </c>
      <c r="FO30" s="117">
        <v>238864</v>
      </c>
      <c r="FP30" s="117">
        <v>120016</v>
      </c>
      <c r="FQ30" s="117">
        <v>39984</v>
      </c>
      <c r="FR30" s="117">
        <v>88208</v>
      </c>
      <c r="FS30" s="117">
        <v>151376</v>
      </c>
      <c r="FT30" s="116">
        <v>638448</v>
      </c>
      <c r="FU30" s="119">
        <v>657840</v>
      </c>
      <c r="FV30" s="118">
        <v>3872</v>
      </c>
      <c r="FW30" s="117">
        <v>15520</v>
      </c>
      <c r="FX30" s="115">
        <v>19392</v>
      </c>
      <c r="FY30" s="114">
        <v>0</v>
      </c>
      <c r="FZ30" s="117">
        <v>51584</v>
      </c>
      <c r="GA30" s="117">
        <v>100816</v>
      </c>
      <c r="GB30" s="117">
        <v>39984</v>
      </c>
      <c r="GC30" s="117">
        <v>88208</v>
      </c>
      <c r="GD30" s="117">
        <v>63376</v>
      </c>
      <c r="GE30" s="116">
        <v>343968</v>
      </c>
      <c r="GF30" s="357">
        <v>363360</v>
      </c>
      <c r="GG30" s="118">
        <v>0</v>
      </c>
      <c r="GH30" s="117">
        <v>0</v>
      </c>
      <c r="GI30" s="115">
        <v>0</v>
      </c>
      <c r="GJ30" s="114">
        <v>0</v>
      </c>
      <c r="GK30" s="117">
        <v>27280</v>
      </c>
      <c r="GL30" s="117">
        <v>19200</v>
      </c>
      <c r="GM30" s="117">
        <v>0</v>
      </c>
      <c r="GN30" s="117">
        <v>0</v>
      </c>
      <c r="GO30" s="117">
        <v>0</v>
      </c>
      <c r="GP30" s="116">
        <v>46480</v>
      </c>
      <c r="GQ30" s="119">
        <v>46480</v>
      </c>
      <c r="GR30" s="113">
        <v>0</v>
      </c>
      <c r="GS30" s="117">
        <v>0</v>
      </c>
      <c r="GT30" s="116">
        <v>0</v>
      </c>
      <c r="GU30" s="113">
        <v>0</v>
      </c>
      <c r="GV30" s="117">
        <v>160000</v>
      </c>
      <c r="GW30" s="117">
        <v>0</v>
      </c>
      <c r="GX30" s="117">
        <v>0</v>
      </c>
      <c r="GY30" s="117">
        <v>0</v>
      </c>
      <c r="GZ30" s="117">
        <v>88000</v>
      </c>
      <c r="HA30" s="115">
        <v>248000</v>
      </c>
      <c r="HB30" s="119">
        <v>248000</v>
      </c>
      <c r="HC30" s="113">
        <v>0</v>
      </c>
      <c r="HD30" s="117">
        <v>90605</v>
      </c>
      <c r="HE30" s="115">
        <v>90605</v>
      </c>
      <c r="HF30" s="114">
        <v>0</v>
      </c>
      <c r="HG30" s="117">
        <v>799757</v>
      </c>
      <c r="HH30" s="117">
        <v>68208</v>
      </c>
      <c r="HI30" s="117">
        <v>198833</v>
      </c>
      <c r="HJ30" s="117">
        <v>423700</v>
      </c>
      <c r="HK30" s="117">
        <v>0</v>
      </c>
      <c r="HL30" s="116">
        <v>1490498</v>
      </c>
      <c r="HM30" s="112">
        <v>1581103</v>
      </c>
      <c r="HN30" s="395"/>
      <c r="HO30" s="395"/>
      <c r="HP30" s="395"/>
      <c r="HQ30" s="395"/>
      <c r="HR30" s="395"/>
      <c r="HS30" s="395"/>
      <c r="HT30" s="395"/>
      <c r="HU30" s="395"/>
      <c r="HV30" s="395"/>
      <c r="HW30" s="395"/>
      <c r="HX30" s="395"/>
      <c r="HY30" s="166">
        <v>0</v>
      </c>
      <c r="HZ30" s="152">
        <v>0</v>
      </c>
      <c r="IA30" s="166">
        <v>0</v>
      </c>
      <c r="IB30" s="151">
        <v>0</v>
      </c>
      <c r="IC30" s="152">
        <v>218819</v>
      </c>
      <c r="ID30" s="153">
        <v>33991</v>
      </c>
      <c r="IE30" s="154">
        <v>233519</v>
      </c>
      <c r="IF30" s="152">
        <v>95321</v>
      </c>
      <c r="IG30" s="154">
        <v>0</v>
      </c>
      <c r="IH30" s="155">
        <v>581650</v>
      </c>
      <c r="II30" s="166">
        <v>581650</v>
      </c>
      <c r="IJ30" s="259">
        <v>0</v>
      </c>
      <c r="IK30" s="266">
        <v>0</v>
      </c>
      <c r="IL30" s="267">
        <v>0</v>
      </c>
      <c r="IM30" s="395"/>
      <c r="IN30" s="123">
        <v>0</v>
      </c>
      <c r="IO30" s="123">
        <v>0</v>
      </c>
      <c r="IP30" s="123">
        <v>0</v>
      </c>
      <c r="IQ30" s="123">
        <v>0</v>
      </c>
      <c r="IR30" s="123">
        <v>0</v>
      </c>
      <c r="IS30" s="158">
        <v>0</v>
      </c>
      <c r="IT30" s="360">
        <v>0</v>
      </c>
      <c r="IU30" s="159">
        <v>0</v>
      </c>
      <c r="IV30" s="123">
        <v>0</v>
      </c>
      <c r="IW30" s="124">
        <v>0</v>
      </c>
      <c r="IX30" s="395"/>
      <c r="IY30" s="123">
        <v>0</v>
      </c>
      <c r="IZ30" s="123">
        <v>0</v>
      </c>
      <c r="JA30" s="123">
        <v>0</v>
      </c>
      <c r="JB30" s="123">
        <v>0</v>
      </c>
      <c r="JC30" s="123">
        <v>0</v>
      </c>
      <c r="JD30" s="124">
        <v>0</v>
      </c>
      <c r="JE30" s="125">
        <v>0</v>
      </c>
      <c r="JF30" s="159">
        <v>0</v>
      </c>
      <c r="JG30" s="123">
        <v>0</v>
      </c>
      <c r="JH30" s="158">
        <v>0</v>
      </c>
      <c r="JI30" s="122">
        <v>0</v>
      </c>
      <c r="JJ30" s="123">
        <v>218819</v>
      </c>
      <c r="JK30" s="123">
        <v>33991</v>
      </c>
      <c r="JL30" s="123">
        <v>0</v>
      </c>
      <c r="JM30" s="123">
        <v>95321</v>
      </c>
      <c r="JN30" s="123">
        <v>0</v>
      </c>
      <c r="JO30" s="124">
        <v>348131</v>
      </c>
      <c r="JP30" s="360">
        <v>348131</v>
      </c>
      <c r="JQ30" s="159">
        <v>0</v>
      </c>
      <c r="JR30" s="123">
        <v>0</v>
      </c>
      <c r="JS30" s="158">
        <v>0</v>
      </c>
      <c r="JT30" s="122">
        <v>0</v>
      </c>
      <c r="JU30" s="123">
        <v>0</v>
      </c>
      <c r="JV30" s="123">
        <v>0</v>
      </c>
      <c r="JW30" s="123">
        <v>0</v>
      </c>
      <c r="JX30" s="123">
        <v>0</v>
      </c>
      <c r="JY30" s="123">
        <v>0</v>
      </c>
      <c r="JZ30" s="124">
        <v>0</v>
      </c>
      <c r="KA30" s="360">
        <v>0</v>
      </c>
      <c r="KB30" s="262">
        <v>0</v>
      </c>
      <c r="KC30" s="256">
        <v>0</v>
      </c>
      <c r="KD30" s="124">
        <v>0</v>
      </c>
      <c r="KE30" s="122">
        <v>0</v>
      </c>
      <c r="KF30" s="123">
        <v>0</v>
      </c>
      <c r="KG30" s="123">
        <v>0</v>
      </c>
      <c r="KH30" s="123">
        <v>0</v>
      </c>
      <c r="KI30" s="123">
        <v>0</v>
      </c>
      <c r="KJ30" s="123">
        <v>0</v>
      </c>
      <c r="KK30" s="124">
        <v>0</v>
      </c>
      <c r="KL30" s="160">
        <v>0</v>
      </c>
      <c r="KM30" s="259">
        <v>0</v>
      </c>
      <c r="KN30" s="266">
        <v>0</v>
      </c>
      <c r="KO30" s="267">
        <v>0</v>
      </c>
      <c r="KP30" s="395"/>
      <c r="KQ30" s="123">
        <v>0</v>
      </c>
      <c r="KR30" s="123">
        <v>0</v>
      </c>
      <c r="KS30" s="123">
        <v>233519</v>
      </c>
      <c r="KT30" s="123">
        <v>0</v>
      </c>
      <c r="KU30" s="123">
        <v>0</v>
      </c>
      <c r="KV30" s="124">
        <v>233519</v>
      </c>
      <c r="KW30" s="360">
        <v>233519</v>
      </c>
      <c r="KX30" s="159">
        <v>0</v>
      </c>
      <c r="KY30" s="123">
        <v>0</v>
      </c>
      <c r="KZ30" s="124">
        <v>0</v>
      </c>
      <c r="LA30" s="395"/>
      <c r="LB30" s="123">
        <v>0</v>
      </c>
      <c r="LC30" s="123">
        <v>0</v>
      </c>
      <c r="LD30" s="123">
        <v>0</v>
      </c>
      <c r="LE30" s="123">
        <v>0</v>
      </c>
      <c r="LF30" s="123">
        <v>0</v>
      </c>
      <c r="LG30" s="124">
        <v>0</v>
      </c>
      <c r="LH30" s="125">
        <v>0</v>
      </c>
      <c r="LI30" s="159">
        <v>0</v>
      </c>
      <c r="LJ30" s="123">
        <v>0</v>
      </c>
      <c r="LK30" s="124">
        <v>0</v>
      </c>
      <c r="LL30" s="395"/>
      <c r="LM30" s="123">
        <v>0</v>
      </c>
      <c r="LN30" s="123">
        <v>0</v>
      </c>
      <c r="LO30" s="123">
        <v>0</v>
      </c>
      <c r="LP30" s="123">
        <v>0</v>
      </c>
      <c r="LQ30" s="123">
        <v>0</v>
      </c>
      <c r="LR30" s="124">
        <v>0</v>
      </c>
      <c r="LS30" s="360">
        <v>0</v>
      </c>
      <c r="LT30" s="159">
        <v>0</v>
      </c>
      <c r="LU30" s="123">
        <v>0</v>
      </c>
      <c r="LV30" s="124">
        <v>0</v>
      </c>
      <c r="LW30" s="395"/>
      <c r="LX30" s="123">
        <v>0</v>
      </c>
      <c r="LY30" s="123">
        <v>0</v>
      </c>
      <c r="LZ30" s="123">
        <v>0</v>
      </c>
      <c r="MA30" s="123">
        <v>0</v>
      </c>
      <c r="MB30" s="123">
        <v>0</v>
      </c>
      <c r="MC30" s="124">
        <v>0</v>
      </c>
      <c r="MD30" s="125">
        <v>0</v>
      </c>
      <c r="ME30" s="159">
        <v>0</v>
      </c>
      <c r="MF30" s="123">
        <v>0</v>
      </c>
      <c r="MG30" s="124">
        <v>0</v>
      </c>
      <c r="MH30" s="395"/>
      <c r="MI30" s="123">
        <v>489126</v>
      </c>
      <c r="MJ30" s="123">
        <v>0</v>
      </c>
      <c r="MK30" s="123">
        <v>1605232</v>
      </c>
      <c r="ML30" s="123">
        <v>1089559</v>
      </c>
      <c r="MM30" s="123">
        <v>898245</v>
      </c>
      <c r="MN30" s="124">
        <v>4082162</v>
      </c>
      <c r="MO30" s="160">
        <v>4082162</v>
      </c>
      <c r="MP30" s="159">
        <v>0</v>
      </c>
      <c r="MQ30" s="123">
        <v>0</v>
      </c>
      <c r="MR30" s="124">
        <v>0</v>
      </c>
      <c r="MS30" s="395"/>
      <c r="MT30" s="123">
        <v>188308</v>
      </c>
      <c r="MU30" s="123">
        <v>0</v>
      </c>
      <c r="MV30" s="123">
        <v>1173147</v>
      </c>
      <c r="MW30" s="123">
        <v>522248</v>
      </c>
      <c r="MX30" s="123">
        <v>258139</v>
      </c>
      <c r="MY30" s="124">
        <v>2141842</v>
      </c>
      <c r="MZ30" s="160">
        <v>2141842</v>
      </c>
      <c r="NA30" s="159">
        <v>0</v>
      </c>
      <c r="NB30" s="123">
        <v>0</v>
      </c>
      <c r="NC30" s="124">
        <v>0</v>
      </c>
      <c r="ND30" s="395"/>
      <c r="NE30" s="123">
        <v>300818</v>
      </c>
      <c r="NF30" s="123">
        <v>0</v>
      </c>
      <c r="NG30" s="123">
        <v>432085</v>
      </c>
      <c r="NH30" s="123">
        <v>567311</v>
      </c>
      <c r="NI30" s="123">
        <v>640106</v>
      </c>
      <c r="NJ30" s="124">
        <v>1940320</v>
      </c>
      <c r="NK30" s="360">
        <v>1940320</v>
      </c>
      <c r="NL30" s="159">
        <v>0</v>
      </c>
      <c r="NM30" s="123">
        <v>0</v>
      </c>
      <c r="NN30" s="124">
        <v>0</v>
      </c>
      <c r="NO30" s="395"/>
      <c r="NP30" s="123">
        <v>0</v>
      </c>
      <c r="NQ30" s="123">
        <v>0</v>
      </c>
      <c r="NR30" s="123">
        <v>0</v>
      </c>
      <c r="NS30" s="123">
        <v>0</v>
      </c>
      <c r="NT30" s="123">
        <v>0</v>
      </c>
      <c r="NU30" s="124">
        <v>0</v>
      </c>
      <c r="NV30" s="125">
        <v>0</v>
      </c>
      <c r="NW30" s="159">
        <v>0</v>
      </c>
      <c r="NX30" s="123">
        <v>0</v>
      </c>
      <c r="NY30" s="124">
        <v>0</v>
      </c>
      <c r="NZ30" s="395"/>
      <c r="OA30" s="123">
        <v>0</v>
      </c>
      <c r="OB30" s="123">
        <v>0</v>
      </c>
      <c r="OC30" s="123">
        <v>0</v>
      </c>
      <c r="OD30" s="123">
        <v>0</v>
      </c>
      <c r="OE30" s="123">
        <v>0</v>
      </c>
      <c r="OF30" s="124">
        <v>0</v>
      </c>
      <c r="OG30" s="125">
        <v>0</v>
      </c>
      <c r="OH30" s="159">
        <v>13472</v>
      </c>
      <c r="OI30" s="123">
        <v>221725</v>
      </c>
      <c r="OJ30" s="158">
        <v>235197</v>
      </c>
      <c r="OK30" s="122">
        <v>0</v>
      </c>
      <c r="OL30" s="123">
        <v>2692261</v>
      </c>
      <c r="OM30" s="123">
        <v>995332</v>
      </c>
      <c r="ON30" s="123">
        <v>2436084</v>
      </c>
      <c r="OO30" s="123">
        <v>2874671</v>
      </c>
      <c r="OP30" s="123">
        <v>1269199</v>
      </c>
      <c r="OQ30" s="124">
        <v>10267547</v>
      </c>
      <c r="OR30" s="160">
        <v>10502744</v>
      </c>
    </row>
    <row r="31" spans="1:408" ht="20.25" customHeight="1" x14ac:dyDescent="0.2">
      <c r="A31" s="130" t="s">
        <v>26</v>
      </c>
      <c r="B31" s="113">
        <v>98218</v>
      </c>
      <c r="C31" s="117">
        <v>136124</v>
      </c>
      <c r="D31" s="116">
        <v>234342</v>
      </c>
      <c r="E31" s="112">
        <v>0</v>
      </c>
      <c r="F31" s="117">
        <v>1222045</v>
      </c>
      <c r="G31" s="117">
        <v>1939401</v>
      </c>
      <c r="H31" s="117">
        <v>1760768</v>
      </c>
      <c r="I31" s="117">
        <v>1374712</v>
      </c>
      <c r="J31" s="117">
        <v>1125277</v>
      </c>
      <c r="K31" s="198">
        <v>7422203</v>
      </c>
      <c r="L31" s="119">
        <v>7656545</v>
      </c>
      <c r="M31" s="113">
        <v>10032</v>
      </c>
      <c r="N31" s="117">
        <v>62825</v>
      </c>
      <c r="O31" s="116">
        <v>72857</v>
      </c>
      <c r="P31" s="113">
        <v>0</v>
      </c>
      <c r="Q31" s="117">
        <v>321323</v>
      </c>
      <c r="R31" s="117">
        <v>598386</v>
      </c>
      <c r="S31" s="117">
        <v>631077</v>
      </c>
      <c r="T31" s="117">
        <v>299311</v>
      </c>
      <c r="U31" s="117">
        <v>572103</v>
      </c>
      <c r="V31" s="116">
        <v>2422200</v>
      </c>
      <c r="W31" s="119">
        <v>2495057</v>
      </c>
      <c r="X31" s="113">
        <v>0</v>
      </c>
      <c r="Y31" s="117">
        <v>0</v>
      </c>
      <c r="Z31" s="116">
        <v>0</v>
      </c>
      <c r="AA31" s="113">
        <v>0</v>
      </c>
      <c r="AB31" s="117">
        <v>108915</v>
      </c>
      <c r="AC31" s="117">
        <v>421254</v>
      </c>
      <c r="AD31" s="117">
        <v>208475</v>
      </c>
      <c r="AE31" s="117">
        <v>197302</v>
      </c>
      <c r="AF31" s="117">
        <v>105996</v>
      </c>
      <c r="AG31" s="116">
        <v>1041942</v>
      </c>
      <c r="AH31" s="119">
        <v>1041942</v>
      </c>
      <c r="AI31" s="113">
        <v>0</v>
      </c>
      <c r="AJ31" s="117">
        <v>0</v>
      </c>
      <c r="AK31" s="116">
        <v>0</v>
      </c>
      <c r="AL31" s="113">
        <v>0</v>
      </c>
      <c r="AM31" s="117">
        <v>0</v>
      </c>
      <c r="AN31" s="117">
        <v>0</v>
      </c>
      <c r="AO31" s="117">
        <v>0</v>
      </c>
      <c r="AP31" s="117">
        <v>57865</v>
      </c>
      <c r="AQ31" s="117">
        <v>104157</v>
      </c>
      <c r="AR31" s="116">
        <v>162022</v>
      </c>
      <c r="AS31" s="119">
        <v>162022</v>
      </c>
      <c r="AT31" s="113">
        <v>0</v>
      </c>
      <c r="AU31" s="117">
        <v>62825</v>
      </c>
      <c r="AV31" s="116">
        <v>62825</v>
      </c>
      <c r="AW31" s="113">
        <v>0</v>
      </c>
      <c r="AX31" s="117">
        <v>147328</v>
      </c>
      <c r="AY31" s="117">
        <v>101784</v>
      </c>
      <c r="AZ31" s="117">
        <v>292282</v>
      </c>
      <c r="BA31" s="117">
        <v>34544</v>
      </c>
      <c r="BB31" s="117">
        <v>336470</v>
      </c>
      <c r="BC31" s="116">
        <v>912408</v>
      </c>
      <c r="BD31" s="119">
        <v>975233</v>
      </c>
      <c r="BE31" s="113">
        <v>0</v>
      </c>
      <c r="BF31" s="117">
        <v>0</v>
      </c>
      <c r="BG31" s="115">
        <v>0</v>
      </c>
      <c r="BH31" s="114">
        <v>0</v>
      </c>
      <c r="BI31" s="117">
        <v>0</v>
      </c>
      <c r="BJ31" s="117">
        <v>23700</v>
      </c>
      <c r="BK31" s="117">
        <v>31600</v>
      </c>
      <c r="BL31" s="117">
        <v>0</v>
      </c>
      <c r="BM31" s="117">
        <v>0</v>
      </c>
      <c r="BN31" s="116">
        <v>55300</v>
      </c>
      <c r="BO31" s="119">
        <v>55300</v>
      </c>
      <c r="BP31" s="113">
        <v>10032</v>
      </c>
      <c r="BQ31" s="117">
        <v>0</v>
      </c>
      <c r="BR31" s="116">
        <v>10032</v>
      </c>
      <c r="BS31" s="113">
        <v>0</v>
      </c>
      <c r="BT31" s="117">
        <v>65080</v>
      </c>
      <c r="BU31" s="117">
        <v>51648</v>
      </c>
      <c r="BV31" s="117">
        <v>98720</v>
      </c>
      <c r="BW31" s="117">
        <v>9600</v>
      </c>
      <c r="BX31" s="117">
        <v>25480</v>
      </c>
      <c r="BY31" s="116">
        <v>250528</v>
      </c>
      <c r="BZ31" s="119">
        <v>260560</v>
      </c>
      <c r="CA31" s="113">
        <v>17610</v>
      </c>
      <c r="CB31" s="117">
        <v>33667</v>
      </c>
      <c r="CC31" s="116">
        <v>51277</v>
      </c>
      <c r="CD31" s="113">
        <v>0</v>
      </c>
      <c r="CE31" s="117">
        <v>357056</v>
      </c>
      <c r="CF31" s="117">
        <v>805905</v>
      </c>
      <c r="CG31" s="117">
        <v>350069</v>
      </c>
      <c r="CH31" s="117">
        <v>97950</v>
      </c>
      <c r="CI31" s="117">
        <v>420388</v>
      </c>
      <c r="CJ31" s="116">
        <v>2031368</v>
      </c>
      <c r="CK31" s="119">
        <v>2082645</v>
      </c>
      <c r="CL31" s="113">
        <v>0</v>
      </c>
      <c r="CM31" s="117">
        <v>0</v>
      </c>
      <c r="CN31" s="116">
        <v>0</v>
      </c>
      <c r="CO31" s="114">
        <v>0</v>
      </c>
      <c r="CP31" s="117">
        <v>330538</v>
      </c>
      <c r="CQ31" s="117">
        <v>575553</v>
      </c>
      <c r="CR31" s="117">
        <v>201087</v>
      </c>
      <c r="CS31" s="117">
        <v>97950</v>
      </c>
      <c r="CT31" s="117">
        <v>420388</v>
      </c>
      <c r="CU31" s="116">
        <v>1625516</v>
      </c>
      <c r="CV31" s="119">
        <v>1625516</v>
      </c>
      <c r="CW31" s="113">
        <v>17610</v>
      </c>
      <c r="CX31" s="117">
        <v>33667</v>
      </c>
      <c r="CY31" s="116">
        <v>51277</v>
      </c>
      <c r="CZ31" s="113">
        <v>0</v>
      </c>
      <c r="DA31" s="117">
        <v>26518</v>
      </c>
      <c r="DB31" s="117">
        <v>230352</v>
      </c>
      <c r="DC31" s="117">
        <v>148982</v>
      </c>
      <c r="DD31" s="117">
        <v>0</v>
      </c>
      <c r="DE31" s="117">
        <v>0</v>
      </c>
      <c r="DF31" s="116">
        <v>405852</v>
      </c>
      <c r="DG31" s="119">
        <v>457129</v>
      </c>
      <c r="DH31" s="113">
        <v>0</v>
      </c>
      <c r="DI31" s="117">
        <v>0</v>
      </c>
      <c r="DJ31" s="115">
        <v>0</v>
      </c>
      <c r="DK31" s="114">
        <v>0</v>
      </c>
      <c r="DL31" s="117">
        <v>0</v>
      </c>
      <c r="DM31" s="117">
        <v>198954</v>
      </c>
      <c r="DN31" s="117">
        <v>530974</v>
      </c>
      <c r="DO31" s="117">
        <v>822355</v>
      </c>
      <c r="DP31" s="117">
        <v>36306</v>
      </c>
      <c r="DQ31" s="116">
        <v>1588589</v>
      </c>
      <c r="DR31" s="119">
        <v>1588589</v>
      </c>
      <c r="DS31" s="113">
        <v>0</v>
      </c>
      <c r="DT31" s="117">
        <v>0</v>
      </c>
      <c r="DU31" s="116">
        <v>0</v>
      </c>
      <c r="DV31" s="113">
        <v>0</v>
      </c>
      <c r="DW31" s="117">
        <v>0</v>
      </c>
      <c r="DX31" s="117">
        <v>198954</v>
      </c>
      <c r="DY31" s="117">
        <v>483577</v>
      </c>
      <c r="DZ31" s="117">
        <v>822355</v>
      </c>
      <c r="EA31" s="117">
        <v>0</v>
      </c>
      <c r="EB31" s="116">
        <v>1504886</v>
      </c>
      <c r="EC31" s="119">
        <v>1504886</v>
      </c>
      <c r="ED31" s="113">
        <v>0</v>
      </c>
      <c r="EE31" s="115">
        <v>0</v>
      </c>
      <c r="EF31" s="116">
        <v>0</v>
      </c>
      <c r="EG31" s="113">
        <v>0</v>
      </c>
      <c r="EH31" s="117">
        <v>0</v>
      </c>
      <c r="EI31" s="117">
        <v>0</v>
      </c>
      <c r="EJ31" s="117">
        <v>47397</v>
      </c>
      <c r="EK31" s="117">
        <v>0</v>
      </c>
      <c r="EL31" s="117">
        <v>36306</v>
      </c>
      <c r="EM31" s="115">
        <v>83703</v>
      </c>
      <c r="EN31" s="119">
        <v>83703</v>
      </c>
      <c r="EO31" s="113">
        <v>0</v>
      </c>
      <c r="EP31" s="117">
        <v>0</v>
      </c>
      <c r="EQ31" s="115">
        <v>0</v>
      </c>
      <c r="ER31" s="114">
        <v>0</v>
      </c>
      <c r="ES31" s="117">
        <v>0</v>
      </c>
      <c r="ET31" s="117">
        <v>0</v>
      </c>
      <c r="EU31" s="117">
        <v>0</v>
      </c>
      <c r="EV31" s="117">
        <v>0</v>
      </c>
      <c r="EW31" s="117">
        <v>0</v>
      </c>
      <c r="EX31" s="116">
        <v>0</v>
      </c>
      <c r="EY31" s="119">
        <v>0</v>
      </c>
      <c r="EZ31" s="113">
        <v>0</v>
      </c>
      <c r="FA31" s="117">
        <v>0</v>
      </c>
      <c r="FB31" s="115">
        <v>0</v>
      </c>
      <c r="FC31" s="395"/>
      <c r="FD31" s="117">
        <v>0</v>
      </c>
      <c r="FE31" s="117">
        <v>0</v>
      </c>
      <c r="FF31" s="117">
        <v>0</v>
      </c>
      <c r="FG31" s="117">
        <v>0</v>
      </c>
      <c r="FH31" s="117">
        <v>0</v>
      </c>
      <c r="FI31" s="116">
        <v>0</v>
      </c>
      <c r="FJ31" s="119">
        <v>0</v>
      </c>
      <c r="FK31" s="113">
        <v>70576</v>
      </c>
      <c r="FL31" s="117">
        <v>39632</v>
      </c>
      <c r="FM31" s="116">
        <v>110208</v>
      </c>
      <c r="FN31" s="113">
        <v>0</v>
      </c>
      <c r="FO31" s="117">
        <v>66240</v>
      </c>
      <c r="FP31" s="117">
        <v>126728</v>
      </c>
      <c r="FQ31" s="117">
        <v>248648</v>
      </c>
      <c r="FR31" s="117">
        <v>155096</v>
      </c>
      <c r="FS31" s="117">
        <v>96480</v>
      </c>
      <c r="FT31" s="116">
        <v>693192</v>
      </c>
      <c r="FU31" s="119">
        <v>803400</v>
      </c>
      <c r="FV31" s="118">
        <v>4400</v>
      </c>
      <c r="FW31" s="117">
        <v>22384</v>
      </c>
      <c r="FX31" s="115">
        <v>26784</v>
      </c>
      <c r="FY31" s="114">
        <v>0</v>
      </c>
      <c r="FZ31" s="117">
        <v>66240</v>
      </c>
      <c r="GA31" s="117">
        <v>126728</v>
      </c>
      <c r="GB31" s="117">
        <v>248648</v>
      </c>
      <c r="GC31" s="117">
        <v>100696</v>
      </c>
      <c r="GD31" s="117">
        <v>96480</v>
      </c>
      <c r="GE31" s="116">
        <v>638792</v>
      </c>
      <c r="GF31" s="357">
        <v>665576</v>
      </c>
      <c r="GG31" s="118">
        <v>18656</v>
      </c>
      <c r="GH31" s="117">
        <v>17248</v>
      </c>
      <c r="GI31" s="115">
        <v>35904</v>
      </c>
      <c r="GJ31" s="114">
        <v>0</v>
      </c>
      <c r="GK31" s="117">
        <v>0</v>
      </c>
      <c r="GL31" s="117">
        <v>0</v>
      </c>
      <c r="GM31" s="117">
        <v>0</v>
      </c>
      <c r="GN31" s="117">
        <v>0</v>
      </c>
      <c r="GO31" s="117">
        <v>0</v>
      </c>
      <c r="GP31" s="116">
        <v>0</v>
      </c>
      <c r="GQ31" s="119">
        <v>35904</v>
      </c>
      <c r="GR31" s="113">
        <v>47520</v>
      </c>
      <c r="GS31" s="117">
        <v>0</v>
      </c>
      <c r="GT31" s="116">
        <v>47520</v>
      </c>
      <c r="GU31" s="113">
        <v>0</v>
      </c>
      <c r="GV31" s="117">
        <v>0</v>
      </c>
      <c r="GW31" s="117">
        <v>0</v>
      </c>
      <c r="GX31" s="117">
        <v>0</v>
      </c>
      <c r="GY31" s="117">
        <v>54400</v>
      </c>
      <c r="GZ31" s="117">
        <v>0</v>
      </c>
      <c r="HA31" s="115">
        <v>54400</v>
      </c>
      <c r="HB31" s="119">
        <v>101920</v>
      </c>
      <c r="HC31" s="113">
        <v>0</v>
      </c>
      <c r="HD31" s="117">
        <v>0</v>
      </c>
      <c r="HE31" s="115">
        <v>0</v>
      </c>
      <c r="HF31" s="114">
        <v>0</v>
      </c>
      <c r="HG31" s="117">
        <v>477426</v>
      </c>
      <c r="HH31" s="117">
        <v>209428</v>
      </c>
      <c r="HI31" s="117">
        <v>0</v>
      </c>
      <c r="HJ31" s="117">
        <v>0</v>
      </c>
      <c r="HK31" s="117">
        <v>0</v>
      </c>
      <c r="HL31" s="116">
        <v>686854</v>
      </c>
      <c r="HM31" s="112">
        <v>686854</v>
      </c>
      <c r="HN31" s="395"/>
      <c r="HO31" s="395"/>
      <c r="HP31" s="395"/>
      <c r="HQ31" s="395"/>
      <c r="HR31" s="395"/>
      <c r="HS31" s="395"/>
      <c r="HT31" s="395"/>
      <c r="HU31" s="395"/>
      <c r="HV31" s="395"/>
      <c r="HW31" s="395"/>
      <c r="HX31" s="395"/>
      <c r="HY31" s="148">
        <v>0</v>
      </c>
      <c r="HZ31" s="149">
        <v>0</v>
      </c>
      <c r="IA31" s="150">
        <v>0</v>
      </c>
      <c r="IB31" s="162">
        <v>0</v>
      </c>
      <c r="IC31" s="149">
        <v>98368</v>
      </c>
      <c r="ID31" s="163">
        <v>134098</v>
      </c>
      <c r="IE31" s="150">
        <v>539132</v>
      </c>
      <c r="IF31" s="149">
        <v>5397</v>
      </c>
      <c r="IG31" s="150">
        <v>60083</v>
      </c>
      <c r="IH31" s="164">
        <v>837078</v>
      </c>
      <c r="II31" s="156">
        <v>837078</v>
      </c>
      <c r="IJ31" s="259">
        <v>0</v>
      </c>
      <c r="IK31" s="266">
        <v>0</v>
      </c>
      <c r="IL31" s="267">
        <v>0</v>
      </c>
      <c r="IM31" s="395"/>
      <c r="IN31" s="123">
        <v>0</v>
      </c>
      <c r="IO31" s="123">
        <v>0</v>
      </c>
      <c r="IP31" s="123">
        <v>0</v>
      </c>
      <c r="IQ31" s="123">
        <v>0</v>
      </c>
      <c r="IR31" s="123">
        <v>0</v>
      </c>
      <c r="IS31" s="158">
        <v>0</v>
      </c>
      <c r="IT31" s="360">
        <v>0</v>
      </c>
      <c r="IU31" s="159">
        <v>0</v>
      </c>
      <c r="IV31" s="123">
        <v>0</v>
      </c>
      <c r="IW31" s="124">
        <v>0</v>
      </c>
      <c r="IX31" s="395"/>
      <c r="IY31" s="123">
        <v>0</v>
      </c>
      <c r="IZ31" s="123">
        <v>0</v>
      </c>
      <c r="JA31" s="123">
        <v>0</v>
      </c>
      <c r="JB31" s="123">
        <v>0</v>
      </c>
      <c r="JC31" s="123">
        <v>0</v>
      </c>
      <c r="JD31" s="124">
        <v>0</v>
      </c>
      <c r="JE31" s="125">
        <v>0</v>
      </c>
      <c r="JF31" s="159">
        <v>0</v>
      </c>
      <c r="JG31" s="123">
        <v>0</v>
      </c>
      <c r="JH31" s="158">
        <v>0</v>
      </c>
      <c r="JI31" s="122">
        <v>0</v>
      </c>
      <c r="JJ31" s="123">
        <v>98368</v>
      </c>
      <c r="JK31" s="123">
        <v>134098</v>
      </c>
      <c r="JL31" s="123">
        <v>46033</v>
      </c>
      <c r="JM31" s="123">
        <v>5397</v>
      </c>
      <c r="JN31" s="123">
        <v>60083</v>
      </c>
      <c r="JO31" s="124">
        <v>343979</v>
      </c>
      <c r="JP31" s="360">
        <v>343979</v>
      </c>
      <c r="JQ31" s="159">
        <v>0</v>
      </c>
      <c r="JR31" s="123">
        <v>0</v>
      </c>
      <c r="JS31" s="158">
        <v>0</v>
      </c>
      <c r="JT31" s="122">
        <v>0</v>
      </c>
      <c r="JU31" s="123">
        <v>0</v>
      </c>
      <c r="JV31" s="123">
        <v>0</v>
      </c>
      <c r="JW31" s="123">
        <v>0</v>
      </c>
      <c r="JX31" s="123">
        <v>0</v>
      </c>
      <c r="JY31" s="123">
        <v>0</v>
      </c>
      <c r="JZ31" s="124">
        <v>0</v>
      </c>
      <c r="KA31" s="360">
        <v>0</v>
      </c>
      <c r="KB31" s="262">
        <v>0</v>
      </c>
      <c r="KC31" s="256">
        <v>0</v>
      </c>
      <c r="KD31" s="124">
        <v>0</v>
      </c>
      <c r="KE31" s="122">
        <v>0</v>
      </c>
      <c r="KF31" s="123">
        <v>0</v>
      </c>
      <c r="KG31" s="123">
        <v>0</v>
      </c>
      <c r="KH31" s="123">
        <v>0</v>
      </c>
      <c r="KI31" s="123">
        <v>0</v>
      </c>
      <c r="KJ31" s="123">
        <v>0</v>
      </c>
      <c r="KK31" s="124">
        <v>0</v>
      </c>
      <c r="KL31" s="160">
        <v>0</v>
      </c>
      <c r="KM31" s="259">
        <v>0</v>
      </c>
      <c r="KN31" s="266">
        <v>0</v>
      </c>
      <c r="KO31" s="267">
        <v>0</v>
      </c>
      <c r="KP31" s="395"/>
      <c r="KQ31" s="123">
        <v>0</v>
      </c>
      <c r="KR31" s="123">
        <v>0</v>
      </c>
      <c r="KS31" s="123">
        <v>493099</v>
      </c>
      <c r="KT31" s="123">
        <v>0</v>
      </c>
      <c r="KU31" s="123">
        <v>0</v>
      </c>
      <c r="KV31" s="124">
        <v>493099</v>
      </c>
      <c r="KW31" s="360">
        <v>493099</v>
      </c>
      <c r="KX31" s="159">
        <v>0</v>
      </c>
      <c r="KY31" s="123">
        <v>0</v>
      </c>
      <c r="KZ31" s="124">
        <v>0</v>
      </c>
      <c r="LA31" s="395"/>
      <c r="LB31" s="123">
        <v>0</v>
      </c>
      <c r="LC31" s="123">
        <v>0</v>
      </c>
      <c r="LD31" s="123">
        <v>0</v>
      </c>
      <c r="LE31" s="123">
        <v>0</v>
      </c>
      <c r="LF31" s="123">
        <v>0</v>
      </c>
      <c r="LG31" s="124">
        <v>0</v>
      </c>
      <c r="LH31" s="125">
        <v>0</v>
      </c>
      <c r="LI31" s="159">
        <v>0</v>
      </c>
      <c r="LJ31" s="123">
        <v>0</v>
      </c>
      <c r="LK31" s="124">
        <v>0</v>
      </c>
      <c r="LL31" s="395"/>
      <c r="LM31" s="123">
        <v>0</v>
      </c>
      <c r="LN31" s="123">
        <v>0</v>
      </c>
      <c r="LO31" s="123">
        <v>0</v>
      </c>
      <c r="LP31" s="123">
        <v>0</v>
      </c>
      <c r="LQ31" s="123">
        <v>0</v>
      </c>
      <c r="LR31" s="124">
        <v>0</v>
      </c>
      <c r="LS31" s="360">
        <v>0</v>
      </c>
      <c r="LT31" s="159">
        <v>0</v>
      </c>
      <c r="LU31" s="123">
        <v>0</v>
      </c>
      <c r="LV31" s="124">
        <v>0</v>
      </c>
      <c r="LW31" s="395"/>
      <c r="LX31" s="123">
        <v>0</v>
      </c>
      <c r="LY31" s="123">
        <v>0</v>
      </c>
      <c r="LZ31" s="123">
        <v>0</v>
      </c>
      <c r="MA31" s="123">
        <v>0</v>
      </c>
      <c r="MB31" s="123">
        <v>0</v>
      </c>
      <c r="MC31" s="124">
        <v>0</v>
      </c>
      <c r="MD31" s="125">
        <v>0</v>
      </c>
      <c r="ME31" s="159">
        <v>0</v>
      </c>
      <c r="MF31" s="123">
        <v>0</v>
      </c>
      <c r="MG31" s="124">
        <v>0</v>
      </c>
      <c r="MH31" s="395"/>
      <c r="MI31" s="123">
        <v>0</v>
      </c>
      <c r="MJ31" s="123">
        <v>0</v>
      </c>
      <c r="MK31" s="123">
        <v>725621</v>
      </c>
      <c r="ML31" s="123">
        <v>283904</v>
      </c>
      <c r="MM31" s="123">
        <v>527646</v>
      </c>
      <c r="MN31" s="124">
        <v>1537171</v>
      </c>
      <c r="MO31" s="160">
        <v>1537171</v>
      </c>
      <c r="MP31" s="159">
        <v>0</v>
      </c>
      <c r="MQ31" s="123">
        <v>0</v>
      </c>
      <c r="MR31" s="124">
        <v>0</v>
      </c>
      <c r="MS31" s="395"/>
      <c r="MT31" s="123">
        <v>0</v>
      </c>
      <c r="MU31" s="123">
        <v>0</v>
      </c>
      <c r="MV31" s="123">
        <v>207168</v>
      </c>
      <c r="MW31" s="123">
        <v>283904</v>
      </c>
      <c r="MX31" s="123">
        <v>242428</v>
      </c>
      <c r="MY31" s="124">
        <v>733500</v>
      </c>
      <c r="MZ31" s="160">
        <v>733500</v>
      </c>
      <c r="NA31" s="159">
        <v>0</v>
      </c>
      <c r="NB31" s="123">
        <v>0</v>
      </c>
      <c r="NC31" s="124">
        <v>0</v>
      </c>
      <c r="ND31" s="395"/>
      <c r="NE31" s="123">
        <v>0</v>
      </c>
      <c r="NF31" s="123">
        <v>0</v>
      </c>
      <c r="NG31" s="123">
        <v>518453</v>
      </c>
      <c r="NH31" s="123">
        <v>0</v>
      </c>
      <c r="NI31" s="123">
        <v>285218</v>
      </c>
      <c r="NJ31" s="124">
        <v>803671</v>
      </c>
      <c r="NK31" s="360">
        <v>803671</v>
      </c>
      <c r="NL31" s="159">
        <v>0</v>
      </c>
      <c r="NM31" s="123">
        <v>0</v>
      </c>
      <c r="NN31" s="124">
        <v>0</v>
      </c>
      <c r="NO31" s="395"/>
      <c r="NP31" s="123">
        <v>0</v>
      </c>
      <c r="NQ31" s="123">
        <v>0</v>
      </c>
      <c r="NR31" s="123">
        <v>0</v>
      </c>
      <c r="NS31" s="123">
        <v>0</v>
      </c>
      <c r="NT31" s="123">
        <v>0</v>
      </c>
      <c r="NU31" s="124">
        <v>0</v>
      </c>
      <c r="NV31" s="125">
        <v>0</v>
      </c>
      <c r="NW31" s="159">
        <v>0</v>
      </c>
      <c r="NX31" s="123">
        <v>0</v>
      </c>
      <c r="NY31" s="124">
        <v>0</v>
      </c>
      <c r="NZ31" s="395"/>
      <c r="OA31" s="123">
        <v>0</v>
      </c>
      <c r="OB31" s="123">
        <v>0</v>
      </c>
      <c r="OC31" s="123">
        <v>0</v>
      </c>
      <c r="OD31" s="123">
        <v>0</v>
      </c>
      <c r="OE31" s="123">
        <v>0</v>
      </c>
      <c r="OF31" s="124">
        <v>0</v>
      </c>
      <c r="OG31" s="125">
        <v>0</v>
      </c>
      <c r="OH31" s="159">
        <v>98218</v>
      </c>
      <c r="OI31" s="123">
        <v>136124</v>
      </c>
      <c r="OJ31" s="158">
        <v>234342</v>
      </c>
      <c r="OK31" s="122">
        <v>0</v>
      </c>
      <c r="OL31" s="123">
        <v>1320413</v>
      </c>
      <c r="OM31" s="123">
        <v>2073499</v>
      </c>
      <c r="ON31" s="123">
        <v>3025521</v>
      </c>
      <c r="OO31" s="123">
        <v>1664013</v>
      </c>
      <c r="OP31" s="123">
        <v>1713006</v>
      </c>
      <c r="OQ31" s="124">
        <v>9796452</v>
      </c>
      <c r="OR31" s="160">
        <v>10030794</v>
      </c>
    </row>
    <row r="32" spans="1:408" ht="20.25" customHeight="1" x14ac:dyDescent="0.2">
      <c r="A32" s="130" t="s">
        <v>27</v>
      </c>
      <c r="B32" s="113">
        <v>96245</v>
      </c>
      <c r="C32" s="117">
        <v>287563</v>
      </c>
      <c r="D32" s="116">
        <v>383808</v>
      </c>
      <c r="E32" s="112">
        <v>0</v>
      </c>
      <c r="F32" s="117">
        <v>953133</v>
      </c>
      <c r="G32" s="117">
        <v>1819608</v>
      </c>
      <c r="H32" s="117">
        <v>1820722</v>
      </c>
      <c r="I32" s="117">
        <v>2481553</v>
      </c>
      <c r="J32" s="117">
        <v>1710206</v>
      </c>
      <c r="K32" s="198">
        <v>8785222</v>
      </c>
      <c r="L32" s="119">
        <v>9169030</v>
      </c>
      <c r="M32" s="113">
        <v>16955</v>
      </c>
      <c r="N32" s="117">
        <v>128859</v>
      </c>
      <c r="O32" s="116">
        <v>145814</v>
      </c>
      <c r="P32" s="113">
        <v>0</v>
      </c>
      <c r="Q32" s="117">
        <v>414677</v>
      </c>
      <c r="R32" s="117">
        <v>328638</v>
      </c>
      <c r="S32" s="117">
        <v>575704</v>
      </c>
      <c r="T32" s="117">
        <v>884093</v>
      </c>
      <c r="U32" s="117">
        <v>642568</v>
      </c>
      <c r="V32" s="116">
        <v>2845680</v>
      </c>
      <c r="W32" s="119">
        <v>2991494</v>
      </c>
      <c r="X32" s="113">
        <v>0</v>
      </c>
      <c r="Y32" s="117">
        <v>0</v>
      </c>
      <c r="Z32" s="116">
        <v>0</v>
      </c>
      <c r="AA32" s="113">
        <v>0</v>
      </c>
      <c r="AB32" s="117">
        <v>290781</v>
      </c>
      <c r="AC32" s="117">
        <v>9527</v>
      </c>
      <c r="AD32" s="117">
        <v>447780</v>
      </c>
      <c r="AE32" s="117">
        <v>487784</v>
      </c>
      <c r="AF32" s="117">
        <v>229756</v>
      </c>
      <c r="AG32" s="116">
        <v>1465628</v>
      </c>
      <c r="AH32" s="119">
        <v>1465628</v>
      </c>
      <c r="AI32" s="113">
        <v>0</v>
      </c>
      <c r="AJ32" s="117">
        <v>0</v>
      </c>
      <c r="AK32" s="116">
        <v>0</v>
      </c>
      <c r="AL32" s="113">
        <v>0</v>
      </c>
      <c r="AM32" s="117">
        <v>0</v>
      </c>
      <c r="AN32" s="117">
        <v>25200</v>
      </c>
      <c r="AO32" s="117">
        <v>0</v>
      </c>
      <c r="AP32" s="117">
        <v>67620</v>
      </c>
      <c r="AQ32" s="117">
        <v>128727</v>
      </c>
      <c r="AR32" s="116">
        <v>221547</v>
      </c>
      <c r="AS32" s="119">
        <v>221547</v>
      </c>
      <c r="AT32" s="113">
        <v>16955</v>
      </c>
      <c r="AU32" s="117">
        <v>84836</v>
      </c>
      <c r="AV32" s="116">
        <v>101791</v>
      </c>
      <c r="AW32" s="113">
        <v>0</v>
      </c>
      <c r="AX32" s="117">
        <v>104976</v>
      </c>
      <c r="AY32" s="117">
        <v>205343</v>
      </c>
      <c r="AZ32" s="117">
        <v>62128</v>
      </c>
      <c r="BA32" s="117">
        <v>212249</v>
      </c>
      <c r="BB32" s="117">
        <v>195093</v>
      </c>
      <c r="BC32" s="116">
        <v>779789</v>
      </c>
      <c r="BD32" s="119">
        <v>881580</v>
      </c>
      <c r="BE32" s="113">
        <v>0</v>
      </c>
      <c r="BF32" s="117">
        <v>31039</v>
      </c>
      <c r="BG32" s="115">
        <v>31039</v>
      </c>
      <c r="BH32" s="114">
        <v>0</v>
      </c>
      <c r="BI32" s="117">
        <v>0</v>
      </c>
      <c r="BJ32" s="117">
        <v>15800</v>
      </c>
      <c r="BK32" s="117">
        <v>5172</v>
      </c>
      <c r="BL32" s="117">
        <v>0</v>
      </c>
      <c r="BM32" s="117">
        <v>0</v>
      </c>
      <c r="BN32" s="116">
        <v>20972</v>
      </c>
      <c r="BO32" s="119">
        <v>52011</v>
      </c>
      <c r="BP32" s="113">
        <v>0</v>
      </c>
      <c r="BQ32" s="117">
        <v>12984</v>
      </c>
      <c r="BR32" s="116">
        <v>12984</v>
      </c>
      <c r="BS32" s="113">
        <v>0</v>
      </c>
      <c r="BT32" s="117">
        <v>18920</v>
      </c>
      <c r="BU32" s="117">
        <v>72768</v>
      </c>
      <c r="BV32" s="117">
        <v>60624</v>
      </c>
      <c r="BW32" s="117">
        <v>116440</v>
      </c>
      <c r="BX32" s="117">
        <v>88992</v>
      </c>
      <c r="BY32" s="116">
        <v>357744</v>
      </c>
      <c r="BZ32" s="119">
        <v>370728</v>
      </c>
      <c r="CA32" s="113">
        <v>17610</v>
      </c>
      <c r="CB32" s="117">
        <v>39848</v>
      </c>
      <c r="CC32" s="116">
        <v>57458</v>
      </c>
      <c r="CD32" s="113">
        <v>0</v>
      </c>
      <c r="CE32" s="117">
        <v>301509</v>
      </c>
      <c r="CF32" s="117">
        <v>927404</v>
      </c>
      <c r="CG32" s="117">
        <v>681881</v>
      </c>
      <c r="CH32" s="117">
        <v>544399</v>
      </c>
      <c r="CI32" s="117">
        <v>371879</v>
      </c>
      <c r="CJ32" s="116">
        <v>2827072</v>
      </c>
      <c r="CK32" s="119">
        <v>2884530</v>
      </c>
      <c r="CL32" s="113">
        <v>0</v>
      </c>
      <c r="CM32" s="117">
        <v>0</v>
      </c>
      <c r="CN32" s="116">
        <v>0</v>
      </c>
      <c r="CO32" s="114">
        <v>0</v>
      </c>
      <c r="CP32" s="117">
        <v>281618</v>
      </c>
      <c r="CQ32" s="117">
        <v>718526</v>
      </c>
      <c r="CR32" s="117">
        <v>526812</v>
      </c>
      <c r="CS32" s="117">
        <v>472975</v>
      </c>
      <c r="CT32" s="117">
        <v>258177</v>
      </c>
      <c r="CU32" s="116">
        <v>2258108</v>
      </c>
      <c r="CV32" s="119">
        <v>2258108</v>
      </c>
      <c r="CW32" s="113">
        <v>17610</v>
      </c>
      <c r="CX32" s="117">
        <v>39848</v>
      </c>
      <c r="CY32" s="116">
        <v>57458</v>
      </c>
      <c r="CZ32" s="113">
        <v>0</v>
      </c>
      <c r="DA32" s="117">
        <v>19891</v>
      </c>
      <c r="DB32" s="117">
        <v>208878</v>
      </c>
      <c r="DC32" s="117">
        <v>155069</v>
      </c>
      <c r="DD32" s="117">
        <v>71424</v>
      </c>
      <c r="DE32" s="117">
        <v>113702</v>
      </c>
      <c r="DF32" s="116">
        <v>568964</v>
      </c>
      <c r="DG32" s="119">
        <v>626422</v>
      </c>
      <c r="DH32" s="113">
        <v>0</v>
      </c>
      <c r="DI32" s="117">
        <v>0</v>
      </c>
      <c r="DJ32" s="115">
        <v>0</v>
      </c>
      <c r="DK32" s="114">
        <v>0</v>
      </c>
      <c r="DL32" s="117">
        <v>0</v>
      </c>
      <c r="DM32" s="117">
        <v>16147</v>
      </c>
      <c r="DN32" s="117">
        <v>245889</v>
      </c>
      <c r="DO32" s="117">
        <v>0</v>
      </c>
      <c r="DP32" s="117">
        <v>75475</v>
      </c>
      <c r="DQ32" s="116">
        <v>337511</v>
      </c>
      <c r="DR32" s="119">
        <v>337511</v>
      </c>
      <c r="DS32" s="113">
        <v>0</v>
      </c>
      <c r="DT32" s="117">
        <v>0</v>
      </c>
      <c r="DU32" s="116">
        <v>0</v>
      </c>
      <c r="DV32" s="113">
        <v>0</v>
      </c>
      <c r="DW32" s="117">
        <v>0</v>
      </c>
      <c r="DX32" s="117">
        <v>16147</v>
      </c>
      <c r="DY32" s="117">
        <v>65765</v>
      </c>
      <c r="DZ32" s="117">
        <v>0</v>
      </c>
      <c r="EA32" s="117">
        <v>75475</v>
      </c>
      <c r="EB32" s="116">
        <v>157387</v>
      </c>
      <c r="EC32" s="119">
        <v>157387</v>
      </c>
      <c r="ED32" s="113">
        <v>0</v>
      </c>
      <c r="EE32" s="115">
        <v>0</v>
      </c>
      <c r="EF32" s="116">
        <v>0</v>
      </c>
      <c r="EG32" s="113">
        <v>0</v>
      </c>
      <c r="EH32" s="117">
        <v>0</v>
      </c>
      <c r="EI32" s="117">
        <v>0</v>
      </c>
      <c r="EJ32" s="117">
        <v>180124</v>
      </c>
      <c r="EK32" s="117">
        <v>0</v>
      </c>
      <c r="EL32" s="117">
        <v>0</v>
      </c>
      <c r="EM32" s="115">
        <v>180124</v>
      </c>
      <c r="EN32" s="119">
        <v>180124</v>
      </c>
      <c r="EO32" s="113">
        <v>0</v>
      </c>
      <c r="EP32" s="117">
        <v>0</v>
      </c>
      <c r="EQ32" s="115">
        <v>0</v>
      </c>
      <c r="ER32" s="114">
        <v>0</v>
      </c>
      <c r="ES32" s="117">
        <v>0</v>
      </c>
      <c r="ET32" s="117">
        <v>0</v>
      </c>
      <c r="EU32" s="117">
        <v>0</v>
      </c>
      <c r="EV32" s="117">
        <v>0</v>
      </c>
      <c r="EW32" s="117">
        <v>0</v>
      </c>
      <c r="EX32" s="116">
        <v>0</v>
      </c>
      <c r="EY32" s="119">
        <v>0</v>
      </c>
      <c r="EZ32" s="113">
        <v>0</v>
      </c>
      <c r="FA32" s="117">
        <v>0</v>
      </c>
      <c r="FB32" s="115">
        <v>0</v>
      </c>
      <c r="FC32" s="395"/>
      <c r="FD32" s="117">
        <v>0</v>
      </c>
      <c r="FE32" s="117">
        <v>0</v>
      </c>
      <c r="FF32" s="117">
        <v>0</v>
      </c>
      <c r="FG32" s="117">
        <v>0</v>
      </c>
      <c r="FH32" s="117">
        <v>0</v>
      </c>
      <c r="FI32" s="116">
        <v>0</v>
      </c>
      <c r="FJ32" s="119">
        <v>0</v>
      </c>
      <c r="FK32" s="113">
        <v>61680</v>
      </c>
      <c r="FL32" s="117">
        <v>24600</v>
      </c>
      <c r="FM32" s="116">
        <v>86280</v>
      </c>
      <c r="FN32" s="113">
        <v>0</v>
      </c>
      <c r="FO32" s="117">
        <v>84656</v>
      </c>
      <c r="FP32" s="117">
        <v>195008</v>
      </c>
      <c r="FQ32" s="117">
        <v>121616</v>
      </c>
      <c r="FR32" s="117">
        <v>207104</v>
      </c>
      <c r="FS32" s="117">
        <v>140200</v>
      </c>
      <c r="FT32" s="116">
        <v>748584</v>
      </c>
      <c r="FU32" s="119">
        <v>834864</v>
      </c>
      <c r="FV32" s="118">
        <v>5680</v>
      </c>
      <c r="FW32" s="117">
        <v>24600</v>
      </c>
      <c r="FX32" s="115">
        <v>30280</v>
      </c>
      <c r="FY32" s="114">
        <v>0</v>
      </c>
      <c r="FZ32" s="117">
        <v>30800</v>
      </c>
      <c r="GA32" s="117">
        <v>195008</v>
      </c>
      <c r="GB32" s="117">
        <v>121616</v>
      </c>
      <c r="GC32" s="117">
        <v>207104</v>
      </c>
      <c r="GD32" s="117">
        <v>140200</v>
      </c>
      <c r="GE32" s="116">
        <v>694728</v>
      </c>
      <c r="GF32" s="357">
        <v>725008</v>
      </c>
      <c r="GG32" s="118">
        <v>0</v>
      </c>
      <c r="GH32" s="117">
        <v>0</v>
      </c>
      <c r="GI32" s="115">
        <v>0</v>
      </c>
      <c r="GJ32" s="114">
        <v>0</v>
      </c>
      <c r="GK32" s="117">
        <v>13376</v>
      </c>
      <c r="GL32" s="117">
        <v>0</v>
      </c>
      <c r="GM32" s="117">
        <v>0</v>
      </c>
      <c r="GN32" s="117">
        <v>0</v>
      </c>
      <c r="GO32" s="117">
        <v>0</v>
      </c>
      <c r="GP32" s="116">
        <v>13376</v>
      </c>
      <c r="GQ32" s="119">
        <v>13376</v>
      </c>
      <c r="GR32" s="113">
        <v>56000</v>
      </c>
      <c r="GS32" s="117">
        <v>0</v>
      </c>
      <c r="GT32" s="116">
        <v>56000</v>
      </c>
      <c r="GU32" s="113">
        <v>0</v>
      </c>
      <c r="GV32" s="117">
        <v>40480</v>
      </c>
      <c r="GW32" s="117">
        <v>0</v>
      </c>
      <c r="GX32" s="117">
        <v>0</v>
      </c>
      <c r="GY32" s="117">
        <v>0</v>
      </c>
      <c r="GZ32" s="117">
        <v>0</v>
      </c>
      <c r="HA32" s="115">
        <v>40480</v>
      </c>
      <c r="HB32" s="119">
        <v>96480</v>
      </c>
      <c r="HC32" s="113">
        <v>0</v>
      </c>
      <c r="HD32" s="117">
        <v>94256</v>
      </c>
      <c r="HE32" s="115">
        <v>94256</v>
      </c>
      <c r="HF32" s="114">
        <v>0</v>
      </c>
      <c r="HG32" s="117">
        <v>152291</v>
      </c>
      <c r="HH32" s="117">
        <v>352411</v>
      </c>
      <c r="HI32" s="117">
        <v>195632</v>
      </c>
      <c r="HJ32" s="117">
        <v>845957</v>
      </c>
      <c r="HK32" s="117">
        <v>480084</v>
      </c>
      <c r="HL32" s="116">
        <v>2026375</v>
      </c>
      <c r="HM32" s="112">
        <v>2120631</v>
      </c>
      <c r="HN32" s="395"/>
      <c r="HO32" s="395"/>
      <c r="HP32" s="395"/>
      <c r="HQ32" s="395"/>
      <c r="HR32" s="395"/>
      <c r="HS32" s="395"/>
      <c r="HT32" s="395"/>
      <c r="HU32" s="395"/>
      <c r="HV32" s="395"/>
      <c r="HW32" s="395"/>
      <c r="HX32" s="395"/>
      <c r="HY32" s="166">
        <v>0</v>
      </c>
      <c r="HZ32" s="152">
        <v>0</v>
      </c>
      <c r="IA32" s="166">
        <v>0</v>
      </c>
      <c r="IB32" s="151">
        <v>0</v>
      </c>
      <c r="IC32" s="152">
        <v>187156</v>
      </c>
      <c r="ID32" s="153">
        <v>901097</v>
      </c>
      <c r="IE32" s="154">
        <v>704664</v>
      </c>
      <c r="IF32" s="152">
        <v>250488</v>
      </c>
      <c r="IG32" s="154">
        <v>265812</v>
      </c>
      <c r="IH32" s="155">
        <v>2309217</v>
      </c>
      <c r="II32" s="166">
        <v>2309217</v>
      </c>
      <c r="IJ32" s="259">
        <v>0</v>
      </c>
      <c r="IK32" s="266">
        <v>0</v>
      </c>
      <c r="IL32" s="267">
        <v>0</v>
      </c>
      <c r="IM32" s="395"/>
      <c r="IN32" s="123">
        <v>0</v>
      </c>
      <c r="IO32" s="123">
        <v>107592</v>
      </c>
      <c r="IP32" s="123">
        <v>0</v>
      </c>
      <c r="IQ32" s="123">
        <v>0</v>
      </c>
      <c r="IR32" s="123">
        <v>0</v>
      </c>
      <c r="IS32" s="158">
        <v>107592</v>
      </c>
      <c r="IT32" s="360">
        <v>107592</v>
      </c>
      <c r="IU32" s="159">
        <v>0</v>
      </c>
      <c r="IV32" s="123">
        <v>0</v>
      </c>
      <c r="IW32" s="124">
        <v>0</v>
      </c>
      <c r="IX32" s="395"/>
      <c r="IY32" s="123">
        <v>0</v>
      </c>
      <c r="IZ32" s="123">
        <v>0</v>
      </c>
      <c r="JA32" s="123">
        <v>0</v>
      </c>
      <c r="JB32" s="123">
        <v>0</v>
      </c>
      <c r="JC32" s="123">
        <v>0</v>
      </c>
      <c r="JD32" s="124">
        <v>0</v>
      </c>
      <c r="JE32" s="125">
        <v>0</v>
      </c>
      <c r="JF32" s="159">
        <v>0</v>
      </c>
      <c r="JG32" s="123">
        <v>0</v>
      </c>
      <c r="JH32" s="158">
        <v>0</v>
      </c>
      <c r="JI32" s="122">
        <v>0</v>
      </c>
      <c r="JJ32" s="123">
        <v>31540</v>
      </c>
      <c r="JK32" s="123">
        <v>39691</v>
      </c>
      <c r="JL32" s="123">
        <v>11468</v>
      </c>
      <c r="JM32" s="123">
        <v>0</v>
      </c>
      <c r="JN32" s="123">
        <v>0</v>
      </c>
      <c r="JO32" s="124">
        <v>82699</v>
      </c>
      <c r="JP32" s="360">
        <v>82699</v>
      </c>
      <c r="JQ32" s="159">
        <v>0</v>
      </c>
      <c r="JR32" s="123">
        <v>0</v>
      </c>
      <c r="JS32" s="158">
        <v>0</v>
      </c>
      <c r="JT32" s="122">
        <v>0</v>
      </c>
      <c r="JU32" s="123">
        <v>155616</v>
      </c>
      <c r="JV32" s="123">
        <v>31656</v>
      </c>
      <c r="JW32" s="123">
        <v>0</v>
      </c>
      <c r="JX32" s="123">
        <v>0</v>
      </c>
      <c r="JY32" s="123">
        <v>0</v>
      </c>
      <c r="JZ32" s="124">
        <v>187272</v>
      </c>
      <c r="KA32" s="360">
        <v>187272</v>
      </c>
      <c r="KB32" s="262">
        <v>0</v>
      </c>
      <c r="KC32" s="256">
        <v>0</v>
      </c>
      <c r="KD32" s="124">
        <v>0</v>
      </c>
      <c r="KE32" s="122">
        <v>0</v>
      </c>
      <c r="KF32" s="123">
        <v>0</v>
      </c>
      <c r="KG32" s="123">
        <v>0</v>
      </c>
      <c r="KH32" s="123">
        <v>0</v>
      </c>
      <c r="KI32" s="123">
        <v>0</v>
      </c>
      <c r="KJ32" s="123">
        <v>0</v>
      </c>
      <c r="KK32" s="124">
        <v>0</v>
      </c>
      <c r="KL32" s="160">
        <v>0</v>
      </c>
      <c r="KM32" s="259">
        <v>0</v>
      </c>
      <c r="KN32" s="266">
        <v>0</v>
      </c>
      <c r="KO32" s="267">
        <v>0</v>
      </c>
      <c r="KP32" s="395"/>
      <c r="KQ32" s="123">
        <v>0</v>
      </c>
      <c r="KR32" s="123">
        <v>722158</v>
      </c>
      <c r="KS32" s="123">
        <v>239888</v>
      </c>
      <c r="KT32" s="123">
        <v>250488</v>
      </c>
      <c r="KU32" s="123">
        <v>0</v>
      </c>
      <c r="KV32" s="124">
        <v>1212534</v>
      </c>
      <c r="KW32" s="360">
        <v>1212534</v>
      </c>
      <c r="KX32" s="159">
        <v>0</v>
      </c>
      <c r="KY32" s="123">
        <v>0</v>
      </c>
      <c r="KZ32" s="124">
        <v>0</v>
      </c>
      <c r="LA32" s="395"/>
      <c r="LB32" s="123">
        <v>0</v>
      </c>
      <c r="LC32" s="123">
        <v>0</v>
      </c>
      <c r="LD32" s="123">
        <v>0</v>
      </c>
      <c r="LE32" s="123">
        <v>0</v>
      </c>
      <c r="LF32" s="123">
        <v>0</v>
      </c>
      <c r="LG32" s="124">
        <v>0</v>
      </c>
      <c r="LH32" s="125">
        <v>0</v>
      </c>
      <c r="LI32" s="159">
        <v>0</v>
      </c>
      <c r="LJ32" s="123">
        <v>0</v>
      </c>
      <c r="LK32" s="124">
        <v>0</v>
      </c>
      <c r="LL32" s="395"/>
      <c r="LM32" s="123">
        <v>0</v>
      </c>
      <c r="LN32" s="123">
        <v>0</v>
      </c>
      <c r="LO32" s="123">
        <v>453308</v>
      </c>
      <c r="LP32" s="123">
        <v>0</v>
      </c>
      <c r="LQ32" s="123">
        <v>265812</v>
      </c>
      <c r="LR32" s="124">
        <v>719120</v>
      </c>
      <c r="LS32" s="360">
        <v>719120</v>
      </c>
      <c r="LT32" s="159">
        <v>0</v>
      </c>
      <c r="LU32" s="123">
        <v>0</v>
      </c>
      <c r="LV32" s="124">
        <v>0</v>
      </c>
      <c r="LW32" s="395"/>
      <c r="LX32" s="123">
        <v>0</v>
      </c>
      <c r="LY32" s="123">
        <v>0</v>
      </c>
      <c r="LZ32" s="123">
        <v>0</v>
      </c>
      <c r="MA32" s="123">
        <v>0</v>
      </c>
      <c r="MB32" s="123">
        <v>0</v>
      </c>
      <c r="MC32" s="124">
        <v>0</v>
      </c>
      <c r="MD32" s="125">
        <v>0</v>
      </c>
      <c r="ME32" s="159">
        <v>0</v>
      </c>
      <c r="MF32" s="123">
        <v>0</v>
      </c>
      <c r="MG32" s="124">
        <v>0</v>
      </c>
      <c r="MH32" s="395"/>
      <c r="MI32" s="123">
        <v>0</v>
      </c>
      <c r="MJ32" s="123">
        <v>231287</v>
      </c>
      <c r="MK32" s="123">
        <v>1046118</v>
      </c>
      <c r="ML32" s="123">
        <v>951323</v>
      </c>
      <c r="MM32" s="123">
        <v>531015</v>
      </c>
      <c r="MN32" s="124">
        <v>2759743</v>
      </c>
      <c r="MO32" s="160">
        <v>2759743</v>
      </c>
      <c r="MP32" s="159">
        <v>0</v>
      </c>
      <c r="MQ32" s="123">
        <v>0</v>
      </c>
      <c r="MR32" s="124">
        <v>0</v>
      </c>
      <c r="MS32" s="395"/>
      <c r="MT32" s="123">
        <v>0</v>
      </c>
      <c r="MU32" s="123">
        <v>231287</v>
      </c>
      <c r="MV32" s="123">
        <v>254879</v>
      </c>
      <c r="MW32" s="123">
        <v>244512</v>
      </c>
      <c r="MX32" s="123">
        <v>531015</v>
      </c>
      <c r="MY32" s="124">
        <v>1261693</v>
      </c>
      <c r="MZ32" s="160">
        <v>1261693</v>
      </c>
      <c r="NA32" s="159">
        <v>0</v>
      </c>
      <c r="NB32" s="123">
        <v>0</v>
      </c>
      <c r="NC32" s="124">
        <v>0</v>
      </c>
      <c r="ND32" s="395"/>
      <c r="NE32" s="123">
        <v>0</v>
      </c>
      <c r="NF32" s="123">
        <v>0</v>
      </c>
      <c r="NG32" s="123">
        <v>791239</v>
      </c>
      <c r="NH32" s="123">
        <v>330267</v>
      </c>
      <c r="NI32" s="123">
        <v>0</v>
      </c>
      <c r="NJ32" s="124">
        <v>1121506</v>
      </c>
      <c r="NK32" s="360">
        <v>1121506</v>
      </c>
      <c r="NL32" s="159">
        <v>0</v>
      </c>
      <c r="NM32" s="123">
        <v>0</v>
      </c>
      <c r="NN32" s="124">
        <v>0</v>
      </c>
      <c r="NO32" s="395"/>
      <c r="NP32" s="123">
        <v>0</v>
      </c>
      <c r="NQ32" s="123">
        <v>0</v>
      </c>
      <c r="NR32" s="123">
        <v>0</v>
      </c>
      <c r="NS32" s="123">
        <v>0</v>
      </c>
      <c r="NT32" s="123">
        <v>0</v>
      </c>
      <c r="NU32" s="124">
        <v>0</v>
      </c>
      <c r="NV32" s="125">
        <v>0</v>
      </c>
      <c r="NW32" s="159">
        <v>0</v>
      </c>
      <c r="NX32" s="123">
        <v>0</v>
      </c>
      <c r="NY32" s="124">
        <v>0</v>
      </c>
      <c r="NZ32" s="395"/>
      <c r="OA32" s="123">
        <v>0</v>
      </c>
      <c r="OB32" s="123">
        <v>0</v>
      </c>
      <c r="OC32" s="123">
        <v>0</v>
      </c>
      <c r="OD32" s="123">
        <v>376544</v>
      </c>
      <c r="OE32" s="123">
        <v>0</v>
      </c>
      <c r="OF32" s="124">
        <v>376544</v>
      </c>
      <c r="OG32" s="125">
        <v>376544</v>
      </c>
      <c r="OH32" s="159">
        <v>96245</v>
      </c>
      <c r="OI32" s="123">
        <v>287563</v>
      </c>
      <c r="OJ32" s="158">
        <v>383808</v>
      </c>
      <c r="OK32" s="122">
        <v>0</v>
      </c>
      <c r="OL32" s="123">
        <v>1140289</v>
      </c>
      <c r="OM32" s="123">
        <v>2951992</v>
      </c>
      <c r="ON32" s="123">
        <v>3571504</v>
      </c>
      <c r="OO32" s="123">
        <v>3683364</v>
      </c>
      <c r="OP32" s="123">
        <v>2507033</v>
      </c>
      <c r="OQ32" s="124">
        <v>13854182</v>
      </c>
      <c r="OR32" s="160">
        <v>14237990</v>
      </c>
    </row>
    <row r="33" spans="1:408" ht="20.25" customHeight="1" x14ac:dyDescent="0.2">
      <c r="A33" s="130" t="s">
        <v>28</v>
      </c>
      <c r="B33" s="113">
        <v>0</v>
      </c>
      <c r="C33" s="117">
        <v>5600</v>
      </c>
      <c r="D33" s="116">
        <v>5600</v>
      </c>
      <c r="E33" s="112">
        <v>0</v>
      </c>
      <c r="F33" s="117">
        <v>431845</v>
      </c>
      <c r="G33" s="117">
        <v>101007</v>
      </c>
      <c r="H33" s="117">
        <v>347587</v>
      </c>
      <c r="I33" s="117">
        <v>-8422</v>
      </c>
      <c r="J33" s="117">
        <v>0</v>
      </c>
      <c r="K33" s="198">
        <v>872017</v>
      </c>
      <c r="L33" s="119">
        <v>877617</v>
      </c>
      <c r="M33" s="113">
        <v>0</v>
      </c>
      <c r="N33" s="117">
        <v>0</v>
      </c>
      <c r="O33" s="116">
        <v>0</v>
      </c>
      <c r="P33" s="113">
        <v>0</v>
      </c>
      <c r="Q33" s="117">
        <v>28584</v>
      </c>
      <c r="R33" s="117">
        <v>41379</v>
      </c>
      <c r="S33" s="117">
        <v>73432</v>
      </c>
      <c r="T33" s="117">
        <v>-8422</v>
      </c>
      <c r="U33" s="117">
        <v>0</v>
      </c>
      <c r="V33" s="116">
        <v>134973</v>
      </c>
      <c r="W33" s="119">
        <v>134973</v>
      </c>
      <c r="X33" s="113">
        <v>0</v>
      </c>
      <c r="Y33" s="117">
        <v>0</v>
      </c>
      <c r="Z33" s="116">
        <v>0</v>
      </c>
      <c r="AA33" s="113">
        <v>0</v>
      </c>
      <c r="AB33" s="117">
        <v>0</v>
      </c>
      <c r="AC33" s="117">
        <v>18192</v>
      </c>
      <c r="AD33" s="117">
        <v>67976</v>
      </c>
      <c r="AE33" s="117">
        <v>-8422</v>
      </c>
      <c r="AF33" s="117">
        <v>0</v>
      </c>
      <c r="AG33" s="116">
        <v>77746</v>
      </c>
      <c r="AH33" s="119">
        <v>77746</v>
      </c>
      <c r="AI33" s="113">
        <v>0</v>
      </c>
      <c r="AJ33" s="117">
        <v>0</v>
      </c>
      <c r="AK33" s="116">
        <v>0</v>
      </c>
      <c r="AL33" s="113">
        <v>0</v>
      </c>
      <c r="AM33" s="117">
        <v>0</v>
      </c>
      <c r="AN33" s="117">
        <v>0</v>
      </c>
      <c r="AO33" s="117">
        <v>0</v>
      </c>
      <c r="AP33" s="117">
        <v>0</v>
      </c>
      <c r="AQ33" s="117">
        <v>0</v>
      </c>
      <c r="AR33" s="116">
        <v>0</v>
      </c>
      <c r="AS33" s="119">
        <v>0</v>
      </c>
      <c r="AT33" s="113">
        <v>0</v>
      </c>
      <c r="AU33" s="117">
        <v>0</v>
      </c>
      <c r="AV33" s="116">
        <v>0</v>
      </c>
      <c r="AW33" s="113">
        <v>0</v>
      </c>
      <c r="AX33" s="117">
        <v>24440</v>
      </c>
      <c r="AY33" s="117">
        <v>19051</v>
      </c>
      <c r="AZ33" s="117">
        <v>0</v>
      </c>
      <c r="BA33" s="117">
        <v>0</v>
      </c>
      <c r="BB33" s="117">
        <v>0</v>
      </c>
      <c r="BC33" s="116">
        <v>43491</v>
      </c>
      <c r="BD33" s="119">
        <v>43491</v>
      </c>
      <c r="BE33" s="113">
        <v>0</v>
      </c>
      <c r="BF33" s="117">
        <v>0</v>
      </c>
      <c r="BG33" s="115">
        <v>0</v>
      </c>
      <c r="BH33" s="114">
        <v>0</v>
      </c>
      <c r="BI33" s="117">
        <v>0</v>
      </c>
      <c r="BJ33" s="117">
        <v>0</v>
      </c>
      <c r="BK33" s="117">
        <v>0</v>
      </c>
      <c r="BL33" s="117">
        <v>0</v>
      </c>
      <c r="BM33" s="117">
        <v>0</v>
      </c>
      <c r="BN33" s="116">
        <v>0</v>
      </c>
      <c r="BO33" s="119">
        <v>0</v>
      </c>
      <c r="BP33" s="113">
        <v>0</v>
      </c>
      <c r="BQ33" s="117">
        <v>0</v>
      </c>
      <c r="BR33" s="116">
        <v>0</v>
      </c>
      <c r="BS33" s="113">
        <v>0</v>
      </c>
      <c r="BT33" s="117">
        <v>4144</v>
      </c>
      <c r="BU33" s="117">
        <v>4136</v>
      </c>
      <c r="BV33" s="117">
        <v>5456</v>
      </c>
      <c r="BW33" s="117">
        <v>0</v>
      </c>
      <c r="BX33" s="117">
        <v>0</v>
      </c>
      <c r="BY33" s="116">
        <v>13736</v>
      </c>
      <c r="BZ33" s="119">
        <v>13736</v>
      </c>
      <c r="CA33" s="113">
        <v>0</v>
      </c>
      <c r="CB33" s="117">
        <v>0</v>
      </c>
      <c r="CC33" s="116">
        <v>0</v>
      </c>
      <c r="CD33" s="113">
        <v>0</v>
      </c>
      <c r="CE33" s="117">
        <v>153687</v>
      </c>
      <c r="CF33" s="117">
        <v>0</v>
      </c>
      <c r="CG33" s="117">
        <v>0</v>
      </c>
      <c r="CH33" s="117">
        <v>0</v>
      </c>
      <c r="CI33" s="117">
        <v>0</v>
      </c>
      <c r="CJ33" s="116">
        <v>153687</v>
      </c>
      <c r="CK33" s="119">
        <v>153687</v>
      </c>
      <c r="CL33" s="113">
        <v>0</v>
      </c>
      <c r="CM33" s="117">
        <v>0</v>
      </c>
      <c r="CN33" s="116">
        <v>0</v>
      </c>
      <c r="CO33" s="114">
        <v>0</v>
      </c>
      <c r="CP33" s="117">
        <v>153687</v>
      </c>
      <c r="CQ33" s="117">
        <v>0</v>
      </c>
      <c r="CR33" s="117">
        <v>0</v>
      </c>
      <c r="CS33" s="117">
        <v>0</v>
      </c>
      <c r="CT33" s="117">
        <v>0</v>
      </c>
      <c r="CU33" s="116">
        <v>153687</v>
      </c>
      <c r="CV33" s="119">
        <v>153687</v>
      </c>
      <c r="CW33" s="113">
        <v>0</v>
      </c>
      <c r="CX33" s="117">
        <v>0</v>
      </c>
      <c r="CY33" s="116">
        <v>0</v>
      </c>
      <c r="CZ33" s="113">
        <v>0</v>
      </c>
      <c r="DA33" s="117">
        <v>0</v>
      </c>
      <c r="DB33" s="117">
        <v>0</v>
      </c>
      <c r="DC33" s="117">
        <v>0</v>
      </c>
      <c r="DD33" s="117">
        <v>0</v>
      </c>
      <c r="DE33" s="117">
        <v>0</v>
      </c>
      <c r="DF33" s="116">
        <v>0</v>
      </c>
      <c r="DG33" s="119">
        <v>0</v>
      </c>
      <c r="DH33" s="113">
        <v>0</v>
      </c>
      <c r="DI33" s="117">
        <v>0</v>
      </c>
      <c r="DJ33" s="115">
        <v>0</v>
      </c>
      <c r="DK33" s="114">
        <v>0</v>
      </c>
      <c r="DL33" s="117">
        <v>71404</v>
      </c>
      <c r="DM33" s="117">
        <v>23708</v>
      </c>
      <c r="DN33" s="117">
        <v>78147</v>
      </c>
      <c r="DO33" s="117">
        <v>0</v>
      </c>
      <c r="DP33" s="117">
        <v>0</v>
      </c>
      <c r="DQ33" s="116">
        <v>173259</v>
      </c>
      <c r="DR33" s="119">
        <v>173259</v>
      </c>
      <c r="DS33" s="113">
        <v>0</v>
      </c>
      <c r="DT33" s="117">
        <v>0</v>
      </c>
      <c r="DU33" s="116">
        <v>0</v>
      </c>
      <c r="DV33" s="113">
        <v>0</v>
      </c>
      <c r="DW33" s="117">
        <v>0</v>
      </c>
      <c r="DX33" s="117">
        <v>23708</v>
      </c>
      <c r="DY33" s="117">
        <v>54547</v>
      </c>
      <c r="DZ33" s="117">
        <v>0</v>
      </c>
      <c r="EA33" s="117">
        <v>0</v>
      </c>
      <c r="EB33" s="116">
        <v>78255</v>
      </c>
      <c r="EC33" s="119">
        <v>78255</v>
      </c>
      <c r="ED33" s="113">
        <v>0</v>
      </c>
      <c r="EE33" s="115">
        <v>0</v>
      </c>
      <c r="EF33" s="116">
        <v>0</v>
      </c>
      <c r="EG33" s="113">
        <v>0</v>
      </c>
      <c r="EH33" s="117">
        <v>71404</v>
      </c>
      <c r="EI33" s="117">
        <v>0</v>
      </c>
      <c r="EJ33" s="117">
        <v>23600</v>
      </c>
      <c r="EK33" s="117">
        <v>0</v>
      </c>
      <c r="EL33" s="117">
        <v>0</v>
      </c>
      <c r="EM33" s="115">
        <v>95004</v>
      </c>
      <c r="EN33" s="119">
        <v>95004</v>
      </c>
      <c r="EO33" s="113">
        <v>0</v>
      </c>
      <c r="EP33" s="117">
        <v>0</v>
      </c>
      <c r="EQ33" s="115">
        <v>0</v>
      </c>
      <c r="ER33" s="114">
        <v>0</v>
      </c>
      <c r="ES33" s="117">
        <v>0</v>
      </c>
      <c r="ET33" s="117">
        <v>0</v>
      </c>
      <c r="EU33" s="117">
        <v>0</v>
      </c>
      <c r="EV33" s="117">
        <v>0</v>
      </c>
      <c r="EW33" s="117">
        <v>0</v>
      </c>
      <c r="EX33" s="116">
        <v>0</v>
      </c>
      <c r="EY33" s="119">
        <v>0</v>
      </c>
      <c r="EZ33" s="113">
        <v>0</v>
      </c>
      <c r="FA33" s="117">
        <v>0</v>
      </c>
      <c r="FB33" s="115">
        <v>0</v>
      </c>
      <c r="FC33" s="395"/>
      <c r="FD33" s="117">
        <v>0</v>
      </c>
      <c r="FE33" s="117">
        <v>0</v>
      </c>
      <c r="FF33" s="117">
        <v>0</v>
      </c>
      <c r="FG33" s="117">
        <v>0</v>
      </c>
      <c r="FH33" s="117">
        <v>0</v>
      </c>
      <c r="FI33" s="116">
        <v>0</v>
      </c>
      <c r="FJ33" s="119">
        <v>0</v>
      </c>
      <c r="FK33" s="113">
        <v>0</v>
      </c>
      <c r="FL33" s="117">
        <v>5600</v>
      </c>
      <c r="FM33" s="116">
        <v>5600</v>
      </c>
      <c r="FN33" s="113">
        <v>0</v>
      </c>
      <c r="FO33" s="117">
        <v>24400</v>
      </c>
      <c r="FP33" s="117">
        <v>35920</v>
      </c>
      <c r="FQ33" s="117">
        <v>0</v>
      </c>
      <c r="FR33" s="117">
        <v>0</v>
      </c>
      <c r="FS33" s="117">
        <v>0</v>
      </c>
      <c r="FT33" s="116">
        <v>60320</v>
      </c>
      <c r="FU33" s="119">
        <v>65920</v>
      </c>
      <c r="FV33" s="118">
        <v>0</v>
      </c>
      <c r="FW33" s="117">
        <v>5600</v>
      </c>
      <c r="FX33" s="115">
        <v>5600</v>
      </c>
      <c r="FY33" s="114">
        <v>0</v>
      </c>
      <c r="FZ33" s="117">
        <v>24400</v>
      </c>
      <c r="GA33" s="117">
        <v>35920</v>
      </c>
      <c r="GB33" s="117">
        <v>0</v>
      </c>
      <c r="GC33" s="117">
        <v>0</v>
      </c>
      <c r="GD33" s="117">
        <v>0</v>
      </c>
      <c r="GE33" s="116">
        <v>60320</v>
      </c>
      <c r="GF33" s="357">
        <v>65920</v>
      </c>
      <c r="GG33" s="118">
        <v>0</v>
      </c>
      <c r="GH33" s="117">
        <v>0</v>
      </c>
      <c r="GI33" s="115">
        <v>0</v>
      </c>
      <c r="GJ33" s="114">
        <v>0</v>
      </c>
      <c r="GK33" s="117">
        <v>0</v>
      </c>
      <c r="GL33" s="117">
        <v>0</v>
      </c>
      <c r="GM33" s="117">
        <v>0</v>
      </c>
      <c r="GN33" s="117">
        <v>0</v>
      </c>
      <c r="GO33" s="117">
        <v>0</v>
      </c>
      <c r="GP33" s="116">
        <v>0</v>
      </c>
      <c r="GQ33" s="119">
        <v>0</v>
      </c>
      <c r="GR33" s="113">
        <v>0</v>
      </c>
      <c r="GS33" s="117">
        <v>0</v>
      </c>
      <c r="GT33" s="116">
        <v>0</v>
      </c>
      <c r="GU33" s="113">
        <v>0</v>
      </c>
      <c r="GV33" s="117">
        <v>0</v>
      </c>
      <c r="GW33" s="117">
        <v>0</v>
      </c>
      <c r="GX33" s="117">
        <v>0</v>
      </c>
      <c r="GY33" s="117">
        <v>0</v>
      </c>
      <c r="GZ33" s="117">
        <v>0</v>
      </c>
      <c r="HA33" s="115">
        <v>0</v>
      </c>
      <c r="HB33" s="119">
        <v>0</v>
      </c>
      <c r="HC33" s="113">
        <v>0</v>
      </c>
      <c r="HD33" s="117">
        <v>0</v>
      </c>
      <c r="HE33" s="115">
        <v>0</v>
      </c>
      <c r="HF33" s="114">
        <v>0</v>
      </c>
      <c r="HG33" s="117">
        <v>153770</v>
      </c>
      <c r="HH33" s="117">
        <v>0</v>
      </c>
      <c r="HI33" s="117">
        <v>196008</v>
      </c>
      <c r="HJ33" s="117">
        <v>0</v>
      </c>
      <c r="HK33" s="117">
        <v>0</v>
      </c>
      <c r="HL33" s="116">
        <v>349778</v>
      </c>
      <c r="HM33" s="112">
        <v>349778</v>
      </c>
      <c r="HN33" s="395"/>
      <c r="HO33" s="395"/>
      <c r="HP33" s="395"/>
      <c r="HQ33" s="395"/>
      <c r="HR33" s="395"/>
      <c r="HS33" s="395"/>
      <c r="HT33" s="395"/>
      <c r="HU33" s="395"/>
      <c r="HV33" s="395"/>
      <c r="HW33" s="395"/>
      <c r="HX33" s="395"/>
      <c r="HY33" s="148">
        <v>0</v>
      </c>
      <c r="HZ33" s="149">
        <v>0</v>
      </c>
      <c r="IA33" s="150">
        <v>0</v>
      </c>
      <c r="IB33" s="162">
        <v>0</v>
      </c>
      <c r="IC33" s="149">
        <v>72016</v>
      </c>
      <c r="ID33" s="163">
        <v>86560</v>
      </c>
      <c r="IE33" s="150">
        <v>172560</v>
      </c>
      <c r="IF33" s="149">
        <v>0</v>
      </c>
      <c r="IG33" s="150">
        <v>0</v>
      </c>
      <c r="IH33" s="164">
        <v>331136</v>
      </c>
      <c r="II33" s="156">
        <v>331136</v>
      </c>
      <c r="IJ33" s="259">
        <v>0</v>
      </c>
      <c r="IK33" s="266">
        <v>0</v>
      </c>
      <c r="IL33" s="267">
        <v>0</v>
      </c>
      <c r="IM33" s="395"/>
      <c r="IN33" s="123">
        <v>0</v>
      </c>
      <c r="IO33" s="123">
        <v>0</v>
      </c>
      <c r="IP33" s="123">
        <v>0</v>
      </c>
      <c r="IQ33" s="123">
        <v>0</v>
      </c>
      <c r="IR33" s="123">
        <v>0</v>
      </c>
      <c r="IS33" s="158">
        <v>0</v>
      </c>
      <c r="IT33" s="360">
        <v>0</v>
      </c>
      <c r="IU33" s="159">
        <v>0</v>
      </c>
      <c r="IV33" s="123">
        <v>0</v>
      </c>
      <c r="IW33" s="124">
        <v>0</v>
      </c>
      <c r="IX33" s="395"/>
      <c r="IY33" s="123">
        <v>0</v>
      </c>
      <c r="IZ33" s="123">
        <v>0</v>
      </c>
      <c r="JA33" s="123">
        <v>0</v>
      </c>
      <c r="JB33" s="123">
        <v>0</v>
      </c>
      <c r="JC33" s="123">
        <v>0</v>
      </c>
      <c r="JD33" s="124">
        <v>0</v>
      </c>
      <c r="JE33" s="125">
        <v>0</v>
      </c>
      <c r="JF33" s="159">
        <v>0</v>
      </c>
      <c r="JG33" s="123">
        <v>0</v>
      </c>
      <c r="JH33" s="158">
        <v>0</v>
      </c>
      <c r="JI33" s="122">
        <v>0</v>
      </c>
      <c r="JJ33" s="123">
        <v>72016</v>
      </c>
      <c r="JK33" s="123">
        <v>86560</v>
      </c>
      <c r="JL33" s="123">
        <v>0</v>
      </c>
      <c r="JM33" s="123">
        <v>0</v>
      </c>
      <c r="JN33" s="123">
        <v>0</v>
      </c>
      <c r="JO33" s="124">
        <v>158576</v>
      </c>
      <c r="JP33" s="360">
        <v>158576</v>
      </c>
      <c r="JQ33" s="159">
        <v>0</v>
      </c>
      <c r="JR33" s="123">
        <v>0</v>
      </c>
      <c r="JS33" s="158">
        <v>0</v>
      </c>
      <c r="JT33" s="122">
        <v>0</v>
      </c>
      <c r="JU33" s="123">
        <v>0</v>
      </c>
      <c r="JV33" s="123">
        <v>0</v>
      </c>
      <c r="JW33" s="123">
        <v>32624</v>
      </c>
      <c r="JX33" s="123">
        <v>0</v>
      </c>
      <c r="JY33" s="123">
        <v>0</v>
      </c>
      <c r="JZ33" s="124">
        <v>32624</v>
      </c>
      <c r="KA33" s="360">
        <v>32624</v>
      </c>
      <c r="KB33" s="262">
        <v>0</v>
      </c>
      <c r="KC33" s="256">
        <v>0</v>
      </c>
      <c r="KD33" s="124">
        <v>0</v>
      </c>
      <c r="KE33" s="122">
        <v>0</v>
      </c>
      <c r="KF33" s="123">
        <v>0</v>
      </c>
      <c r="KG33" s="123">
        <v>0</v>
      </c>
      <c r="KH33" s="123">
        <v>0</v>
      </c>
      <c r="KI33" s="123">
        <v>0</v>
      </c>
      <c r="KJ33" s="123">
        <v>0</v>
      </c>
      <c r="KK33" s="124">
        <v>0</v>
      </c>
      <c r="KL33" s="160">
        <v>0</v>
      </c>
      <c r="KM33" s="259">
        <v>0</v>
      </c>
      <c r="KN33" s="266">
        <v>0</v>
      </c>
      <c r="KO33" s="267">
        <v>0</v>
      </c>
      <c r="KP33" s="395"/>
      <c r="KQ33" s="123">
        <v>0</v>
      </c>
      <c r="KR33" s="123">
        <v>0</v>
      </c>
      <c r="KS33" s="123">
        <v>139936</v>
      </c>
      <c r="KT33" s="123">
        <v>0</v>
      </c>
      <c r="KU33" s="123">
        <v>0</v>
      </c>
      <c r="KV33" s="124">
        <v>139936</v>
      </c>
      <c r="KW33" s="360">
        <v>139936</v>
      </c>
      <c r="KX33" s="159">
        <v>0</v>
      </c>
      <c r="KY33" s="123">
        <v>0</v>
      </c>
      <c r="KZ33" s="124">
        <v>0</v>
      </c>
      <c r="LA33" s="395"/>
      <c r="LB33" s="123">
        <v>0</v>
      </c>
      <c r="LC33" s="123">
        <v>0</v>
      </c>
      <c r="LD33" s="123">
        <v>0</v>
      </c>
      <c r="LE33" s="123">
        <v>0</v>
      </c>
      <c r="LF33" s="123">
        <v>0</v>
      </c>
      <c r="LG33" s="124">
        <v>0</v>
      </c>
      <c r="LH33" s="125">
        <v>0</v>
      </c>
      <c r="LI33" s="159">
        <v>0</v>
      </c>
      <c r="LJ33" s="123">
        <v>0</v>
      </c>
      <c r="LK33" s="124">
        <v>0</v>
      </c>
      <c r="LL33" s="395"/>
      <c r="LM33" s="123">
        <v>0</v>
      </c>
      <c r="LN33" s="123">
        <v>0</v>
      </c>
      <c r="LO33" s="123">
        <v>0</v>
      </c>
      <c r="LP33" s="123">
        <v>0</v>
      </c>
      <c r="LQ33" s="123">
        <v>0</v>
      </c>
      <c r="LR33" s="124">
        <v>0</v>
      </c>
      <c r="LS33" s="360">
        <v>0</v>
      </c>
      <c r="LT33" s="159">
        <v>0</v>
      </c>
      <c r="LU33" s="123">
        <v>0</v>
      </c>
      <c r="LV33" s="124">
        <v>0</v>
      </c>
      <c r="LW33" s="395"/>
      <c r="LX33" s="123">
        <v>0</v>
      </c>
      <c r="LY33" s="123">
        <v>0</v>
      </c>
      <c r="LZ33" s="123">
        <v>0</v>
      </c>
      <c r="MA33" s="123">
        <v>0</v>
      </c>
      <c r="MB33" s="123">
        <v>0</v>
      </c>
      <c r="MC33" s="124">
        <v>0</v>
      </c>
      <c r="MD33" s="125">
        <v>0</v>
      </c>
      <c r="ME33" s="159">
        <v>0</v>
      </c>
      <c r="MF33" s="123">
        <v>0</v>
      </c>
      <c r="MG33" s="124">
        <v>0</v>
      </c>
      <c r="MH33" s="395"/>
      <c r="MI33" s="123">
        <v>0</v>
      </c>
      <c r="MJ33" s="123">
        <v>215872</v>
      </c>
      <c r="MK33" s="123">
        <v>0</v>
      </c>
      <c r="ML33" s="123">
        <v>511352</v>
      </c>
      <c r="MM33" s="123">
        <v>0</v>
      </c>
      <c r="MN33" s="124">
        <v>727224</v>
      </c>
      <c r="MO33" s="160">
        <v>727224</v>
      </c>
      <c r="MP33" s="159">
        <v>0</v>
      </c>
      <c r="MQ33" s="123">
        <v>0</v>
      </c>
      <c r="MR33" s="124">
        <v>0</v>
      </c>
      <c r="MS33" s="395"/>
      <c r="MT33" s="123">
        <v>0</v>
      </c>
      <c r="MU33" s="123">
        <v>0</v>
      </c>
      <c r="MV33" s="123">
        <v>0</v>
      </c>
      <c r="MW33" s="123">
        <v>225816</v>
      </c>
      <c r="MX33" s="123">
        <v>0</v>
      </c>
      <c r="MY33" s="124">
        <v>225816</v>
      </c>
      <c r="MZ33" s="160">
        <v>225816</v>
      </c>
      <c r="NA33" s="159">
        <v>0</v>
      </c>
      <c r="NB33" s="123">
        <v>0</v>
      </c>
      <c r="NC33" s="124">
        <v>0</v>
      </c>
      <c r="ND33" s="395"/>
      <c r="NE33" s="123">
        <v>0</v>
      </c>
      <c r="NF33" s="123">
        <v>215872</v>
      </c>
      <c r="NG33" s="123">
        <v>0</v>
      </c>
      <c r="NH33" s="123">
        <v>285536</v>
      </c>
      <c r="NI33" s="123">
        <v>0</v>
      </c>
      <c r="NJ33" s="124">
        <v>501408</v>
      </c>
      <c r="NK33" s="360">
        <v>501408</v>
      </c>
      <c r="NL33" s="159">
        <v>0</v>
      </c>
      <c r="NM33" s="123">
        <v>0</v>
      </c>
      <c r="NN33" s="124">
        <v>0</v>
      </c>
      <c r="NO33" s="395"/>
      <c r="NP33" s="123">
        <v>0</v>
      </c>
      <c r="NQ33" s="123">
        <v>0</v>
      </c>
      <c r="NR33" s="123">
        <v>0</v>
      </c>
      <c r="NS33" s="123">
        <v>0</v>
      </c>
      <c r="NT33" s="123">
        <v>0</v>
      </c>
      <c r="NU33" s="124">
        <v>0</v>
      </c>
      <c r="NV33" s="125">
        <v>0</v>
      </c>
      <c r="NW33" s="159">
        <v>0</v>
      </c>
      <c r="NX33" s="123">
        <v>0</v>
      </c>
      <c r="NY33" s="124">
        <v>0</v>
      </c>
      <c r="NZ33" s="395"/>
      <c r="OA33" s="123">
        <v>0</v>
      </c>
      <c r="OB33" s="123">
        <v>0</v>
      </c>
      <c r="OC33" s="123">
        <v>0</v>
      </c>
      <c r="OD33" s="123">
        <v>0</v>
      </c>
      <c r="OE33" s="123">
        <v>0</v>
      </c>
      <c r="OF33" s="124">
        <v>0</v>
      </c>
      <c r="OG33" s="125">
        <v>0</v>
      </c>
      <c r="OH33" s="159">
        <v>0</v>
      </c>
      <c r="OI33" s="123">
        <v>5600</v>
      </c>
      <c r="OJ33" s="158">
        <v>5600</v>
      </c>
      <c r="OK33" s="122">
        <v>0</v>
      </c>
      <c r="OL33" s="123">
        <v>503861</v>
      </c>
      <c r="OM33" s="123">
        <v>403439</v>
      </c>
      <c r="ON33" s="123">
        <v>520147</v>
      </c>
      <c r="OO33" s="123">
        <v>502930</v>
      </c>
      <c r="OP33" s="123">
        <v>0</v>
      </c>
      <c r="OQ33" s="124">
        <v>1930377</v>
      </c>
      <c r="OR33" s="160">
        <v>1935977</v>
      </c>
    </row>
    <row r="34" spans="1:408" ht="20.25" customHeight="1" x14ac:dyDescent="0.2">
      <c r="A34" s="130" t="s">
        <v>29</v>
      </c>
      <c r="B34" s="113">
        <v>175200</v>
      </c>
      <c r="C34" s="117">
        <v>13888</v>
      </c>
      <c r="D34" s="116">
        <v>189088</v>
      </c>
      <c r="E34" s="112">
        <v>0</v>
      </c>
      <c r="F34" s="117">
        <v>212159</v>
      </c>
      <c r="G34" s="117">
        <v>723378</v>
      </c>
      <c r="H34" s="117">
        <v>128767</v>
      </c>
      <c r="I34" s="117">
        <v>279008</v>
      </c>
      <c r="J34" s="117">
        <v>226966</v>
      </c>
      <c r="K34" s="198">
        <v>1570278</v>
      </c>
      <c r="L34" s="119">
        <v>1759366</v>
      </c>
      <c r="M34" s="113">
        <v>0</v>
      </c>
      <c r="N34" s="117">
        <v>13888</v>
      </c>
      <c r="O34" s="116">
        <v>13888</v>
      </c>
      <c r="P34" s="113">
        <v>0</v>
      </c>
      <c r="Q34" s="117">
        <v>78783</v>
      </c>
      <c r="R34" s="117">
        <v>76814</v>
      </c>
      <c r="S34" s="117">
        <v>0</v>
      </c>
      <c r="T34" s="117">
        <v>156296</v>
      </c>
      <c r="U34" s="117">
        <v>48032</v>
      </c>
      <c r="V34" s="116">
        <v>359925</v>
      </c>
      <c r="W34" s="119">
        <v>373813</v>
      </c>
      <c r="X34" s="113">
        <v>0</v>
      </c>
      <c r="Y34" s="117">
        <v>0</v>
      </c>
      <c r="Z34" s="116">
        <v>0</v>
      </c>
      <c r="AA34" s="113">
        <v>0</v>
      </c>
      <c r="AB34" s="117">
        <v>17599</v>
      </c>
      <c r="AC34" s="117">
        <v>18446</v>
      </c>
      <c r="AD34" s="117">
        <v>0</v>
      </c>
      <c r="AE34" s="117">
        <v>156296</v>
      </c>
      <c r="AF34" s="117">
        <v>0</v>
      </c>
      <c r="AG34" s="116">
        <v>192341</v>
      </c>
      <c r="AH34" s="119">
        <v>192341</v>
      </c>
      <c r="AI34" s="113">
        <v>0</v>
      </c>
      <c r="AJ34" s="117">
        <v>0</v>
      </c>
      <c r="AK34" s="116">
        <v>0</v>
      </c>
      <c r="AL34" s="113">
        <v>0</v>
      </c>
      <c r="AM34" s="117">
        <v>0</v>
      </c>
      <c r="AN34" s="117">
        <v>0</v>
      </c>
      <c r="AO34" s="117">
        <v>0</v>
      </c>
      <c r="AP34" s="117">
        <v>0</v>
      </c>
      <c r="AQ34" s="117">
        <v>43264</v>
      </c>
      <c r="AR34" s="116">
        <v>43264</v>
      </c>
      <c r="AS34" s="119">
        <v>43264</v>
      </c>
      <c r="AT34" s="113">
        <v>0</v>
      </c>
      <c r="AU34" s="117">
        <v>13888</v>
      </c>
      <c r="AV34" s="116">
        <v>13888</v>
      </c>
      <c r="AW34" s="113">
        <v>0</v>
      </c>
      <c r="AX34" s="117">
        <v>0</v>
      </c>
      <c r="AY34" s="117">
        <v>0</v>
      </c>
      <c r="AZ34" s="117">
        <v>0</v>
      </c>
      <c r="BA34" s="117">
        <v>0</v>
      </c>
      <c r="BB34" s="117">
        <v>0</v>
      </c>
      <c r="BC34" s="116">
        <v>0</v>
      </c>
      <c r="BD34" s="119">
        <v>13888</v>
      </c>
      <c r="BE34" s="113">
        <v>0</v>
      </c>
      <c r="BF34" s="117">
        <v>0</v>
      </c>
      <c r="BG34" s="115">
        <v>0</v>
      </c>
      <c r="BH34" s="114">
        <v>0</v>
      </c>
      <c r="BI34" s="117">
        <v>61184</v>
      </c>
      <c r="BJ34" s="117">
        <v>0</v>
      </c>
      <c r="BK34" s="117">
        <v>0</v>
      </c>
      <c r="BL34" s="117">
        <v>0</v>
      </c>
      <c r="BM34" s="117">
        <v>0</v>
      </c>
      <c r="BN34" s="116">
        <v>61184</v>
      </c>
      <c r="BO34" s="119">
        <v>61184</v>
      </c>
      <c r="BP34" s="113">
        <v>0</v>
      </c>
      <c r="BQ34" s="117">
        <v>0</v>
      </c>
      <c r="BR34" s="116">
        <v>0</v>
      </c>
      <c r="BS34" s="113">
        <v>0</v>
      </c>
      <c r="BT34" s="117">
        <v>0</v>
      </c>
      <c r="BU34" s="117">
        <v>58368</v>
      </c>
      <c r="BV34" s="117">
        <v>0</v>
      </c>
      <c r="BW34" s="117">
        <v>0</v>
      </c>
      <c r="BX34" s="117">
        <v>4768</v>
      </c>
      <c r="BY34" s="116">
        <v>63136</v>
      </c>
      <c r="BZ34" s="119">
        <v>63136</v>
      </c>
      <c r="CA34" s="113">
        <v>0</v>
      </c>
      <c r="CB34" s="117">
        <v>0</v>
      </c>
      <c r="CC34" s="116">
        <v>0</v>
      </c>
      <c r="CD34" s="113">
        <v>0</v>
      </c>
      <c r="CE34" s="117">
        <v>133376</v>
      </c>
      <c r="CF34" s="117">
        <v>88128</v>
      </c>
      <c r="CG34" s="117">
        <v>106663</v>
      </c>
      <c r="CH34" s="117">
        <v>90712</v>
      </c>
      <c r="CI34" s="117">
        <v>0</v>
      </c>
      <c r="CJ34" s="116">
        <v>418879</v>
      </c>
      <c r="CK34" s="119">
        <v>418879</v>
      </c>
      <c r="CL34" s="113">
        <v>0</v>
      </c>
      <c r="CM34" s="117">
        <v>0</v>
      </c>
      <c r="CN34" s="116">
        <v>0</v>
      </c>
      <c r="CO34" s="114">
        <v>0</v>
      </c>
      <c r="CP34" s="117">
        <v>133376</v>
      </c>
      <c r="CQ34" s="117">
        <v>25960</v>
      </c>
      <c r="CR34" s="117">
        <v>78272</v>
      </c>
      <c r="CS34" s="117">
        <v>0</v>
      </c>
      <c r="CT34" s="117">
        <v>0</v>
      </c>
      <c r="CU34" s="116">
        <v>237608</v>
      </c>
      <c r="CV34" s="119">
        <v>237608</v>
      </c>
      <c r="CW34" s="113">
        <v>0</v>
      </c>
      <c r="CX34" s="117">
        <v>0</v>
      </c>
      <c r="CY34" s="116">
        <v>0</v>
      </c>
      <c r="CZ34" s="113">
        <v>0</v>
      </c>
      <c r="DA34" s="117">
        <v>0</v>
      </c>
      <c r="DB34" s="117">
        <v>62168</v>
      </c>
      <c r="DC34" s="117">
        <v>28391</v>
      </c>
      <c r="DD34" s="117">
        <v>90712</v>
      </c>
      <c r="DE34" s="117">
        <v>0</v>
      </c>
      <c r="DF34" s="116">
        <v>181271</v>
      </c>
      <c r="DG34" s="119">
        <v>181271</v>
      </c>
      <c r="DH34" s="113">
        <v>0</v>
      </c>
      <c r="DI34" s="117">
        <v>0</v>
      </c>
      <c r="DJ34" s="115">
        <v>0</v>
      </c>
      <c r="DK34" s="114">
        <v>0</v>
      </c>
      <c r="DL34" s="117">
        <v>0</v>
      </c>
      <c r="DM34" s="117">
        <v>112788</v>
      </c>
      <c r="DN34" s="117">
        <v>16904</v>
      </c>
      <c r="DO34" s="117">
        <v>0</v>
      </c>
      <c r="DP34" s="117">
        <v>126294</v>
      </c>
      <c r="DQ34" s="116">
        <v>255986</v>
      </c>
      <c r="DR34" s="119">
        <v>255986</v>
      </c>
      <c r="DS34" s="113">
        <v>0</v>
      </c>
      <c r="DT34" s="117">
        <v>0</v>
      </c>
      <c r="DU34" s="116">
        <v>0</v>
      </c>
      <c r="DV34" s="113">
        <v>0</v>
      </c>
      <c r="DW34" s="117">
        <v>0</v>
      </c>
      <c r="DX34" s="117">
        <v>112788</v>
      </c>
      <c r="DY34" s="117">
        <v>16904</v>
      </c>
      <c r="DZ34" s="117">
        <v>0</v>
      </c>
      <c r="EA34" s="117">
        <v>126294</v>
      </c>
      <c r="EB34" s="116">
        <v>255986</v>
      </c>
      <c r="EC34" s="119">
        <v>255986</v>
      </c>
      <c r="ED34" s="113">
        <v>0</v>
      </c>
      <c r="EE34" s="115">
        <v>0</v>
      </c>
      <c r="EF34" s="116">
        <v>0</v>
      </c>
      <c r="EG34" s="113">
        <v>0</v>
      </c>
      <c r="EH34" s="117">
        <v>0</v>
      </c>
      <c r="EI34" s="117">
        <v>0</v>
      </c>
      <c r="EJ34" s="117">
        <v>0</v>
      </c>
      <c r="EK34" s="117">
        <v>0</v>
      </c>
      <c r="EL34" s="117">
        <v>0</v>
      </c>
      <c r="EM34" s="115">
        <v>0</v>
      </c>
      <c r="EN34" s="119">
        <v>0</v>
      </c>
      <c r="EO34" s="113">
        <v>0</v>
      </c>
      <c r="EP34" s="117">
        <v>0</v>
      </c>
      <c r="EQ34" s="115">
        <v>0</v>
      </c>
      <c r="ER34" s="114">
        <v>0</v>
      </c>
      <c r="ES34" s="117">
        <v>0</v>
      </c>
      <c r="ET34" s="117">
        <v>0</v>
      </c>
      <c r="EU34" s="117">
        <v>0</v>
      </c>
      <c r="EV34" s="117">
        <v>0</v>
      </c>
      <c r="EW34" s="117">
        <v>0</v>
      </c>
      <c r="EX34" s="116">
        <v>0</v>
      </c>
      <c r="EY34" s="119">
        <v>0</v>
      </c>
      <c r="EZ34" s="113">
        <v>0</v>
      </c>
      <c r="FA34" s="117">
        <v>0</v>
      </c>
      <c r="FB34" s="115">
        <v>0</v>
      </c>
      <c r="FC34" s="395"/>
      <c r="FD34" s="117">
        <v>0</v>
      </c>
      <c r="FE34" s="117">
        <v>0</v>
      </c>
      <c r="FF34" s="117">
        <v>0</v>
      </c>
      <c r="FG34" s="117">
        <v>0</v>
      </c>
      <c r="FH34" s="117">
        <v>0</v>
      </c>
      <c r="FI34" s="116">
        <v>0</v>
      </c>
      <c r="FJ34" s="119">
        <v>0</v>
      </c>
      <c r="FK34" s="113">
        <v>175200</v>
      </c>
      <c r="FL34" s="117">
        <v>0</v>
      </c>
      <c r="FM34" s="116">
        <v>175200</v>
      </c>
      <c r="FN34" s="113">
        <v>0</v>
      </c>
      <c r="FO34" s="117">
        <v>0</v>
      </c>
      <c r="FP34" s="117">
        <v>94404</v>
      </c>
      <c r="FQ34" s="117">
        <v>5200</v>
      </c>
      <c r="FR34" s="117">
        <v>32000</v>
      </c>
      <c r="FS34" s="117">
        <v>52640</v>
      </c>
      <c r="FT34" s="116">
        <v>184244</v>
      </c>
      <c r="FU34" s="119">
        <v>359444</v>
      </c>
      <c r="FV34" s="118">
        <v>18400</v>
      </c>
      <c r="FW34" s="117">
        <v>0</v>
      </c>
      <c r="FX34" s="115">
        <v>18400</v>
      </c>
      <c r="FY34" s="114">
        <v>0</v>
      </c>
      <c r="FZ34" s="117">
        <v>0</v>
      </c>
      <c r="GA34" s="117">
        <v>47280</v>
      </c>
      <c r="GB34" s="117">
        <v>5200</v>
      </c>
      <c r="GC34" s="117">
        <v>32000</v>
      </c>
      <c r="GD34" s="117">
        <v>52640</v>
      </c>
      <c r="GE34" s="116">
        <v>137120</v>
      </c>
      <c r="GF34" s="357">
        <v>155520</v>
      </c>
      <c r="GG34" s="118">
        <v>0</v>
      </c>
      <c r="GH34" s="117">
        <v>0</v>
      </c>
      <c r="GI34" s="115">
        <v>0</v>
      </c>
      <c r="GJ34" s="114">
        <v>0</v>
      </c>
      <c r="GK34" s="117">
        <v>0</v>
      </c>
      <c r="GL34" s="117">
        <v>47124</v>
      </c>
      <c r="GM34" s="117">
        <v>0</v>
      </c>
      <c r="GN34" s="117">
        <v>0</v>
      </c>
      <c r="GO34" s="117">
        <v>0</v>
      </c>
      <c r="GP34" s="116">
        <v>47124</v>
      </c>
      <c r="GQ34" s="119">
        <v>47124</v>
      </c>
      <c r="GR34" s="113">
        <v>156800</v>
      </c>
      <c r="GS34" s="117">
        <v>0</v>
      </c>
      <c r="GT34" s="116">
        <v>156800</v>
      </c>
      <c r="GU34" s="113">
        <v>0</v>
      </c>
      <c r="GV34" s="117">
        <v>0</v>
      </c>
      <c r="GW34" s="117">
        <v>0</v>
      </c>
      <c r="GX34" s="117">
        <v>0</v>
      </c>
      <c r="GY34" s="117">
        <v>0</v>
      </c>
      <c r="GZ34" s="117">
        <v>0</v>
      </c>
      <c r="HA34" s="115">
        <v>0</v>
      </c>
      <c r="HB34" s="119">
        <v>156800</v>
      </c>
      <c r="HC34" s="113">
        <v>0</v>
      </c>
      <c r="HD34" s="117">
        <v>0</v>
      </c>
      <c r="HE34" s="115">
        <v>0</v>
      </c>
      <c r="HF34" s="114">
        <v>0</v>
      </c>
      <c r="HG34" s="117">
        <v>0</v>
      </c>
      <c r="HH34" s="117">
        <v>351244</v>
      </c>
      <c r="HI34" s="117">
        <v>0</v>
      </c>
      <c r="HJ34" s="117">
        <v>0</v>
      </c>
      <c r="HK34" s="117">
        <v>0</v>
      </c>
      <c r="HL34" s="116">
        <v>351244</v>
      </c>
      <c r="HM34" s="112">
        <v>351244</v>
      </c>
      <c r="HN34" s="395"/>
      <c r="HO34" s="395"/>
      <c r="HP34" s="395"/>
      <c r="HQ34" s="395"/>
      <c r="HR34" s="395"/>
      <c r="HS34" s="395"/>
      <c r="HT34" s="395"/>
      <c r="HU34" s="395"/>
      <c r="HV34" s="395"/>
      <c r="HW34" s="395"/>
      <c r="HX34" s="395"/>
      <c r="HY34" s="166">
        <v>0</v>
      </c>
      <c r="HZ34" s="152">
        <v>0</v>
      </c>
      <c r="IA34" s="166">
        <v>0</v>
      </c>
      <c r="IB34" s="151">
        <v>0</v>
      </c>
      <c r="IC34" s="152">
        <v>0</v>
      </c>
      <c r="ID34" s="153">
        <v>130752</v>
      </c>
      <c r="IE34" s="154">
        <v>0</v>
      </c>
      <c r="IF34" s="152">
        <v>0</v>
      </c>
      <c r="IG34" s="154">
        <v>261672</v>
      </c>
      <c r="IH34" s="155">
        <v>392424</v>
      </c>
      <c r="II34" s="166">
        <v>392424</v>
      </c>
      <c r="IJ34" s="259">
        <v>0</v>
      </c>
      <c r="IK34" s="266">
        <v>0</v>
      </c>
      <c r="IL34" s="267">
        <v>0</v>
      </c>
      <c r="IM34" s="395"/>
      <c r="IN34" s="123">
        <v>0</v>
      </c>
      <c r="IO34" s="123">
        <v>0</v>
      </c>
      <c r="IP34" s="123">
        <v>0</v>
      </c>
      <c r="IQ34" s="123">
        <v>0</v>
      </c>
      <c r="IR34" s="123">
        <v>0</v>
      </c>
      <c r="IS34" s="158">
        <v>0</v>
      </c>
      <c r="IT34" s="360">
        <v>0</v>
      </c>
      <c r="IU34" s="159">
        <v>0</v>
      </c>
      <c r="IV34" s="123">
        <v>0</v>
      </c>
      <c r="IW34" s="124">
        <v>0</v>
      </c>
      <c r="IX34" s="395"/>
      <c r="IY34" s="123">
        <v>0</v>
      </c>
      <c r="IZ34" s="123">
        <v>0</v>
      </c>
      <c r="JA34" s="123">
        <v>0</v>
      </c>
      <c r="JB34" s="123">
        <v>0</v>
      </c>
      <c r="JC34" s="123">
        <v>0</v>
      </c>
      <c r="JD34" s="124">
        <v>0</v>
      </c>
      <c r="JE34" s="125">
        <v>0</v>
      </c>
      <c r="JF34" s="159">
        <v>0</v>
      </c>
      <c r="JG34" s="123">
        <v>0</v>
      </c>
      <c r="JH34" s="158">
        <v>0</v>
      </c>
      <c r="JI34" s="122">
        <v>0</v>
      </c>
      <c r="JJ34" s="123">
        <v>0</v>
      </c>
      <c r="JK34" s="123">
        <v>130752</v>
      </c>
      <c r="JL34" s="123">
        <v>0</v>
      </c>
      <c r="JM34" s="123">
        <v>0</v>
      </c>
      <c r="JN34" s="123">
        <v>0</v>
      </c>
      <c r="JO34" s="124">
        <v>130752</v>
      </c>
      <c r="JP34" s="360">
        <v>130752</v>
      </c>
      <c r="JQ34" s="159">
        <v>0</v>
      </c>
      <c r="JR34" s="123">
        <v>0</v>
      </c>
      <c r="JS34" s="158">
        <v>0</v>
      </c>
      <c r="JT34" s="122">
        <v>0</v>
      </c>
      <c r="JU34" s="123">
        <v>0</v>
      </c>
      <c r="JV34" s="123">
        <v>0</v>
      </c>
      <c r="JW34" s="123">
        <v>0</v>
      </c>
      <c r="JX34" s="123">
        <v>0</v>
      </c>
      <c r="JY34" s="123">
        <v>0</v>
      </c>
      <c r="JZ34" s="124">
        <v>0</v>
      </c>
      <c r="KA34" s="360">
        <v>0</v>
      </c>
      <c r="KB34" s="262">
        <v>0</v>
      </c>
      <c r="KC34" s="256">
        <v>0</v>
      </c>
      <c r="KD34" s="124">
        <v>0</v>
      </c>
      <c r="KE34" s="122">
        <v>0</v>
      </c>
      <c r="KF34" s="123">
        <v>0</v>
      </c>
      <c r="KG34" s="123">
        <v>0</v>
      </c>
      <c r="KH34" s="123">
        <v>0</v>
      </c>
      <c r="KI34" s="123">
        <v>0</v>
      </c>
      <c r="KJ34" s="123">
        <v>0</v>
      </c>
      <c r="KK34" s="124">
        <v>0</v>
      </c>
      <c r="KL34" s="160">
        <v>0</v>
      </c>
      <c r="KM34" s="259">
        <v>0</v>
      </c>
      <c r="KN34" s="266">
        <v>0</v>
      </c>
      <c r="KO34" s="267">
        <v>0</v>
      </c>
      <c r="KP34" s="395"/>
      <c r="KQ34" s="123">
        <v>0</v>
      </c>
      <c r="KR34" s="123">
        <v>0</v>
      </c>
      <c r="KS34" s="123">
        <v>0</v>
      </c>
      <c r="KT34" s="123">
        <v>0</v>
      </c>
      <c r="KU34" s="123">
        <v>0</v>
      </c>
      <c r="KV34" s="124">
        <v>0</v>
      </c>
      <c r="KW34" s="360">
        <v>0</v>
      </c>
      <c r="KX34" s="159">
        <v>0</v>
      </c>
      <c r="KY34" s="123">
        <v>0</v>
      </c>
      <c r="KZ34" s="124">
        <v>0</v>
      </c>
      <c r="LA34" s="395"/>
      <c r="LB34" s="123">
        <v>0</v>
      </c>
      <c r="LC34" s="123">
        <v>0</v>
      </c>
      <c r="LD34" s="123">
        <v>0</v>
      </c>
      <c r="LE34" s="123">
        <v>0</v>
      </c>
      <c r="LF34" s="123">
        <v>0</v>
      </c>
      <c r="LG34" s="124">
        <v>0</v>
      </c>
      <c r="LH34" s="125">
        <v>0</v>
      </c>
      <c r="LI34" s="159">
        <v>0</v>
      </c>
      <c r="LJ34" s="123">
        <v>0</v>
      </c>
      <c r="LK34" s="124">
        <v>0</v>
      </c>
      <c r="LL34" s="395"/>
      <c r="LM34" s="123">
        <v>0</v>
      </c>
      <c r="LN34" s="123">
        <v>0</v>
      </c>
      <c r="LO34" s="123">
        <v>0</v>
      </c>
      <c r="LP34" s="123">
        <v>0</v>
      </c>
      <c r="LQ34" s="123">
        <v>261672</v>
      </c>
      <c r="LR34" s="124">
        <v>261672</v>
      </c>
      <c r="LS34" s="360">
        <v>261672</v>
      </c>
      <c r="LT34" s="159">
        <v>0</v>
      </c>
      <c r="LU34" s="123">
        <v>0</v>
      </c>
      <c r="LV34" s="124">
        <v>0</v>
      </c>
      <c r="LW34" s="395"/>
      <c r="LX34" s="123">
        <v>0</v>
      </c>
      <c r="LY34" s="123">
        <v>0</v>
      </c>
      <c r="LZ34" s="123">
        <v>0</v>
      </c>
      <c r="MA34" s="123">
        <v>0</v>
      </c>
      <c r="MB34" s="123">
        <v>0</v>
      </c>
      <c r="MC34" s="124">
        <v>0</v>
      </c>
      <c r="MD34" s="125">
        <v>0</v>
      </c>
      <c r="ME34" s="159">
        <v>0</v>
      </c>
      <c r="MF34" s="123">
        <v>0</v>
      </c>
      <c r="MG34" s="124">
        <v>0</v>
      </c>
      <c r="MH34" s="395"/>
      <c r="MI34" s="123">
        <v>0</v>
      </c>
      <c r="MJ34" s="123">
        <v>215872</v>
      </c>
      <c r="MK34" s="123">
        <v>207168</v>
      </c>
      <c r="ML34" s="123">
        <v>235912</v>
      </c>
      <c r="MM34" s="123">
        <v>254352</v>
      </c>
      <c r="MN34" s="124">
        <v>913304</v>
      </c>
      <c r="MO34" s="160">
        <v>913304</v>
      </c>
      <c r="MP34" s="159">
        <v>0</v>
      </c>
      <c r="MQ34" s="123">
        <v>0</v>
      </c>
      <c r="MR34" s="124">
        <v>0</v>
      </c>
      <c r="MS34" s="395"/>
      <c r="MT34" s="123">
        <v>0</v>
      </c>
      <c r="MU34" s="123">
        <v>0</v>
      </c>
      <c r="MV34" s="123">
        <v>207168</v>
      </c>
      <c r="MW34" s="123">
        <v>235912</v>
      </c>
      <c r="MX34" s="123">
        <v>254352</v>
      </c>
      <c r="MY34" s="124">
        <v>697432</v>
      </c>
      <c r="MZ34" s="160">
        <v>697432</v>
      </c>
      <c r="NA34" s="159">
        <v>0</v>
      </c>
      <c r="NB34" s="123">
        <v>0</v>
      </c>
      <c r="NC34" s="124">
        <v>0</v>
      </c>
      <c r="ND34" s="395"/>
      <c r="NE34" s="123">
        <v>0</v>
      </c>
      <c r="NF34" s="123">
        <v>215872</v>
      </c>
      <c r="NG34" s="123">
        <v>0</v>
      </c>
      <c r="NH34" s="123">
        <v>0</v>
      </c>
      <c r="NI34" s="123">
        <v>0</v>
      </c>
      <c r="NJ34" s="124">
        <v>215872</v>
      </c>
      <c r="NK34" s="360">
        <v>215872</v>
      </c>
      <c r="NL34" s="159">
        <v>0</v>
      </c>
      <c r="NM34" s="123">
        <v>0</v>
      </c>
      <c r="NN34" s="124">
        <v>0</v>
      </c>
      <c r="NO34" s="395"/>
      <c r="NP34" s="123">
        <v>0</v>
      </c>
      <c r="NQ34" s="123">
        <v>0</v>
      </c>
      <c r="NR34" s="123">
        <v>0</v>
      </c>
      <c r="NS34" s="123">
        <v>0</v>
      </c>
      <c r="NT34" s="123">
        <v>0</v>
      </c>
      <c r="NU34" s="124">
        <v>0</v>
      </c>
      <c r="NV34" s="125">
        <v>0</v>
      </c>
      <c r="NW34" s="159">
        <v>0</v>
      </c>
      <c r="NX34" s="123">
        <v>0</v>
      </c>
      <c r="NY34" s="124">
        <v>0</v>
      </c>
      <c r="NZ34" s="395"/>
      <c r="OA34" s="123">
        <v>0</v>
      </c>
      <c r="OB34" s="123">
        <v>0</v>
      </c>
      <c r="OC34" s="123">
        <v>0</v>
      </c>
      <c r="OD34" s="123">
        <v>0</v>
      </c>
      <c r="OE34" s="123">
        <v>0</v>
      </c>
      <c r="OF34" s="124">
        <v>0</v>
      </c>
      <c r="OG34" s="125">
        <v>0</v>
      </c>
      <c r="OH34" s="159">
        <v>175200</v>
      </c>
      <c r="OI34" s="123">
        <v>13888</v>
      </c>
      <c r="OJ34" s="158">
        <v>189088</v>
      </c>
      <c r="OK34" s="122">
        <v>0</v>
      </c>
      <c r="OL34" s="123">
        <v>212159</v>
      </c>
      <c r="OM34" s="123">
        <v>1070002</v>
      </c>
      <c r="ON34" s="123">
        <v>335935</v>
      </c>
      <c r="OO34" s="123">
        <v>514920</v>
      </c>
      <c r="OP34" s="123">
        <v>742990</v>
      </c>
      <c r="OQ34" s="124">
        <v>2876006</v>
      </c>
      <c r="OR34" s="160">
        <v>3065094</v>
      </c>
    </row>
    <row r="35" spans="1:408" ht="20.25" customHeight="1" x14ac:dyDescent="0.2">
      <c r="A35" s="130" t="s">
        <v>30</v>
      </c>
      <c r="B35" s="113">
        <v>7600</v>
      </c>
      <c r="C35" s="117">
        <v>0</v>
      </c>
      <c r="D35" s="199">
        <v>7600</v>
      </c>
      <c r="E35" s="200">
        <v>0</v>
      </c>
      <c r="F35" s="201">
        <v>310992</v>
      </c>
      <c r="G35" s="201">
        <v>285205</v>
      </c>
      <c r="H35" s="201">
        <v>307434</v>
      </c>
      <c r="I35" s="201">
        <v>422824</v>
      </c>
      <c r="J35" s="201">
        <v>0</v>
      </c>
      <c r="K35" s="202">
        <v>1326455</v>
      </c>
      <c r="L35" s="119">
        <v>1334055</v>
      </c>
      <c r="M35" s="113">
        <v>0</v>
      </c>
      <c r="N35" s="117">
        <v>0</v>
      </c>
      <c r="O35" s="116">
        <v>0</v>
      </c>
      <c r="P35" s="113">
        <v>0</v>
      </c>
      <c r="Q35" s="117">
        <v>66192</v>
      </c>
      <c r="R35" s="117">
        <v>85737</v>
      </c>
      <c r="S35" s="117">
        <v>33120</v>
      </c>
      <c r="T35" s="117">
        <v>216480</v>
      </c>
      <c r="U35" s="117">
        <v>0</v>
      </c>
      <c r="V35" s="116">
        <v>401529</v>
      </c>
      <c r="W35" s="119">
        <v>401529</v>
      </c>
      <c r="X35" s="113">
        <v>0</v>
      </c>
      <c r="Y35" s="117">
        <v>0</v>
      </c>
      <c r="Z35" s="116">
        <v>0</v>
      </c>
      <c r="AA35" s="113">
        <v>0</v>
      </c>
      <c r="AB35" s="117">
        <v>31584</v>
      </c>
      <c r="AC35" s="117">
        <v>63273</v>
      </c>
      <c r="AD35" s="117">
        <v>14944</v>
      </c>
      <c r="AE35" s="117">
        <v>27288</v>
      </c>
      <c r="AF35" s="117">
        <v>0</v>
      </c>
      <c r="AG35" s="116">
        <v>137089</v>
      </c>
      <c r="AH35" s="119">
        <v>137089</v>
      </c>
      <c r="AI35" s="113">
        <v>0</v>
      </c>
      <c r="AJ35" s="117">
        <v>0</v>
      </c>
      <c r="AK35" s="116">
        <v>0</v>
      </c>
      <c r="AL35" s="113">
        <v>0</v>
      </c>
      <c r="AM35" s="117">
        <v>0</v>
      </c>
      <c r="AN35" s="117">
        <v>0</v>
      </c>
      <c r="AO35" s="117">
        <v>0</v>
      </c>
      <c r="AP35" s="117">
        <v>101432</v>
      </c>
      <c r="AQ35" s="117">
        <v>0</v>
      </c>
      <c r="AR35" s="116">
        <v>101432</v>
      </c>
      <c r="AS35" s="119">
        <v>101432</v>
      </c>
      <c r="AT35" s="113">
        <v>0</v>
      </c>
      <c r="AU35" s="117">
        <v>0</v>
      </c>
      <c r="AV35" s="116">
        <v>0</v>
      </c>
      <c r="AW35" s="113">
        <v>0</v>
      </c>
      <c r="AX35" s="117">
        <v>22224</v>
      </c>
      <c r="AY35" s="117">
        <v>0</v>
      </c>
      <c r="AZ35" s="117">
        <v>0</v>
      </c>
      <c r="BA35" s="117">
        <v>74720</v>
      </c>
      <c r="BB35" s="117">
        <v>0</v>
      </c>
      <c r="BC35" s="116">
        <v>96944</v>
      </c>
      <c r="BD35" s="119">
        <v>96944</v>
      </c>
      <c r="BE35" s="113">
        <v>0</v>
      </c>
      <c r="BF35" s="117">
        <v>0</v>
      </c>
      <c r="BG35" s="115">
        <v>0</v>
      </c>
      <c r="BH35" s="114">
        <v>0</v>
      </c>
      <c r="BI35" s="117">
        <v>0</v>
      </c>
      <c r="BJ35" s="117">
        <v>0</v>
      </c>
      <c r="BK35" s="117">
        <v>0</v>
      </c>
      <c r="BL35" s="117">
        <v>0</v>
      </c>
      <c r="BM35" s="117">
        <v>0</v>
      </c>
      <c r="BN35" s="116">
        <v>0</v>
      </c>
      <c r="BO35" s="119">
        <v>0</v>
      </c>
      <c r="BP35" s="113">
        <v>0</v>
      </c>
      <c r="BQ35" s="117">
        <v>0</v>
      </c>
      <c r="BR35" s="116">
        <v>0</v>
      </c>
      <c r="BS35" s="113">
        <v>0</v>
      </c>
      <c r="BT35" s="117">
        <v>12384</v>
      </c>
      <c r="BU35" s="117">
        <v>22464</v>
      </c>
      <c r="BV35" s="117">
        <v>18176</v>
      </c>
      <c r="BW35" s="117">
        <v>13040</v>
      </c>
      <c r="BX35" s="117">
        <v>0</v>
      </c>
      <c r="BY35" s="116">
        <v>66064</v>
      </c>
      <c r="BZ35" s="119">
        <v>66064</v>
      </c>
      <c r="CA35" s="113">
        <v>0</v>
      </c>
      <c r="CB35" s="117">
        <v>0</v>
      </c>
      <c r="CC35" s="116">
        <v>0</v>
      </c>
      <c r="CD35" s="113">
        <v>0</v>
      </c>
      <c r="CE35" s="117">
        <v>48664</v>
      </c>
      <c r="CF35" s="117">
        <v>0</v>
      </c>
      <c r="CG35" s="117">
        <v>0</v>
      </c>
      <c r="CH35" s="117">
        <v>96152</v>
      </c>
      <c r="CI35" s="117">
        <v>0</v>
      </c>
      <c r="CJ35" s="116">
        <v>144816</v>
      </c>
      <c r="CK35" s="119">
        <v>144816</v>
      </c>
      <c r="CL35" s="113">
        <v>0</v>
      </c>
      <c r="CM35" s="117">
        <v>0</v>
      </c>
      <c r="CN35" s="116">
        <v>0</v>
      </c>
      <c r="CO35" s="114">
        <v>0</v>
      </c>
      <c r="CP35" s="117">
        <v>0</v>
      </c>
      <c r="CQ35" s="117">
        <v>0</v>
      </c>
      <c r="CR35" s="117">
        <v>0</v>
      </c>
      <c r="CS35" s="117">
        <v>96152</v>
      </c>
      <c r="CT35" s="117">
        <v>0</v>
      </c>
      <c r="CU35" s="116">
        <v>96152</v>
      </c>
      <c r="CV35" s="119">
        <v>96152</v>
      </c>
      <c r="CW35" s="113">
        <v>0</v>
      </c>
      <c r="CX35" s="117">
        <v>0</v>
      </c>
      <c r="CY35" s="116">
        <v>0</v>
      </c>
      <c r="CZ35" s="113">
        <v>0</v>
      </c>
      <c r="DA35" s="117">
        <v>48664</v>
      </c>
      <c r="DB35" s="117">
        <v>0</v>
      </c>
      <c r="DC35" s="117">
        <v>0</v>
      </c>
      <c r="DD35" s="117">
        <v>0</v>
      </c>
      <c r="DE35" s="117">
        <v>0</v>
      </c>
      <c r="DF35" s="116">
        <v>48664</v>
      </c>
      <c r="DG35" s="119">
        <v>48664</v>
      </c>
      <c r="DH35" s="113">
        <v>0</v>
      </c>
      <c r="DI35" s="117">
        <v>0</v>
      </c>
      <c r="DJ35" s="115">
        <v>0</v>
      </c>
      <c r="DK35" s="114">
        <v>0</v>
      </c>
      <c r="DL35" s="117">
        <v>29801</v>
      </c>
      <c r="DM35" s="117">
        <v>0</v>
      </c>
      <c r="DN35" s="117">
        <v>252394</v>
      </c>
      <c r="DO35" s="117">
        <v>66000</v>
      </c>
      <c r="DP35" s="117">
        <v>0</v>
      </c>
      <c r="DQ35" s="116">
        <v>348195</v>
      </c>
      <c r="DR35" s="119">
        <v>348195</v>
      </c>
      <c r="DS35" s="113">
        <v>0</v>
      </c>
      <c r="DT35" s="117">
        <v>0</v>
      </c>
      <c r="DU35" s="116">
        <v>0</v>
      </c>
      <c r="DV35" s="113">
        <v>0</v>
      </c>
      <c r="DW35" s="117">
        <v>29801</v>
      </c>
      <c r="DX35" s="117">
        <v>0</v>
      </c>
      <c r="DY35" s="117">
        <v>252394</v>
      </c>
      <c r="DZ35" s="117">
        <v>66000</v>
      </c>
      <c r="EA35" s="117">
        <v>0</v>
      </c>
      <c r="EB35" s="116">
        <v>348195</v>
      </c>
      <c r="EC35" s="119">
        <v>348195</v>
      </c>
      <c r="ED35" s="113">
        <v>0</v>
      </c>
      <c r="EE35" s="115">
        <v>0</v>
      </c>
      <c r="EF35" s="116">
        <v>0</v>
      </c>
      <c r="EG35" s="113">
        <v>0</v>
      </c>
      <c r="EH35" s="117">
        <v>0</v>
      </c>
      <c r="EI35" s="117">
        <v>0</v>
      </c>
      <c r="EJ35" s="117">
        <v>0</v>
      </c>
      <c r="EK35" s="117">
        <v>0</v>
      </c>
      <c r="EL35" s="117">
        <v>0</v>
      </c>
      <c r="EM35" s="115">
        <v>0</v>
      </c>
      <c r="EN35" s="119">
        <v>0</v>
      </c>
      <c r="EO35" s="113">
        <v>0</v>
      </c>
      <c r="EP35" s="117">
        <v>0</v>
      </c>
      <c r="EQ35" s="115">
        <v>0</v>
      </c>
      <c r="ER35" s="114">
        <v>0</v>
      </c>
      <c r="ES35" s="117">
        <v>0</v>
      </c>
      <c r="ET35" s="117">
        <v>0</v>
      </c>
      <c r="EU35" s="117">
        <v>0</v>
      </c>
      <c r="EV35" s="117">
        <v>0</v>
      </c>
      <c r="EW35" s="117">
        <v>0</v>
      </c>
      <c r="EX35" s="116">
        <v>0</v>
      </c>
      <c r="EY35" s="119">
        <v>0</v>
      </c>
      <c r="EZ35" s="113">
        <v>0</v>
      </c>
      <c r="FA35" s="117">
        <v>0</v>
      </c>
      <c r="FB35" s="115">
        <v>0</v>
      </c>
      <c r="FC35" s="395"/>
      <c r="FD35" s="117">
        <v>0</v>
      </c>
      <c r="FE35" s="117">
        <v>0</v>
      </c>
      <c r="FF35" s="117">
        <v>0</v>
      </c>
      <c r="FG35" s="117">
        <v>0</v>
      </c>
      <c r="FH35" s="117">
        <v>0</v>
      </c>
      <c r="FI35" s="116">
        <v>0</v>
      </c>
      <c r="FJ35" s="119">
        <v>0</v>
      </c>
      <c r="FK35" s="113">
        <v>7600</v>
      </c>
      <c r="FL35" s="117">
        <v>0</v>
      </c>
      <c r="FM35" s="116">
        <v>7600</v>
      </c>
      <c r="FN35" s="113">
        <v>0</v>
      </c>
      <c r="FO35" s="117">
        <v>3600</v>
      </c>
      <c r="FP35" s="117">
        <v>16384</v>
      </c>
      <c r="FQ35" s="117">
        <v>21920</v>
      </c>
      <c r="FR35" s="117">
        <v>44192</v>
      </c>
      <c r="FS35" s="117">
        <v>0</v>
      </c>
      <c r="FT35" s="116">
        <v>86096</v>
      </c>
      <c r="FU35" s="119">
        <v>93696</v>
      </c>
      <c r="FV35" s="118">
        <v>7600</v>
      </c>
      <c r="FW35" s="117">
        <v>0</v>
      </c>
      <c r="FX35" s="115">
        <v>7600</v>
      </c>
      <c r="FY35" s="114">
        <v>0</v>
      </c>
      <c r="FZ35" s="117">
        <v>3600</v>
      </c>
      <c r="GA35" s="117">
        <v>16384</v>
      </c>
      <c r="GB35" s="117">
        <v>21920</v>
      </c>
      <c r="GC35" s="117">
        <v>44192</v>
      </c>
      <c r="GD35" s="117">
        <v>0</v>
      </c>
      <c r="GE35" s="116">
        <v>86096</v>
      </c>
      <c r="GF35" s="357">
        <v>93696</v>
      </c>
      <c r="GG35" s="118">
        <v>0</v>
      </c>
      <c r="GH35" s="117">
        <v>0</v>
      </c>
      <c r="GI35" s="115">
        <v>0</v>
      </c>
      <c r="GJ35" s="114">
        <v>0</v>
      </c>
      <c r="GK35" s="117">
        <v>0</v>
      </c>
      <c r="GL35" s="117">
        <v>0</v>
      </c>
      <c r="GM35" s="117">
        <v>0</v>
      </c>
      <c r="GN35" s="117">
        <v>0</v>
      </c>
      <c r="GO35" s="117">
        <v>0</v>
      </c>
      <c r="GP35" s="116">
        <v>0</v>
      </c>
      <c r="GQ35" s="119">
        <v>0</v>
      </c>
      <c r="GR35" s="113">
        <v>0</v>
      </c>
      <c r="GS35" s="117">
        <v>0</v>
      </c>
      <c r="GT35" s="116">
        <v>0</v>
      </c>
      <c r="GU35" s="113">
        <v>0</v>
      </c>
      <c r="GV35" s="117">
        <v>0</v>
      </c>
      <c r="GW35" s="117">
        <v>0</v>
      </c>
      <c r="GX35" s="117">
        <v>0</v>
      </c>
      <c r="GY35" s="117">
        <v>0</v>
      </c>
      <c r="GZ35" s="117">
        <v>0</v>
      </c>
      <c r="HA35" s="115">
        <v>0</v>
      </c>
      <c r="HB35" s="119">
        <v>0</v>
      </c>
      <c r="HC35" s="113">
        <v>0</v>
      </c>
      <c r="HD35" s="117">
        <v>0</v>
      </c>
      <c r="HE35" s="115">
        <v>0</v>
      </c>
      <c r="HF35" s="114">
        <v>0</v>
      </c>
      <c r="HG35" s="117">
        <v>162735</v>
      </c>
      <c r="HH35" s="117">
        <v>183084</v>
      </c>
      <c r="HI35" s="117">
        <v>0</v>
      </c>
      <c r="HJ35" s="117">
        <v>0</v>
      </c>
      <c r="HK35" s="117">
        <v>0</v>
      </c>
      <c r="HL35" s="116">
        <v>345819</v>
      </c>
      <c r="HM35" s="112">
        <v>345819</v>
      </c>
      <c r="HN35" s="395"/>
      <c r="HO35" s="395"/>
      <c r="HP35" s="395"/>
      <c r="HQ35" s="395"/>
      <c r="HR35" s="395"/>
      <c r="HS35" s="395"/>
      <c r="HT35" s="395"/>
      <c r="HU35" s="395"/>
      <c r="HV35" s="395"/>
      <c r="HW35" s="395"/>
      <c r="HX35" s="395"/>
      <c r="HY35" s="148">
        <v>21716</v>
      </c>
      <c r="HZ35" s="149">
        <v>0</v>
      </c>
      <c r="IA35" s="150">
        <v>21716</v>
      </c>
      <c r="IB35" s="162">
        <v>0</v>
      </c>
      <c r="IC35" s="149">
        <v>0</v>
      </c>
      <c r="ID35" s="163">
        <v>317480</v>
      </c>
      <c r="IE35" s="150">
        <v>244952</v>
      </c>
      <c r="IF35" s="149">
        <v>0</v>
      </c>
      <c r="IG35" s="150">
        <v>0</v>
      </c>
      <c r="IH35" s="164">
        <v>562432</v>
      </c>
      <c r="II35" s="156">
        <v>584148</v>
      </c>
      <c r="IJ35" s="259">
        <v>0</v>
      </c>
      <c r="IK35" s="266">
        <v>0</v>
      </c>
      <c r="IL35" s="267">
        <v>0</v>
      </c>
      <c r="IM35" s="395"/>
      <c r="IN35" s="123">
        <v>0</v>
      </c>
      <c r="IO35" s="123">
        <v>0</v>
      </c>
      <c r="IP35" s="123">
        <v>0</v>
      </c>
      <c r="IQ35" s="123">
        <v>0</v>
      </c>
      <c r="IR35" s="123">
        <v>0</v>
      </c>
      <c r="IS35" s="158">
        <v>0</v>
      </c>
      <c r="IT35" s="360">
        <v>0</v>
      </c>
      <c r="IU35" s="159">
        <v>0</v>
      </c>
      <c r="IV35" s="123">
        <v>0</v>
      </c>
      <c r="IW35" s="124">
        <v>0</v>
      </c>
      <c r="IX35" s="395"/>
      <c r="IY35" s="123">
        <v>0</v>
      </c>
      <c r="IZ35" s="123">
        <v>0</v>
      </c>
      <c r="JA35" s="123">
        <v>0</v>
      </c>
      <c r="JB35" s="123">
        <v>0</v>
      </c>
      <c r="JC35" s="123">
        <v>0</v>
      </c>
      <c r="JD35" s="124">
        <v>0</v>
      </c>
      <c r="JE35" s="125">
        <v>0</v>
      </c>
      <c r="JF35" s="159">
        <v>0</v>
      </c>
      <c r="JG35" s="123">
        <v>0</v>
      </c>
      <c r="JH35" s="158">
        <v>0</v>
      </c>
      <c r="JI35" s="122">
        <v>0</v>
      </c>
      <c r="JJ35" s="123">
        <v>0</v>
      </c>
      <c r="JK35" s="123">
        <v>119080</v>
      </c>
      <c r="JL35" s="123">
        <v>0</v>
      </c>
      <c r="JM35" s="123">
        <v>0</v>
      </c>
      <c r="JN35" s="123">
        <v>0</v>
      </c>
      <c r="JO35" s="124">
        <v>119080</v>
      </c>
      <c r="JP35" s="360">
        <v>119080</v>
      </c>
      <c r="JQ35" s="159">
        <v>21716</v>
      </c>
      <c r="JR35" s="123">
        <v>0</v>
      </c>
      <c r="JS35" s="158">
        <v>21716</v>
      </c>
      <c r="JT35" s="122">
        <v>0</v>
      </c>
      <c r="JU35" s="123">
        <v>0</v>
      </c>
      <c r="JV35" s="123">
        <v>0</v>
      </c>
      <c r="JW35" s="123">
        <v>0</v>
      </c>
      <c r="JX35" s="123">
        <v>0</v>
      </c>
      <c r="JY35" s="123">
        <v>0</v>
      </c>
      <c r="JZ35" s="124">
        <v>0</v>
      </c>
      <c r="KA35" s="360">
        <v>21716</v>
      </c>
      <c r="KB35" s="262">
        <v>0</v>
      </c>
      <c r="KC35" s="256">
        <v>0</v>
      </c>
      <c r="KD35" s="124">
        <v>0</v>
      </c>
      <c r="KE35" s="122">
        <v>0</v>
      </c>
      <c r="KF35" s="123">
        <v>0</v>
      </c>
      <c r="KG35" s="123">
        <v>0</v>
      </c>
      <c r="KH35" s="123">
        <v>0</v>
      </c>
      <c r="KI35" s="123">
        <v>0</v>
      </c>
      <c r="KJ35" s="123">
        <v>0</v>
      </c>
      <c r="KK35" s="124">
        <v>0</v>
      </c>
      <c r="KL35" s="160">
        <v>0</v>
      </c>
      <c r="KM35" s="259">
        <v>0</v>
      </c>
      <c r="KN35" s="266">
        <v>0</v>
      </c>
      <c r="KO35" s="267">
        <v>0</v>
      </c>
      <c r="KP35" s="395"/>
      <c r="KQ35" s="123">
        <v>0</v>
      </c>
      <c r="KR35" s="123">
        <v>198400</v>
      </c>
      <c r="KS35" s="123">
        <v>244952</v>
      </c>
      <c r="KT35" s="123">
        <v>0</v>
      </c>
      <c r="KU35" s="123">
        <v>0</v>
      </c>
      <c r="KV35" s="124">
        <v>443352</v>
      </c>
      <c r="KW35" s="360">
        <v>443352</v>
      </c>
      <c r="KX35" s="159">
        <v>0</v>
      </c>
      <c r="KY35" s="123">
        <v>0</v>
      </c>
      <c r="KZ35" s="124">
        <v>0</v>
      </c>
      <c r="LA35" s="395"/>
      <c r="LB35" s="123">
        <v>0</v>
      </c>
      <c r="LC35" s="123">
        <v>0</v>
      </c>
      <c r="LD35" s="123">
        <v>0</v>
      </c>
      <c r="LE35" s="123">
        <v>0</v>
      </c>
      <c r="LF35" s="123">
        <v>0</v>
      </c>
      <c r="LG35" s="124">
        <v>0</v>
      </c>
      <c r="LH35" s="125">
        <v>0</v>
      </c>
      <c r="LI35" s="159">
        <v>0</v>
      </c>
      <c r="LJ35" s="123">
        <v>0</v>
      </c>
      <c r="LK35" s="124">
        <v>0</v>
      </c>
      <c r="LL35" s="395"/>
      <c r="LM35" s="123">
        <v>0</v>
      </c>
      <c r="LN35" s="123">
        <v>0</v>
      </c>
      <c r="LO35" s="123">
        <v>0</v>
      </c>
      <c r="LP35" s="123">
        <v>0</v>
      </c>
      <c r="LQ35" s="123">
        <v>0</v>
      </c>
      <c r="LR35" s="124">
        <v>0</v>
      </c>
      <c r="LS35" s="360">
        <v>0</v>
      </c>
      <c r="LT35" s="159">
        <v>0</v>
      </c>
      <c r="LU35" s="123">
        <v>0</v>
      </c>
      <c r="LV35" s="124">
        <v>0</v>
      </c>
      <c r="LW35" s="395"/>
      <c r="LX35" s="123">
        <v>0</v>
      </c>
      <c r="LY35" s="123">
        <v>0</v>
      </c>
      <c r="LZ35" s="123">
        <v>0</v>
      </c>
      <c r="MA35" s="123">
        <v>0</v>
      </c>
      <c r="MB35" s="123">
        <v>0</v>
      </c>
      <c r="MC35" s="124">
        <v>0</v>
      </c>
      <c r="MD35" s="125">
        <v>0</v>
      </c>
      <c r="ME35" s="159">
        <v>0</v>
      </c>
      <c r="MF35" s="123">
        <v>0</v>
      </c>
      <c r="MG35" s="124">
        <v>0</v>
      </c>
      <c r="MH35" s="395"/>
      <c r="MI35" s="123">
        <v>204088</v>
      </c>
      <c r="MJ35" s="123">
        <v>0</v>
      </c>
      <c r="MK35" s="123">
        <v>257947</v>
      </c>
      <c r="ML35" s="123">
        <v>1312287</v>
      </c>
      <c r="MM35" s="123">
        <v>401476</v>
      </c>
      <c r="MN35" s="124">
        <v>2175798</v>
      </c>
      <c r="MO35" s="160">
        <v>2175798</v>
      </c>
      <c r="MP35" s="159">
        <v>0</v>
      </c>
      <c r="MQ35" s="123">
        <v>0</v>
      </c>
      <c r="MR35" s="124">
        <v>0</v>
      </c>
      <c r="MS35" s="395"/>
      <c r="MT35" s="123">
        <v>0</v>
      </c>
      <c r="MU35" s="123">
        <v>0</v>
      </c>
      <c r="MV35" s="123">
        <v>0</v>
      </c>
      <c r="MW35" s="123">
        <v>568208</v>
      </c>
      <c r="MX35" s="123">
        <v>0</v>
      </c>
      <c r="MY35" s="124">
        <v>568208</v>
      </c>
      <c r="MZ35" s="160">
        <v>568208</v>
      </c>
      <c r="NA35" s="159">
        <v>0</v>
      </c>
      <c r="NB35" s="123">
        <v>0</v>
      </c>
      <c r="NC35" s="124">
        <v>0</v>
      </c>
      <c r="ND35" s="395"/>
      <c r="NE35" s="123">
        <v>204088</v>
      </c>
      <c r="NF35" s="123">
        <v>0</v>
      </c>
      <c r="NG35" s="123">
        <v>257947</v>
      </c>
      <c r="NH35" s="123">
        <v>744079</v>
      </c>
      <c r="NI35" s="123">
        <v>0</v>
      </c>
      <c r="NJ35" s="124">
        <v>1206114</v>
      </c>
      <c r="NK35" s="360">
        <v>1206114</v>
      </c>
      <c r="NL35" s="159">
        <v>0</v>
      </c>
      <c r="NM35" s="123">
        <v>0</v>
      </c>
      <c r="NN35" s="124">
        <v>0</v>
      </c>
      <c r="NO35" s="395"/>
      <c r="NP35" s="123">
        <v>0</v>
      </c>
      <c r="NQ35" s="123">
        <v>0</v>
      </c>
      <c r="NR35" s="123">
        <v>0</v>
      </c>
      <c r="NS35" s="123">
        <v>0</v>
      </c>
      <c r="NT35" s="123">
        <v>0</v>
      </c>
      <c r="NU35" s="124">
        <v>0</v>
      </c>
      <c r="NV35" s="125">
        <v>0</v>
      </c>
      <c r="NW35" s="159">
        <v>0</v>
      </c>
      <c r="NX35" s="123">
        <v>0</v>
      </c>
      <c r="NY35" s="124">
        <v>0</v>
      </c>
      <c r="NZ35" s="395"/>
      <c r="OA35" s="123">
        <v>0</v>
      </c>
      <c r="OB35" s="123">
        <v>0</v>
      </c>
      <c r="OC35" s="123">
        <v>0</v>
      </c>
      <c r="OD35" s="123">
        <v>0</v>
      </c>
      <c r="OE35" s="123">
        <v>401476</v>
      </c>
      <c r="OF35" s="124">
        <v>401476</v>
      </c>
      <c r="OG35" s="125">
        <v>401476</v>
      </c>
      <c r="OH35" s="159">
        <v>29316</v>
      </c>
      <c r="OI35" s="123">
        <v>0</v>
      </c>
      <c r="OJ35" s="158">
        <v>29316</v>
      </c>
      <c r="OK35" s="122">
        <v>0</v>
      </c>
      <c r="OL35" s="123">
        <v>515080</v>
      </c>
      <c r="OM35" s="123">
        <v>602685</v>
      </c>
      <c r="ON35" s="123">
        <v>810333</v>
      </c>
      <c r="OO35" s="123">
        <v>1735111</v>
      </c>
      <c r="OP35" s="123">
        <v>401476</v>
      </c>
      <c r="OQ35" s="124">
        <v>4064685</v>
      </c>
      <c r="OR35" s="160">
        <v>4094001</v>
      </c>
    </row>
    <row r="36" spans="1:408" ht="20.25" customHeight="1" x14ac:dyDescent="0.2">
      <c r="A36" s="130" t="s">
        <v>31</v>
      </c>
      <c r="B36" s="113">
        <v>6152</v>
      </c>
      <c r="C36" s="117">
        <v>8512</v>
      </c>
      <c r="D36" s="116">
        <v>14664</v>
      </c>
      <c r="E36" s="112">
        <v>0</v>
      </c>
      <c r="F36" s="117">
        <v>344288</v>
      </c>
      <c r="G36" s="117">
        <v>856568</v>
      </c>
      <c r="H36" s="117">
        <v>407200</v>
      </c>
      <c r="I36" s="117">
        <v>5456</v>
      </c>
      <c r="J36" s="117">
        <v>0</v>
      </c>
      <c r="K36" s="198">
        <v>1613512</v>
      </c>
      <c r="L36" s="119">
        <v>1628176</v>
      </c>
      <c r="M36" s="113">
        <v>0</v>
      </c>
      <c r="N36" s="117">
        <v>4912</v>
      </c>
      <c r="O36" s="116">
        <v>4912</v>
      </c>
      <c r="P36" s="113">
        <v>0</v>
      </c>
      <c r="Q36" s="117">
        <v>67208</v>
      </c>
      <c r="R36" s="117">
        <v>162832</v>
      </c>
      <c r="S36" s="117">
        <v>188253</v>
      </c>
      <c r="T36" s="117">
        <v>5456</v>
      </c>
      <c r="U36" s="117">
        <v>0</v>
      </c>
      <c r="V36" s="116">
        <v>423749</v>
      </c>
      <c r="W36" s="119">
        <v>428661</v>
      </c>
      <c r="X36" s="113">
        <v>0</v>
      </c>
      <c r="Y36" s="117">
        <v>0</v>
      </c>
      <c r="Z36" s="116">
        <v>0</v>
      </c>
      <c r="AA36" s="113">
        <v>0</v>
      </c>
      <c r="AB36" s="117">
        <v>38368</v>
      </c>
      <c r="AC36" s="117">
        <v>0</v>
      </c>
      <c r="AD36" s="117">
        <v>51325</v>
      </c>
      <c r="AE36" s="117">
        <v>0</v>
      </c>
      <c r="AF36" s="117">
        <v>0</v>
      </c>
      <c r="AG36" s="116">
        <v>89693</v>
      </c>
      <c r="AH36" s="119">
        <v>89693</v>
      </c>
      <c r="AI36" s="113">
        <v>0</v>
      </c>
      <c r="AJ36" s="117">
        <v>0</v>
      </c>
      <c r="AK36" s="116">
        <v>0</v>
      </c>
      <c r="AL36" s="113">
        <v>0</v>
      </c>
      <c r="AM36" s="117">
        <v>0</v>
      </c>
      <c r="AN36" s="117">
        <v>43264</v>
      </c>
      <c r="AO36" s="117">
        <v>97344</v>
      </c>
      <c r="AP36" s="117">
        <v>0</v>
      </c>
      <c r="AQ36" s="117">
        <v>0</v>
      </c>
      <c r="AR36" s="116">
        <v>140608</v>
      </c>
      <c r="AS36" s="119">
        <v>140608</v>
      </c>
      <c r="AT36" s="113">
        <v>0</v>
      </c>
      <c r="AU36" s="117">
        <v>0</v>
      </c>
      <c r="AV36" s="116">
        <v>0</v>
      </c>
      <c r="AW36" s="113">
        <v>0</v>
      </c>
      <c r="AX36" s="117">
        <v>28840</v>
      </c>
      <c r="AY36" s="117">
        <v>0</v>
      </c>
      <c r="AZ36" s="117">
        <v>35456</v>
      </c>
      <c r="BA36" s="117">
        <v>0</v>
      </c>
      <c r="BB36" s="117">
        <v>0</v>
      </c>
      <c r="BC36" s="116">
        <v>64296</v>
      </c>
      <c r="BD36" s="119">
        <v>64296</v>
      </c>
      <c r="BE36" s="113">
        <v>0</v>
      </c>
      <c r="BF36" s="117">
        <v>4912</v>
      </c>
      <c r="BG36" s="115">
        <v>4912</v>
      </c>
      <c r="BH36" s="114">
        <v>0</v>
      </c>
      <c r="BI36" s="117">
        <v>0</v>
      </c>
      <c r="BJ36" s="117">
        <v>115432</v>
      </c>
      <c r="BK36" s="117">
        <v>0</v>
      </c>
      <c r="BL36" s="117">
        <v>0</v>
      </c>
      <c r="BM36" s="117">
        <v>0</v>
      </c>
      <c r="BN36" s="116">
        <v>115432</v>
      </c>
      <c r="BO36" s="119">
        <v>120344</v>
      </c>
      <c r="BP36" s="113">
        <v>0</v>
      </c>
      <c r="BQ36" s="117">
        <v>0</v>
      </c>
      <c r="BR36" s="116">
        <v>0</v>
      </c>
      <c r="BS36" s="113">
        <v>0</v>
      </c>
      <c r="BT36" s="117">
        <v>0</v>
      </c>
      <c r="BU36" s="117">
        <v>4136</v>
      </c>
      <c r="BV36" s="117">
        <v>4128</v>
      </c>
      <c r="BW36" s="117">
        <v>5456</v>
      </c>
      <c r="BX36" s="117">
        <v>0</v>
      </c>
      <c r="BY36" s="116">
        <v>13720</v>
      </c>
      <c r="BZ36" s="119">
        <v>13720</v>
      </c>
      <c r="CA36" s="113">
        <v>0</v>
      </c>
      <c r="CB36" s="117">
        <v>0</v>
      </c>
      <c r="CC36" s="116">
        <v>0</v>
      </c>
      <c r="CD36" s="113">
        <v>0</v>
      </c>
      <c r="CE36" s="117">
        <v>204614</v>
      </c>
      <c r="CF36" s="117">
        <v>367894</v>
      </c>
      <c r="CG36" s="117">
        <v>135010</v>
      </c>
      <c r="CH36" s="117">
        <v>0</v>
      </c>
      <c r="CI36" s="117">
        <v>0</v>
      </c>
      <c r="CJ36" s="116">
        <v>707518</v>
      </c>
      <c r="CK36" s="119">
        <v>707518</v>
      </c>
      <c r="CL36" s="113">
        <v>0</v>
      </c>
      <c r="CM36" s="117">
        <v>0</v>
      </c>
      <c r="CN36" s="116">
        <v>0</v>
      </c>
      <c r="CO36" s="114">
        <v>0</v>
      </c>
      <c r="CP36" s="117">
        <v>204614</v>
      </c>
      <c r="CQ36" s="117">
        <v>268426</v>
      </c>
      <c r="CR36" s="117">
        <v>28026</v>
      </c>
      <c r="CS36" s="117">
        <v>0</v>
      </c>
      <c r="CT36" s="117">
        <v>0</v>
      </c>
      <c r="CU36" s="116">
        <v>501066</v>
      </c>
      <c r="CV36" s="119">
        <v>501066</v>
      </c>
      <c r="CW36" s="113">
        <v>0</v>
      </c>
      <c r="CX36" s="117">
        <v>0</v>
      </c>
      <c r="CY36" s="116">
        <v>0</v>
      </c>
      <c r="CZ36" s="113">
        <v>0</v>
      </c>
      <c r="DA36" s="117">
        <v>0</v>
      </c>
      <c r="DB36" s="117">
        <v>99468</v>
      </c>
      <c r="DC36" s="117">
        <v>106984</v>
      </c>
      <c r="DD36" s="117">
        <v>0</v>
      </c>
      <c r="DE36" s="117">
        <v>0</v>
      </c>
      <c r="DF36" s="116">
        <v>206452</v>
      </c>
      <c r="DG36" s="119">
        <v>206452</v>
      </c>
      <c r="DH36" s="113">
        <v>0</v>
      </c>
      <c r="DI36" s="117">
        <v>0</v>
      </c>
      <c r="DJ36" s="115">
        <v>0</v>
      </c>
      <c r="DK36" s="114">
        <v>0</v>
      </c>
      <c r="DL36" s="117">
        <v>66226</v>
      </c>
      <c r="DM36" s="117">
        <v>86770</v>
      </c>
      <c r="DN36" s="117">
        <v>39937</v>
      </c>
      <c r="DO36" s="117">
        <v>0</v>
      </c>
      <c r="DP36" s="117">
        <v>0</v>
      </c>
      <c r="DQ36" s="116">
        <v>192933</v>
      </c>
      <c r="DR36" s="119">
        <v>192933</v>
      </c>
      <c r="DS36" s="113">
        <v>0</v>
      </c>
      <c r="DT36" s="117">
        <v>0</v>
      </c>
      <c r="DU36" s="116">
        <v>0</v>
      </c>
      <c r="DV36" s="113">
        <v>0</v>
      </c>
      <c r="DW36" s="117">
        <v>66226</v>
      </c>
      <c r="DX36" s="117">
        <v>86770</v>
      </c>
      <c r="DY36" s="117">
        <v>39937</v>
      </c>
      <c r="DZ36" s="117">
        <v>0</v>
      </c>
      <c r="EA36" s="117">
        <v>0</v>
      </c>
      <c r="EB36" s="116">
        <v>192933</v>
      </c>
      <c r="EC36" s="119">
        <v>192933</v>
      </c>
      <c r="ED36" s="113">
        <v>0</v>
      </c>
      <c r="EE36" s="115">
        <v>0</v>
      </c>
      <c r="EF36" s="116">
        <v>0</v>
      </c>
      <c r="EG36" s="113">
        <v>0</v>
      </c>
      <c r="EH36" s="117">
        <v>0</v>
      </c>
      <c r="EI36" s="117">
        <v>0</v>
      </c>
      <c r="EJ36" s="117">
        <v>0</v>
      </c>
      <c r="EK36" s="117">
        <v>0</v>
      </c>
      <c r="EL36" s="117">
        <v>0</v>
      </c>
      <c r="EM36" s="115">
        <v>0</v>
      </c>
      <c r="EN36" s="119">
        <v>0</v>
      </c>
      <c r="EO36" s="113">
        <v>0</v>
      </c>
      <c r="EP36" s="117">
        <v>0</v>
      </c>
      <c r="EQ36" s="115">
        <v>0</v>
      </c>
      <c r="ER36" s="114">
        <v>0</v>
      </c>
      <c r="ES36" s="117">
        <v>0</v>
      </c>
      <c r="ET36" s="117">
        <v>0</v>
      </c>
      <c r="EU36" s="117">
        <v>0</v>
      </c>
      <c r="EV36" s="117">
        <v>0</v>
      </c>
      <c r="EW36" s="117">
        <v>0</v>
      </c>
      <c r="EX36" s="116">
        <v>0</v>
      </c>
      <c r="EY36" s="119">
        <v>0</v>
      </c>
      <c r="EZ36" s="113">
        <v>0</v>
      </c>
      <c r="FA36" s="117">
        <v>0</v>
      </c>
      <c r="FB36" s="115">
        <v>0</v>
      </c>
      <c r="FC36" s="395"/>
      <c r="FD36" s="117">
        <v>0</v>
      </c>
      <c r="FE36" s="117">
        <v>0</v>
      </c>
      <c r="FF36" s="117">
        <v>0</v>
      </c>
      <c r="FG36" s="117">
        <v>0</v>
      </c>
      <c r="FH36" s="117">
        <v>0</v>
      </c>
      <c r="FI36" s="116">
        <v>0</v>
      </c>
      <c r="FJ36" s="119">
        <v>0</v>
      </c>
      <c r="FK36" s="113">
        <v>6152</v>
      </c>
      <c r="FL36" s="117">
        <v>3600</v>
      </c>
      <c r="FM36" s="116">
        <v>9752</v>
      </c>
      <c r="FN36" s="113">
        <v>0</v>
      </c>
      <c r="FO36" s="117">
        <v>6240</v>
      </c>
      <c r="FP36" s="117">
        <v>70152</v>
      </c>
      <c r="FQ36" s="117">
        <v>44000</v>
      </c>
      <c r="FR36" s="117">
        <v>0</v>
      </c>
      <c r="FS36" s="117">
        <v>0</v>
      </c>
      <c r="FT36" s="116">
        <v>120392</v>
      </c>
      <c r="FU36" s="119">
        <v>130144</v>
      </c>
      <c r="FV36" s="118">
        <v>6152</v>
      </c>
      <c r="FW36" s="117">
        <v>3600</v>
      </c>
      <c r="FX36" s="115">
        <v>9752</v>
      </c>
      <c r="FY36" s="114">
        <v>0</v>
      </c>
      <c r="FZ36" s="117">
        <v>6240</v>
      </c>
      <c r="GA36" s="117">
        <v>70152</v>
      </c>
      <c r="GB36" s="117">
        <v>44000</v>
      </c>
      <c r="GC36" s="117">
        <v>0</v>
      </c>
      <c r="GD36" s="117">
        <v>0</v>
      </c>
      <c r="GE36" s="116">
        <v>120392</v>
      </c>
      <c r="GF36" s="357">
        <v>130144</v>
      </c>
      <c r="GG36" s="118">
        <v>0</v>
      </c>
      <c r="GH36" s="117">
        <v>0</v>
      </c>
      <c r="GI36" s="115">
        <v>0</v>
      </c>
      <c r="GJ36" s="114">
        <v>0</v>
      </c>
      <c r="GK36" s="117">
        <v>0</v>
      </c>
      <c r="GL36" s="117">
        <v>0</v>
      </c>
      <c r="GM36" s="117">
        <v>0</v>
      </c>
      <c r="GN36" s="117">
        <v>0</v>
      </c>
      <c r="GO36" s="117">
        <v>0</v>
      </c>
      <c r="GP36" s="116">
        <v>0</v>
      </c>
      <c r="GQ36" s="119">
        <v>0</v>
      </c>
      <c r="GR36" s="113">
        <v>0</v>
      </c>
      <c r="GS36" s="117">
        <v>0</v>
      </c>
      <c r="GT36" s="116">
        <v>0</v>
      </c>
      <c r="GU36" s="113">
        <v>0</v>
      </c>
      <c r="GV36" s="117">
        <v>0</v>
      </c>
      <c r="GW36" s="117">
        <v>0</v>
      </c>
      <c r="GX36" s="117">
        <v>0</v>
      </c>
      <c r="GY36" s="117">
        <v>0</v>
      </c>
      <c r="GZ36" s="117">
        <v>0</v>
      </c>
      <c r="HA36" s="115">
        <v>0</v>
      </c>
      <c r="HB36" s="119">
        <v>0</v>
      </c>
      <c r="HC36" s="113">
        <v>0</v>
      </c>
      <c r="HD36" s="117">
        <v>0</v>
      </c>
      <c r="HE36" s="115">
        <v>0</v>
      </c>
      <c r="HF36" s="114">
        <v>0</v>
      </c>
      <c r="HG36" s="117">
        <v>0</v>
      </c>
      <c r="HH36" s="117">
        <v>168920</v>
      </c>
      <c r="HI36" s="117">
        <v>0</v>
      </c>
      <c r="HJ36" s="117">
        <v>0</v>
      </c>
      <c r="HK36" s="117">
        <v>0</v>
      </c>
      <c r="HL36" s="116">
        <v>168920</v>
      </c>
      <c r="HM36" s="112">
        <v>168920</v>
      </c>
      <c r="HN36" s="395"/>
      <c r="HO36" s="395"/>
      <c r="HP36" s="395"/>
      <c r="HQ36" s="395"/>
      <c r="HR36" s="395"/>
      <c r="HS36" s="395"/>
      <c r="HT36" s="395"/>
      <c r="HU36" s="395"/>
      <c r="HV36" s="395"/>
      <c r="HW36" s="395"/>
      <c r="HX36" s="395"/>
      <c r="HY36" s="166">
        <v>0</v>
      </c>
      <c r="HZ36" s="152">
        <v>0</v>
      </c>
      <c r="IA36" s="166">
        <v>0</v>
      </c>
      <c r="IB36" s="151">
        <v>0</v>
      </c>
      <c r="IC36" s="152">
        <v>32366</v>
      </c>
      <c r="ID36" s="153">
        <v>913319</v>
      </c>
      <c r="IE36" s="154">
        <v>132558</v>
      </c>
      <c r="IF36" s="152">
        <v>247318</v>
      </c>
      <c r="IG36" s="154">
        <v>114086</v>
      </c>
      <c r="IH36" s="155">
        <v>1439647</v>
      </c>
      <c r="II36" s="166">
        <v>1439647</v>
      </c>
      <c r="IJ36" s="259">
        <v>0</v>
      </c>
      <c r="IK36" s="266">
        <v>0</v>
      </c>
      <c r="IL36" s="267">
        <v>0</v>
      </c>
      <c r="IM36" s="395"/>
      <c r="IN36" s="123">
        <v>0</v>
      </c>
      <c r="IO36" s="123">
        <v>0</v>
      </c>
      <c r="IP36" s="123">
        <v>0</v>
      </c>
      <c r="IQ36" s="123">
        <v>0</v>
      </c>
      <c r="IR36" s="123">
        <v>0</v>
      </c>
      <c r="IS36" s="158">
        <v>0</v>
      </c>
      <c r="IT36" s="360">
        <v>0</v>
      </c>
      <c r="IU36" s="159">
        <v>0</v>
      </c>
      <c r="IV36" s="123">
        <v>0</v>
      </c>
      <c r="IW36" s="124">
        <v>0</v>
      </c>
      <c r="IX36" s="395"/>
      <c r="IY36" s="123">
        <v>0</v>
      </c>
      <c r="IZ36" s="123">
        <v>0</v>
      </c>
      <c r="JA36" s="123">
        <v>0</v>
      </c>
      <c r="JB36" s="123">
        <v>0</v>
      </c>
      <c r="JC36" s="123">
        <v>0</v>
      </c>
      <c r="JD36" s="124">
        <v>0</v>
      </c>
      <c r="JE36" s="125">
        <v>0</v>
      </c>
      <c r="JF36" s="159">
        <v>0</v>
      </c>
      <c r="JG36" s="123">
        <v>0</v>
      </c>
      <c r="JH36" s="158">
        <v>0</v>
      </c>
      <c r="JI36" s="122">
        <v>0</v>
      </c>
      <c r="JJ36" s="123">
        <v>32366</v>
      </c>
      <c r="JK36" s="123">
        <v>4566</v>
      </c>
      <c r="JL36" s="123">
        <v>0</v>
      </c>
      <c r="JM36" s="123">
        <v>0</v>
      </c>
      <c r="JN36" s="123">
        <v>0</v>
      </c>
      <c r="JO36" s="124">
        <v>36932</v>
      </c>
      <c r="JP36" s="360">
        <v>36932</v>
      </c>
      <c r="JQ36" s="159">
        <v>0</v>
      </c>
      <c r="JR36" s="123">
        <v>0</v>
      </c>
      <c r="JS36" s="158">
        <v>0</v>
      </c>
      <c r="JT36" s="122">
        <v>0</v>
      </c>
      <c r="JU36" s="123">
        <v>0</v>
      </c>
      <c r="JV36" s="123">
        <v>0</v>
      </c>
      <c r="JW36" s="123">
        <v>132558</v>
      </c>
      <c r="JX36" s="123">
        <v>0</v>
      </c>
      <c r="JY36" s="123">
        <v>0</v>
      </c>
      <c r="JZ36" s="124">
        <v>132558</v>
      </c>
      <c r="KA36" s="360">
        <v>132558</v>
      </c>
      <c r="KB36" s="262">
        <v>0</v>
      </c>
      <c r="KC36" s="256">
        <v>0</v>
      </c>
      <c r="KD36" s="124">
        <v>0</v>
      </c>
      <c r="KE36" s="122">
        <v>0</v>
      </c>
      <c r="KF36" s="123">
        <v>0</v>
      </c>
      <c r="KG36" s="123">
        <v>179008</v>
      </c>
      <c r="KH36" s="123">
        <v>0</v>
      </c>
      <c r="KI36" s="123">
        <v>0</v>
      </c>
      <c r="KJ36" s="123">
        <v>0</v>
      </c>
      <c r="KK36" s="124">
        <v>179008</v>
      </c>
      <c r="KL36" s="160">
        <v>179008</v>
      </c>
      <c r="KM36" s="259">
        <v>0</v>
      </c>
      <c r="KN36" s="266">
        <v>0</v>
      </c>
      <c r="KO36" s="267">
        <v>0</v>
      </c>
      <c r="KP36" s="395"/>
      <c r="KQ36" s="123">
        <v>0</v>
      </c>
      <c r="KR36" s="123">
        <v>729745</v>
      </c>
      <c r="KS36" s="123">
        <v>0</v>
      </c>
      <c r="KT36" s="123">
        <v>247318</v>
      </c>
      <c r="KU36" s="123">
        <v>114086</v>
      </c>
      <c r="KV36" s="124">
        <v>1091149</v>
      </c>
      <c r="KW36" s="360">
        <v>1091149</v>
      </c>
      <c r="KX36" s="159">
        <v>0</v>
      </c>
      <c r="KY36" s="123">
        <v>0</v>
      </c>
      <c r="KZ36" s="124">
        <v>0</v>
      </c>
      <c r="LA36" s="395"/>
      <c r="LB36" s="123">
        <v>0</v>
      </c>
      <c r="LC36" s="123">
        <v>0</v>
      </c>
      <c r="LD36" s="123">
        <v>0</v>
      </c>
      <c r="LE36" s="123">
        <v>0</v>
      </c>
      <c r="LF36" s="123">
        <v>0</v>
      </c>
      <c r="LG36" s="124">
        <v>0</v>
      </c>
      <c r="LH36" s="125">
        <v>0</v>
      </c>
      <c r="LI36" s="159">
        <v>0</v>
      </c>
      <c r="LJ36" s="123">
        <v>0</v>
      </c>
      <c r="LK36" s="124">
        <v>0</v>
      </c>
      <c r="LL36" s="395"/>
      <c r="LM36" s="123">
        <v>0</v>
      </c>
      <c r="LN36" s="123">
        <v>0</v>
      </c>
      <c r="LO36" s="123">
        <v>0</v>
      </c>
      <c r="LP36" s="123">
        <v>0</v>
      </c>
      <c r="LQ36" s="123">
        <v>0</v>
      </c>
      <c r="LR36" s="124">
        <v>0</v>
      </c>
      <c r="LS36" s="360">
        <v>0</v>
      </c>
      <c r="LT36" s="159">
        <v>0</v>
      </c>
      <c r="LU36" s="123">
        <v>0</v>
      </c>
      <c r="LV36" s="124">
        <v>0</v>
      </c>
      <c r="LW36" s="395"/>
      <c r="LX36" s="123">
        <v>0</v>
      </c>
      <c r="LY36" s="123">
        <v>0</v>
      </c>
      <c r="LZ36" s="123">
        <v>0</v>
      </c>
      <c r="MA36" s="123">
        <v>0</v>
      </c>
      <c r="MB36" s="123">
        <v>0</v>
      </c>
      <c r="MC36" s="124">
        <v>0</v>
      </c>
      <c r="MD36" s="125">
        <v>0</v>
      </c>
      <c r="ME36" s="159">
        <v>0</v>
      </c>
      <c r="MF36" s="123">
        <v>0</v>
      </c>
      <c r="MG36" s="124">
        <v>0</v>
      </c>
      <c r="MH36" s="395"/>
      <c r="MI36" s="123">
        <v>0</v>
      </c>
      <c r="MJ36" s="123">
        <v>479432</v>
      </c>
      <c r="MK36" s="123">
        <v>251696</v>
      </c>
      <c r="ML36" s="123">
        <v>374460</v>
      </c>
      <c r="MM36" s="123">
        <v>0</v>
      </c>
      <c r="MN36" s="124">
        <v>1105588</v>
      </c>
      <c r="MO36" s="160">
        <v>1105588</v>
      </c>
      <c r="MP36" s="159">
        <v>0</v>
      </c>
      <c r="MQ36" s="123">
        <v>0</v>
      </c>
      <c r="MR36" s="124">
        <v>0</v>
      </c>
      <c r="MS36" s="395"/>
      <c r="MT36" s="123">
        <v>0</v>
      </c>
      <c r="MU36" s="123">
        <v>0</v>
      </c>
      <c r="MV36" s="123">
        <v>251696</v>
      </c>
      <c r="MW36" s="123">
        <v>0</v>
      </c>
      <c r="MX36" s="123">
        <v>0</v>
      </c>
      <c r="MY36" s="124">
        <v>251696</v>
      </c>
      <c r="MZ36" s="160">
        <v>251696</v>
      </c>
      <c r="NA36" s="159">
        <v>0</v>
      </c>
      <c r="NB36" s="123">
        <v>0</v>
      </c>
      <c r="NC36" s="124">
        <v>0</v>
      </c>
      <c r="ND36" s="395"/>
      <c r="NE36" s="123">
        <v>0</v>
      </c>
      <c r="NF36" s="123">
        <v>479432</v>
      </c>
      <c r="NG36" s="123">
        <v>0</v>
      </c>
      <c r="NH36" s="123">
        <v>374460</v>
      </c>
      <c r="NI36" s="123">
        <v>0</v>
      </c>
      <c r="NJ36" s="124">
        <v>853892</v>
      </c>
      <c r="NK36" s="360">
        <v>853892</v>
      </c>
      <c r="NL36" s="159">
        <v>0</v>
      </c>
      <c r="NM36" s="123">
        <v>0</v>
      </c>
      <c r="NN36" s="124">
        <v>0</v>
      </c>
      <c r="NO36" s="395"/>
      <c r="NP36" s="123">
        <v>0</v>
      </c>
      <c r="NQ36" s="123">
        <v>0</v>
      </c>
      <c r="NR36" s="123">
        <v>0</v>
      </c>
      <c r="NS36" s="123">
        <v>0</v>
      </c>
      <c r="NT36" s="123">
        <v>0</v>
      </c>
      <c r="NU36" s="124">
        <v>0</v>
      </c>
      <c r="NV36" s="125">
        <v>0</v>
      </c>
      <c r="NW36" s="159">
        <v>0</v>
      </c>
      <c r="NX36" s="123">
        <v>0</v>
      </c>
      <c r="NY36" s="124">
        <v>0</v>
      </c>
      <c r="NZ36" s="395"/>
      <c r="OA36" s="123">
        <v>0</v>
      </c>
      <c r="OB36" s="123">
        <v>0</v>
      </c>
      <c r="OC36" s="123">
        <v>0</v>
      </c>
      <c r="OD36" s="123">
        <v>0</v>
      </c>
      <c r="OE36" s="123">
        <v>0</v>
      </c>
      <c r="OF36" s="124">
        <v>0</v>
      </c>
      <c r="OG36" s="125">
        <v>0</v>
      </c>
      <c r="OH36" s="159">
        <v>6152</v>
      </c>
      <c r="OI36" s="123">
        <v>8512</v>
      </c>
      <c r="OJ36" s="158">
        <v>14664</v>
      </c>
      <c r="OK36" s="122">
        <v>0</v>
      </c>
      <c r="OL36" s="123">
        <v>376654</v>
      </c>
      <c r="OM36" s="123">
        <v>2249319</v>
      </c>
      <c r="ON36" s="123">
        <v>791454</v>
      </c>
      <c r="OO36" s="123">
        <v>627234</v>
      </c>
      <c r="OP36" s="123">
        <v>114086</v>
      </c>
      <c r="OQ36" s="124">
        <v>4158747</v>
      </c>
      <c r="OR36" s="160">
        <v>4173411</v>
      </c>
    </row>
    <row r="37" spans="1:408" ht="20.25" customHeight="1" x14ac:dyDescent="0.2">
      <c r="A37" s="130" t="s">
        <v>32</v>
      </c>
      <c r="B37" s="113">
        <v>0</v>
      </c>
      <c r="C37" s="117">
        <v>24560</v>
      </c>
      <c r="D37" s="199">
        <v>24560</v>
      </c>
      <c r="E37" s="200">
        <v>0</v>
      </c>
      <c r="F37" s="201">
        <v>434943</v>
      </c>
      <c r="G37" s="201">
        <v>503554</v>
      </c>
      <c r="H37" s="201">
        <v>156013</v>
      </c>
      <c r="I37" s="201">
        <v>839328</v>
      </c>
      <c r="J37" s="201">
        <v>41312</v>
      </c>
      <c r="K37" s="202">
        <v>1975150</v>
      </c>
      <c r="L37" s="119">
        <v>1999710</v>
      </c>
      <c r="M37" s="113">
        <v>0</v>
      </c>
      <c r="N37" s="117">
        <v>17360</v>
      </c>
      <c r="O37" s="116">
        <v>17360</v>
      </c>
      <c r="P37" s="113">
        <v>0</v>
      </c>
      <c r="Q37" s="117">
        <v>72208</v>
      </c>
      <c r="R37" s="117">
        <v>220282</v>
      </c>
      <c r="S37" s="117">
        <v>132029</v>
      </c>
      <c r="T37" s="117">
        <v>393664</v>
      </c>
      <c r="U37" s="117">
        <v>20032</v>
      </c>
      <c r="V37" s="116">
        <v>838215</v>
      </c>
      <c r="W37" s="119">
        <v>855575</v>
      </c>
      <c r="X37" s="113">
        <v>0</v>
      </c>
      <c r="Y37" s="117">
        <v>0</v>
      </c>
      <c r="Z37" s="116">
        <v>0</v>
      </c>
      <c r="AA37" s="113">
        <v>0</v>
      </c>
      <c r="AB37" s="117">
        <v>7936</v>
      </c>
      <c r="AC37" s="117">
        <v>148282</v>
      </c>
      <c r="AD37" s="117">
        <v>54646</v>
      </c>
      <c r="AE37" s="117">
        <v>322624</v>
      </c>
      <c r="AF37" s="117">
        <v>0</v>
      </c>
      <c r="AG37" s="116">
        <v>533488</v>
      </c>
      <c r="AH37" s="119">
        <v>533488</v>
      </c>
      <c r="AI37" s="113">
        <v>0</v>
      </c>
      <c r="AJ37" s="117">
        <v>0</v>
      </c>
      <c r="AK37" s="116">
        <v>0</v>
      </c>
      <c r="AL37" s="113">
        <v>0</v>
      </c>
      <c r="AM37" s="117">
        <v>0</v>
      </c>
      <c r="AN37" s="117">
        <v>0</v>
      </c>
      <c r="AO37" s="117">
        <v>0</v>
      </c>
      <c r="AP37" s="117">
        <v>0</v>
      </c>
      <c r="AQ37" s="117">
        <v>0</v>
      </c>
      <c r="AR37" s="116">
        <v>0</v>
      </c>
      <c r="AS37" s="119">
        <v>0</v>
      </c>
      <c r="AT37" s="113">
        <v>0</v>
      </c>
      <c r="AU37" s="117">
        <v>17360</v>
      </c>
      <c r="AV37" s="116">
        <v>17360</v>
      </c>
      <c r="AW37" s="113">
        <v>0</v>
      </c>
      <c r="AX37" s="117">
        <v>64272</v>
      </c>
      <c r="AY37" s="117">
        <v>56352</v>
      </c>
      <c r="AZ37" s="117">
        <v>51103</v>
      </c>
      <c r="BA37" s="117">
        <v>0</v>
      </c>
      <c r="BB37" s="117">
        <v>20032</v>
      </c>
      <c r="BC37" s="116">
        <v>191759</v>
      </c>
      <c r="BD37" s="119">
        <v>209119</v>
      </c>
      <c r="BE37" s="113">
        <v>0</v>
      </c>
      <c r="BF37" s="117">
        <v>0</v>
      </c>
      <c r="BG37" s="115">
        <v>0</v>
      </c>
      <c r="BH37" s="114">
        <v>0</v>
      </c>
      <c r="BI37" s="117">
        <v>0</v>
      </c>
      <c r="BJ37" s="117">
        <v>0</v>
      </c>
      <c r="BK37" s="117">
        <v>0</v>
      </c>
      <c r="BL37" s="117">
        <v>0</v>
      </c>
      <c r="BM37" s="117">
        <v>0</v>
      </c>
      <c r="BN37" s="116">
        <v>0</v>
      </c>
      <c r="BO37" s="119">
        <v>0</v>
      </c>
      <c r="BP37" s="113">
        <v>0</v>
      </c>
      <c r="BQ37" s="117">
        <v>0</v>
      </c>
      <c r="BR37" s="116">
        <v>0</v>
      </c>
      <c r="BS37" s="113">
        <v>0</v>
      </c>
      <c r="BT37" s="117">
        <v>0</v>
      </c>
      <c r="BU37" s="117">
        <v>15648</v>
      </c>
      <c r="BV37" s="117">
        <v>26280</v>
      </c>
      <c r="BW37" s="117">
        <v>71040</v>
      </c>
      <c r="BX37" s="117">
        <v>0</v>
      </c>
      <c r="BY37" s="116">
        <v>112968</v>
      </c>
      <c r="BZ37" s="119">
        <v>112968</v>
      </c>
      <c r="CA37" s="113">
        <v>0</v>
      </c>
      <c r="CB37" s="117">
        <v>0</v>
      </c>
      <c r="CC37" s="116">
        <v>0</v>
      </c>
      <c r="CD37" s="113">
        <v>0</v>
      </c>
      <c r="CE37" s="117">
        <v>320967</v>
      </c>
      <c r="CF37" s="117">
        <v>40464</v>
      </c>
      <c r="CG37" s="117">
        <v>0</v>
      </c>
      <c r="CH37" s="117">
        <v>0</v>
      </c>
      <c r="CI37" s="117">
        <v>0</v>
      </c>
      <c r="CJ37" s="116">
        <v>361431</v>
      </c>
      <c r="CK37" s="119">
        <v>361431</v>
      </c>
      <c r="CL37" s="113">
        <v>0</v>
      </c>
      <c r="CM37" s="117">
        <v>0</v>
      </c>
      <c r="CN37" s="116">
        <v>0</v>
      </c>
      <c r="CO37" s="114">
        <v>0</v>
      </c>
      <c r="CP37" s="117">
        <v>164456</v>
      </c>
      <c r="CQ37" s="117">
        <v>40464</v>
      </c>
      <c r="CR37" s="117">
        <v>0</v>
      </c>
      <c r="CS37" s="117">
        <v>0</v>
      </c>
      <c r="CT37" s="117">
        <v>0</v>
      </c>
      <c r="CU37" s="116">
        <v>204920</v>
      </c>
      <c r="CV37" s="119">
        <v>204920</v>
      </c>
      <c r="CW37" s="113">
        <v>0</v>
      </c>
      <c r="CX37" s="117">
        <v>0</v>
      </c>
      <c r="CY37" s="116">
        <v>0</v>
      </c>
      <c r="CZ37" s="113">
        <v>0</v>
      </c>
      <c r="DA37" s="117">
        <v>156511</v>
      </c>
      <c r="DB37" s="117">
        <v>0</v>
      </c>
      <c r="DC37" s="117">
        <v>0</v>
      </c>
      <c r="DD37" s="117">
        <v>0</v>
      </c>
      <c r="DE37" s="117">
        <v>0</v>
      </c>
      <c r="DF37" s="116">
        <v>156511</v>
      </c>
      <c r="DG37" s="119">
        <v>156511</v>
      </c>
      <c r="DH37" s="113">
        <v>0</v>
      </c>
      <c r="DI37" s="117">
        <v>0</v>
      </c>
      <c r="DJ37" s="115">
        <v>0</v>
      </c>
      <c r="DK37" s="114">
        <v>0</v>
      </c>
      <c r="DL37" s="117">
        <v>14408</v>
      </c>
      <c r="DM37" s="117">
        <v>0</v>
      </c>
      <c r="DN37" s="117">
        <v>0</v>
      </c>
      <c r="DO37" s="117">
        <v>0</v>
      </c>
      <c r="DP37" s="117">
        <v>0</v>
      </c>
      <c r="DQ37" s="116">
        <v>14408</v>
      </c>
      <c r="DR37" s="119">
        <v>14408</v>
      </c>
      <c r="DS37" s="113">
        <v>0</v>
      </c>
      <c r="DT37" s="117">
        <v>0</v>
      </c>
      <c r="DU37" s="116">
        <v>0</v>
      </c>
      <c r="DV37" s="113">
        <v>0</v>
      </c>
      <c r="DW37" s="117">
        <v>14408</v>
      </c>
      <c r="DX37" s="117">
        <v>0</v>
      </c>
      <c r="DY37" s="117">
        <v>0</v>
      </c>
      <c r="DZ37" s="117">
        <v>0</v>
      </c>
      <c r="EA37" s="117">
        <v>0</v>
      </c>
      <c r="EB37" s="116">
        <v>14408</v>
      </c>
      <c r="EC37" s="119">
        <v>14408</v>
      </c>
      <c r="ED37" s="113">
        <v>0</v>
      </c>
      <c r="EE37" s="115">
        <v>0</v>
      </c>
      <c r="EF37" s="116">
        <v>0</v>
      </c>
      <c r="EG37" s="113">
        <v>0</v>
      </c>
      <c r="EH37" s="117">
        <v>0</v>
      </c>
      <c r="EI37" s="117">
        <v>0</v>
      </c>
      <c r="EJ37" s="117">
        <v>0</v>
      </c>
      <c r="EK37" s="117">
        <v>0</v>
      </c>
      <c r="EL37" s="117">
        <v>0</v>
      </c>
      <c r="EM37" s="115">
        <v>0</v>
      </c>
      <c r="EN37" s="119">
        <v>0</v>
      </c>
      <c r="EO37" s="113">
        <v>0</v>
      </c>
      <c r="EP37" s="117">
        <v>0</v>
      </c>
      <c r="EQ37" s="115">
        <v>0</v>
      </c>
      <c r="ER37" s="114">
        <v>0</v>
      </c>
      <c r="ES37" s="117">
        <v>0</v>
      </c>
      <c r="ET37" s="117">
        <v>0</v>
      </c>
      <c r="EU37" s="117">
        <v>0</v>
      </c>
      <c r="EV37" s="117">
        <v>0</v>
      </c>
      <c r="EW37" s="117">
        <v>0</v>
      </c>
      <c r="EX37" s="116">
        <v>0</v>
      </c>
      <c r="EY37" s="119">
        <v>0</v>
      </c>
      <c r="EZ37" s="113">
        <v>0</v>
      </c>
      <c r="FA37" s="117">
        <v>0</v>
      </c>
      <c r="FB37" s="115">
        <v>0</v>
      </c>
      <c r="FC37" s="395"/>
      <c r="FD37" s="117">
        <v>0</v>
      </c>
      <c r="FE37" s="117">
        <v>0</v>
      </c>
      <c r="FF37" s="117">
        <v>0</v>
      </c>
      <c r="FG37" s="117">
        <v>0</v>
      </c>
      <c r="FH37" s="117">
        <v>0</v>
      </c>
      <c r="FI37" s="116">
        <v>0</v>
      </c>
      <c r="FJ37" s="119">
        <v>0</v>
      </c>
      <c r="FK37" s="113">
        <v>0</v>
      </c>
      <c r="FL37" s="117">
        <v>7200</v>
      </c>
      <c r="FM37" s="116">
        <v>7200</v>
      </c>
      <c r="FN37" s="113">
        <v>0</v>
      </c>
      <c r="FO37" s="117">
        <v>27360</v>
      </c>
      <c r="FP37" s="117">
        <v>73888</v>
      </c>
      <c r="FQ37" s="117">
        <v>23984</v>
      </c>
      <c r="FR37" s="117">
        <v>36144</v>
      </c>
      <c r="FS37" s="117">
        <v>21280</v>
      </c>
      <c r="FT37" s="116">
        <v>182656</v>
      </c>
      <c r="FU37" s="119">
        <v>189856</v>
      </c>
      <c r="FV37" s="118">
        <v>0</v>
      </c>
      <c r="FW37" s="117">
        <v>7200</v>
      </c>
      <c r="FX37" s="115">
        <v>7200</v>
      </c>
      <c r="FY37" s="114">
        <v>0</v>
      </c>
      <c r="FZ37" s="117">
        <v>27360</v>
      </c>
      <c r="GA37" s="117">
        <v>73888</v>
      </c>
      <c r="GB37" s="117">
        <v>23984</v>
      </c>
      <c r="GC37" s="117">
        <v>36144</v>
      </c>
      <c r="GD37" s="117">
        <v>21280</v>
      </c>
      <c r="GE37" s="116">
        <v>182656</v>
      </c>
      <c r="GF37" s="357">
        <v>189856</v>
      </c>
      <c r="GG37" s="118">
        <v>0</v>
      </c>
      <c r="GH37" s="117">
        <v>0</v>
      </c>
      <c r="GI37" s="115">
        <v>0</v>
      </c>
      <c r="GJ37" s="114">
        <v>0</v>
      </c>
      <c r="GK37" s="117">
        <v>0</v>
      </c>
      <c r="GL37" s="117">
        <v>0</v>
      </c>
      <c r="GM37" s="117">
        <v>0</v>
      </c>
      <c r="GN37" s="117">
        <v>0</v>
      </c>
      <c r="GO37" s="117">
        <v>0</v>
      </c>
      <c r="GP37" s="116">
        <v>0</v>
      </c>
      <c r="GQ37" s="119">
        <v>0</v>
      </c>
      <c r="GR37" s="113">
        <v>0</v>
      </c>
      <c r="GS37" s="117">
        <v>0</v>
      </c>
      <c r="GT37" s="116">
        <v>0</v>
      </c>
      <c r="GU37" s="113">
        <v>0</v>
      </c>
      <c r="GV37" s="117">
        <v>0</v>
      </c>
      <c r="GW37" s="117">
        <v>0</v>
      </c>
      <c r="GX37" s="117">
        <v>0</v>
      </c>
      <c r="GY37" s="117">
        <v>0</v>
      </c>
      <c r="GZ37" s="117">
        <v>0</v>
      </c>
      <c r="HA37" s="115">
        <v>0</v>
      </c>
      <c r="HB37" s="119">
        <v>0</v>
      </c>
      <c r="HC37" s="113">
        <v>0</v>
      </c>
      <c r="HD37" s="117">
        <v>0</v>
      </c>
      <c r="HE37" s="115">
        <v>0</v>
      </c>
      <c r="HF37" s="114">
        <v>0</v>
      </c>
      <c r="HG37" s="117">
        <v>0</v>
      </c>
      <c r="HH37" s="117">
        <v>168920</v>
      </c>
      <c r="HI37" s="117">
        <v>0</v>
      </c>
      <c r="HJ37" s="117">
        <v>409520</v>
      </c>
      <c r="HK37" s="117">
        <v>0</v>
      </c>
      <c r="HL37" s="116">
        <v>578440</v>
      </c>
      <c r="HM37" s="112">
        <v>578440</v>
      </c>
      <c r="HN37" s="395"/>
      <c r="HO37" s="395"/>
      <c r="HP37" s="395"/>
      <c r="HQ37" s="395"/>
      <c r="HR37" s="395"/>
      <c r="HS37" s="395"/>
      <c r="HT37" s="395"/>
      <c r="HU37" s="395"/>
      <c r="HV37" s="395"/>
      <c r="HW37" s="395"/>
      <c r="HX37" s="395"/>
      <c r="HY37" s="148">
        <v>0</v>
      </c>
      <c r="HZ37" s="149">
        <v>0</v>
      </c>
      <c r="IA37" s="150">
        <v>0</v>
      </c>
      <c r="IB37" s="162">
        <v>0</v>
      </c>
      <c r="IC37" s="149">
        <v>151676</v>
      </c>
      <c r="ID37" s="163">
        <v>376272</v>
      </c>
      <c r="IE37" s="150">
        <v>313304</v>
      </c>
      <c r="IF37" s="149">
        <v>85146</v>
      </c>
      <c r="IG37" s="150">
        <v>0</v>
      </c>
      <c r="IH37" s="164">
        <v>926398</v>
      </c>
      <c r="II37" s="156">
        <v>926398</v>
      </c>
      <c r="IJ37" s="259">
        <v>0</v>
      </c>
      <c r="IK37" s="266">
        <v>0</v>
      </c>
      <c r="IL37" s="267">
        <v>0</v>
      </c>
      <c r="IM37" s="395"/>
      <c r="IN37" s="123">
        <v>0</v>
      </c>
      <c r="IO37" s="123">
        <v>0</v>
      </c>
      <c r="IP37" s="123">
        <v>0</v>
      </c>
      <c r="IQ37" s="123">
        <v>0</v>
      </c>
      <c r="IR37" s="123">
        <v>0</v>
      </c>
      <c r="IS37" s="158">
        <v>0</v>
      </c>
      <c r="IT37" s="360">
        <v>0</v>
      </c>
      <c r="IU37" s="159">
        <v>0</v>
      </c>
      <c r="IV37" s="123">
        <v>0</v>
      </c>
      <c r="IW37" s="124">
        <v>0</v>
      </c>
      <c r="IX37" s="395"/>
      <c r="IY37" s="123">
        <v>0</v>
      </c>
      <c r="IZ37" s="123">
        <v>0</v>
      </c>
      <c r="JA37" s="123">
        <v>0</v>
      </c>
      <c r="JB37" s="123">
        <v>0</v>
      </c>
      <c r="JC37" s="123">
        <v>0</v>
      </c>
      <c r="JD37" s="124">
        <v>0</v>
      </c>
      <c r="JE37" s="125">
        <v>0</v>
      </c>
      <c r="JF37" s="159">
        <v>0</v>
      </c>
      <c r="JG37" s="123">
        <v>0</v>
      </c>
      <c r="JH37" s="158">
        <v>0</v>
      </c>
      <c r="JI37" s="122">
        <v>0</v>
      </c>
      <c r="JJ37" s="123">
        <v>111140</v>
      </c>
      <c r="JK37" s="123">
        <v>136104</v>
      </c>
      <c r="JL37" s="123">
        <v>79104</v>
      </c>
      <c r="JM37" s="123">
        <v>85146</v>
      </c>
      <c r="JN37" s="123">
        <v>0</v>
      </c>
      <c r="JO37" s="124">
        <v>411494</v>
      </c>
      <c r="JP37" s="360">
        <v>411494</v>
      </c>
      <c r="JQ37" s="159">
        <v>0</v>
      </c>
      <c r="JR37" s="123">
        <v>0</v>
      </c>
      <c r="JS37" s="158">
        <v>0</v>
      </c>
      <c r="JT37" s="122">
        <v>0</v>
      </c>
      <c r="JU37" s="123">
        <v>40536</v>
      </c>
      <c r="JV37" s="123">
        <v>0</v>
      </c>
      <c r="JW37" s="123">
        <v>0</v>
      </c>
      <c r="JX37" s="123">
        <v>0</v>
      </c>
      <c r="JY37" s="123">
        <v>0</v>
      </c>
      <c r="JZ37" s="124">
        <v>40536</v>
      </c>
      <c r="KA37" s="360">
        <v>40536</v>
      </c>
      <c r="KB37" s="262">
        <v>0</v>
      </c>
      <c r="KC37" s="256">
        <v>0</v>
      </c>
      <c r="KD37" s="124">
        <v>0</v>
      </c>
      <c r="KE37" s="122">
        <v>0</v>
      </c>
      <c r="KF37" s="123">
        <v>0</v>
      </c>
      <c r="KG37" s="123">
        <v>0</v>
      </c>
      <c r="KH37" s="123">
        <v>0</v>
      </c>
      <c r="KI37" s="123">
        <v>0</v>
      </c>
      <c r="KJ37" s="123">
        <v>0</v>
      </c>
      <c r="KK37" s="124">
        <v>0</v>
      </c>
      <c r="KL37" s="160">
        <v>0</v>
      </c>
      <c r="KM37" s="259">
        <v>0</v>
      </c>
      <c r="KN37" s="266">
        <v>0</v>
      </c>
      <c r="KO37" s="267">
        <v>0</v>
      </c>
      <c r="KP37" s="395"/>
      <c r="KQ37" s="123">
        <v>0</v>
      </c>
      <c r="KR37" s="123">
        <v>240168</v>
      </c>
      <c r="KS37" s="123">
        <v>234200</v>
      </c>
      <c r="KT37" s="123">
        <v>0</v>
      </c>
      <c r="KU37" s="123">
        <v>0</v>
      </c>
      <c r="KV37" s="124">
        <v>474368</v>
      </c>
      <c r="KW37" s="360">
        <v>474368</v>
      </c>
      <c r="KX37" s="159">
        <v>0</v>
      </c>
      <c r="KY37" s="123">
        <v>0</v>
      </c>
      <c r="KZ37" s="124">
        <v>0</v>
      </c>
      <c r="LA37" s="395"/>
      <c r="LB37" s="123">
        <v>0</v>
      </c>
      <c r="LC37" s="123">
        <v>0</v>
      </c>
      <c r="LD37" s="123">
        <v>0</v>
      </c>
      <c r="LE37" s="123">
        <v>0</v>
      </c>
      <c r="LF37" s="123">
        <v>0</v>
      </c>
      <c r="LG37" s="124">
        <v>0</v>
      </c>
      <c r="LH37" s="125">
        <v>0</v>
      </c>
      <c r="LI37" s="159">
        <v>0</v>
      </c>
      <c r="LJ37" s="123">
        <v>0</v>
      </c>
      <c r="LK37" s="124">
        <v>0</v>
      </c>
      <c r="LL37" s="395"/>
      <c r="LM37" s="123">
        <v>0</v>
      </c>
      <c r="LN37" s="123">
        <v>0</v>
      </c>
      <c r="LO37" s="123">
        <v>0</v>
      </c>
      <c r="LP37" s="123">
        <v>0</v>
      </c>
      <c r="LQ37" s="123">
        <v>0</v>
      </c>
      <c r="LR37" s="124">
        <v>0</v>
      </c>
      <c r="LS37" s="360">
        <v>0</v>
      </c>
      <c r="LT37" s="159">
        <v>0</v>
      </c>
      <c r="LU37" s="123">
        <v>0</v>
      </c>
      <c r="LV37" s="124">
        <v>0</v>
      </c>
      <c r="LW37" s="395"/>
      <c r="LX37" s="123">
        <v>0</v>
      </c>
      <c r="LY37" s="123">
        <v>0</v>
      </c>
      <c r="LZ37" s="123">
        <v>0</v>
      </c>
      <c r="MA37" s="123">
        <v>0</v>
      </c>
      <c r="MB37" s="123">
        <v>0</v>
      </c>
      <c r="MC37" s="124">
        <v>0</v>
      </c>
      <c r="MD37" s="125">
        <v>0</v>
      </c>
      <c r="ME37" s="159">
        <v>0</v>
      </c>
      <c r="MF37" s="123">
        <v>0</v>
      </c>
      <c r="MG37" s="124">
        <v>0</v>
      </c>
      <c r="MH37" s="395"/>
      <c r="MI37" s="123">
        <v>217872</v>
      </c>
      <c r="MJ37" s="123">
        <v>0</v>
      </c>
      <c r="MK37" s="123">
        <v>269300</v>
      </c>
      <c r="ML37" s="123">
        <v>506647</v>
      </c>
      <c r="MM37" s="123">
        <v>603803</v>
      </c>
      <c r="MN37" s="124">
        <v>1597622</v>
      </c>
      <c r="MO37" s="160">
        <v>1597622</v>
      </c>
      <c r="MP37" s="159">
        <v>0</v>
      </c>
      <c r="MQ37" s="123">
        <v>0</v>
      </c>
      <c r="MR37" s="124">
        <v>0</v>
      </c>
      <c r="MS37" s="395"/>
      <c r="MT37" s="123">
        <v>0</v>
      </c>
      <c r="MU37" s="123">
        <v>0</v>
      </c>
      <c r="MV37" s="123">
        <v>0</v>
      </c>
      <c r="MW37" s="123">
        <v>506647</v>
      </c>
      <c r="MX37" s="123">
        <v>277488</v>
      </c>
      <c r="MY37" s="124">
        <v>784135</v>
      </c>
      <c r="MZ37" s="160">
        <v>784135</v>
      </c>
      <c r="NA37" s="159">
        <v>0</v>
      </c>
      <c r="NB37" s="123">
        <v>0</v>
      </c>
      <c r="NC37" s="124">
        <v>0</v>
      </c>
      <c r="ND37" s="395"/>
      <c r="NE37" s="123">
        <v>217872</v>
      </c>
      <c r="NF37" s="123">
        <v>0</v>
      </c>
      <c r="NG37" s="123">
        <v>269300</v>
      </c>
      <c r="NH37" s="123">
        <v>0</v>
      </c>
      <c r="NI37" s="123">
        <v>326315</v>
      </c>
      <c r="NJ37" s="124">
        <v>813487</v>
      </c>
      <c r="NK37" s="360">
        <v>813487</v>
      </c>
      <c r="NL37" s="159">
        <v>0</v>
      </c>
      <c r="NM37" s="123">
        <v>0</v>
      </c>
      <c r="NN37" s="124">
        <v>0</v>
      </c>
      <c r="NO37" s="395"/>
      <c r="NP37" s="123">
        <v>0</v>
      </c>
      <c r="NQ37" s="123">
        <v>0</v>
      </c>
      <c r="NR37" s="123">
        <v>0</v>
      </c>
      <c r="NS37" s="123">
        <v>0</v>
      </c>
      <c r="NT37" s="123">
        <v>0</v>
      </c>
      <c r="NU37" s="124">
        <v>0</v>
      </c>
      <c r="NV37" s="125">
        <v>0</v>
      </c>
      <c r="NW37" s="159">
        <v>0</v>
      </c>
      <c r="NX37" s="123">
        <v>0</v>
      </c>
      <c r="NY37" s="124">
        <v>0</v>
      </c>
      <c r="NZ37" s="395"/>
      <c r="OA37" s="123">
        <v>0</v>
      </c>
      <c r="OB37" s="123">
        <v>0</v>
      </c>
      <c r="OC37" s="123">
        <v>0</v>
      </c>
      <c r="OD37" s="123">
        <v>0</v>
      </c>
      <c r="OE37" s="123">
        <v>0</v>
      </c>
      <c r="OF37" s="124">
        <v>0</v>
      </c>
      <c r="OG37" s="125">
        <v>0</v>
      </c>
      <c r="OH37" s="159">
        <v>0</v>
      </c>
      <c r="OI37" s="123">
        <v>24560</v>
      </c>
      <c r="OJ37" s="158">
        <v>24560</v>
      </c>
      <c r="OK37" s="122">
        <v>0</v>
      </c>
      <c r="OL37" s="123">
        <v>804491</v>
      </c>
      <c r="OM37" s="123">
        <v>879826</v>
      </c>
      <c r="ON37" s="123">
        <v>738617</v>
      </c>
      <c r="OO37" s="123">
        <v>1431121</v>
      </c>
      <c r="OP37" s="123">
        <v>645115</v>
      </c>
      <c r="OQ37" s="124">
        <v>4499170</v>
      </c>
      <c r="OR37" s="160">
        <v>4523730</v>
      </c>
    </row>
    <row r="38" spans="1:408" ht="20.25" customHeight="1" x14ac:dyDescent="0.2">
      <c r="A38" s="130" t="s">
        <v>33</v>
      </c>
      <c r="B38" s="113">
        <v>55722</v>
      </c>
      <c r="C38" s="117">
        <v>44267</v>
      </c>
      <c r="D38" s="116">
        <v>99989</v>
      </c>
      <c r="E38" s="112">
        <v>0</v>
      </c>
      <c r="F38" s="117">
        <v>214668</v>
      </c>
      <c r="G38" s="117">
        <v>165466</v>
      </c>
      <c r="H38" s="117">
        <v>57888</v>
      </c>
      <c r="I38" s="117">
        <v>0</v>
      </c>
      <c r="J38" s="117">
        <v>243894</v>
      </c>
      <c r="K38" s="198">
        <v>681916</v>
      </c>
      <c r="L38" s="119">
        <v>781905</v>
      </c>
      <c r="M38" s="113">
        <v>31534</v>
      </c>
      <c r="N38" s="117">
        <v>44267</v>
      </c>
      <c r="O38" s="116">
        <v>75801</v>
      </c>
      <c r="P38" s="113">
        <v>0</v>
      </c>
      <c r="Q38" s="117">
        <v>23151</v>
      </c>
      <c r="R38" s="117">
        <v>5464</v>
      </c>
      <c r="S38" s="117">
        <v>38288</v>
      </c>
      <c r="T38" s="117">
        <v>0</v>
      </c>
      <c r="U38" s="117">
        <v>4144</v>
      </c>
      <c r="V38" s="116">
        <v>71047</v>
      </c>
      <c r="W38" s="119">
        <v>146848</v>
      </c>
      <c r="X38" s="113">
        <v>0</v>
      </c>
      <c r="Y38" s="117">
        <v>0</v>
      </c>
      <c r="Z38" s="116">
        <v>0</v>
      </c>
      <c r="AA38" s="113">
        <v>0</v>
      </c>
      <c r="AB38" s="117">
        <v>10111</v>
      </c>
      <c r="AC38" s="117">
        <v>0</v>
      </c>
      <c r="AD38" s="117">
        <v>0</v>
      </c>
      <c r="AE38" s="117">
        <v>0</v>
      </c>
      <c r="AF38" s="117">
        <v>0</v>
      </c>
      <c r="AG38" s="116">
        <v>10111</v>
      </c>
      <c r="AH38" s="119">
        <v>10111</v>
      </c>
      <c r="AI38" s="113">
        <v>0</v>
      </c>
      <c r="AJ38" s="117">
        <v>0</v>
      </c>
      <c r="AK38" s="116">
        <v>0</v>
      </c>
      <c r="AL38" s="113">
        <v>0</v>
      </c>
      <c r="AM38" s="117">
        <v>0</v>
      </c>
      <c r="AN38" s="117">
        <v>0</v>
      </c>
      <c r="AO38" s="117">
        <v>0</v>
      </c>
      <c r="AP38" s="117">
        <v>0</v>
      </c>
      <c r="AQ38" s="117">
        <v>0</v>
      </c>
      <c r="AR38" s="116">
        <v>0</v>
      </c>
      <c r="AS38" s="119">
        <v>0</v>
      </c>
      <c r="AT38" s="113">
        <v>0</v>
      </c>
      <c r="AU38" s="117">
        <v>0</v>
      </c>
      <c r="AV38" s="116">
        <v>0</v>
      </c>
      <c r="AW38" s="113">
        <v>0</v>
      </c>
      <c r="AX38" s="117">
        <v>0</v>
      </c>
      <c r="AY38" s="117">
        <v>0</v>
      </c>
      <c r="AZ38" s="117">
        <v>38288</v>
      </c>
      <c r="BA38" s="117">
        <v>0</v>
      </c>
      <c r="BB38" s="117">
        <v>0</v>
      </c>
      <c r="BC38" s="116">
        <v>38288</v>
      </c>
      <c r="BD38" s="119">
        <v>38288</v>
      </c>
      <c r="BE38" s="113">
        <v>31534</v>
      </c>
      <c r="BF38" s="117">
        <v>44267</v>
      </c>
      <c r="BG38" s="115">
        <v>75801</v>
      </c>
      <c r="BH38" s="114">
        <v>0</v>
      </c>
      <c r="BI38" s="117">
        <v>0</v>
      </c>
      <c r="BJ38" s="117">
        <v>0</v>
      </c>
      <c r="BK38" s="117">
        <v>0</v>
      </c>
      <c r="BL38" s="117">
        <v>0</v>
      </c>
      <c r="BM38" s="117">
        <v>0</v>
      </c>
      <c r="BN38" s="116">
        <v>0</v>
      </c>
      <c r="BO38" s="119">
        <v>75801</v>
      </c>
      <c r="BP38" s="113">
        <v>0</v>
      </c>
      <c r="BQ38" s="117">
        <v>0</v>
      </c>
      <c r="BR38" s="116">
        <v>0</v>
      </c>
      <c r="BS38" s="113">
        <v>0</v>
      </c>
      <c r="BT38" s="117">
        <v>13040</v>
      </c>
      <c r="BU38" s="117">
        <v>5464</v>
      </c>
      <c r="BV38" s="117">
        <v>0</v>
      </c>
      <c r="BW38" s="117">
        <v>0</v>
      </c>
      <c r="BX38" s="117">
        <v>4144</v>
      </c>
      <c r="BY38" s="116">
        <v>22648</v>
      </c>
      <c r="BZ38" s="119">
        <v>22648</v>
      </c>
      <c r="CA38" s="113">
        <v>21788</v>
      </c>
      <c r="CB38" s="117">
        <v>0</v>
      </c>
      <c r="CC38" s="116">
        <v>21788</v>
      </c>
      <c r="CD38" s="113">
        <v>0</v>
      </c>
      <c r="CE38" s="117">
        <v>45943</v>
      </c>
      <c r="CF38" s="117">
        <v>74598</v>
      </c>
      <c r="CG38" s="117">
        <v>0</v>
      </c>
      <c r="CH38" s="117">
        <v>0</v>
      </c>
      <c r="CI38" s="117">
        <v>0</v>
      </c>
      <c r="CJ38" s="116">
        <v>120541</v>
      </c>
      <c r="CK38" s="119">
        <v>142329</v>
      </c>
      <c r="CL38" s="113">
        <v>0</v>
      </c>
      <c r="CM38" s="117">
        <v>0</v>
      </c>
      <c r="CN38" s="116">
        <v>0</v>
      </c>
      <c r="CO38" s="114">
        <v>0</v>
      </c>
      <c r="CP38" s="117">
        <v>0</v>
      </c>
      <c r="CQ38" s="117">
        <v>0</v>
      </c>
      <c r="CR38" s="117">
        <v>0</v>
      </c>
      <c r="CS38" s="117">
        <v>0</v>
      </c>
      <c r="CT38" s="117">
        <v>0</v>
      </c>
      <c r="CU38" s="116">
        <v>0</v>
      </c>
      <c r="CV38" s="119">
        <v>0</v>
      </c>
      <c r="CW38" s="113">
        <v>21788</v>
      </c>
      <c r="CX38" s="117">
        <v>0</v>
      </c>
      <c r="CY38" s="116">
        <v>21788</v>
      </c>
      <c r="CZ38" s="113">
        <v>0</v>
      </c>
      <c r="DA38" s="117">
        <v>45943</v>
      </c>
      <c r="DB38" s="117">
        <v>74598</v>
      </c>
      <c r="DC38" s="117">
        <v>0</v>
      </c>
      <c r="DD38" s="117">
        <v>0</v>
      </c>
      <c r="DE38" s="117">
        <v>0</v>
      </c>
      <c r="DF38" s="116">
        <v>120541</v>
      </c>
      <c r="DG38" s="119">
        <v>142329</v>
      </c>
      <c r="DH38" s="113">
        <v>0</v>
      </c>
      <c r="DI38" s="117">
        <v>0</v>
      </c>
      <c r="DJ38" s="115">
        <v>0</v>
      </c>
      <c r="DK38" s="114">
        <v>0</v>
      </c>
      <c r="DL38" s="117">
        <v>122774</v>
      </c>
      <c r="DM38" s="117">
        <v>65820</v>
      </c>
      <c r="DN38" s="117">
        <v>0</v>
      </c>
      <c r="DO38" s="117">
        <v>0</v>
      </c>
      <c r="DP38" s="117">
        <v>0</v>
      </c>
      <c r="DQ38" s="116">
        <v>188594</v>
      </c>
      <c r="DR38" s="119">
        <v>188594</v>
      </c>
      <c r="DS38" s="113">
        <v>0</v>
      </c>
      <c r="DT38" s="117">
        <v>0</v>
      </c>
      <c r="DU38" s="116">
        <v>0</v>
      </c>
      <c r="DV38" s="113">
        <v>0</v>
      </c>
      <c r="DW38" s="117">
        <v>0</v>
      </c>
      <c r="DX38" s="117">
        <v>0</v>
      </c>
      <c r="DY38" s="117">
        <v>0</v>
      </c>
      <c r="DZ38" s="117">
        <v>0</v>
      </c>
      <c r="EA38" s="117">
        <v>0</v>
      </c>
      <c r="EB38" s="116">
        <v>0</v>
      </c>
      <c r="EC38" s="119">
        <v>0</v>
      </c>
      <c r="ED38" s="113">
        <v>0</v>
      </c>
      <c r="EE38" s="115">
        <v>0</v>
      </c>
      <c r="EF38" s="116">
        <v>0</v>
      </c>
      <c r="EG38" s="113">
        <v>0</v>
      </c>
      <c r="EH38" s="117">
        <v>122774</v>
      </c>
      <c r="EI38" s="117">
        <v>65820</v>
      </c>
      <c r="EJ38" s="117">
        <v>0</v>
      </c>
      <c r="EK38" s="117">
        <v>0</v>
      </c>
      <c r="EL38" s="117">
        <v>0</v>
      </c>
      <c r="EM38" s="115">
        <v>188594</v>
      </c>
      <c r="EN38" s="119">
        <v>188594</v>
      </c>
      <c r="EO38" s="113">
        <v>0</v>
      </c>
      <c r="EP38" s="117">
        <v>0</v>
      </c>
      <c r="EQ38" s="115">
        <v>0</v>
      </c>
      <c r="ER38" s="114">
        <v>0</v>
      </c>
      <c r="ES38" s="117">
        <v>0</v>
      </c>
      <c r="ET38" s="117">
        <v>0</v>
      </c>
      <c r="EU38" s="117">
        <v>0</v>
      </c>
      <c r="EV38" s="117">
        <v>0</v>
      </c>
      <c r="EW38" s="117">
        <v>0</v>
      </c>
      <c r="EX38" s="116">
        <v>0</v>
      </c>
      <c r="EY38" s="119">
        <v>0</v>
      </c>
      <c r="EZ38" s="113">
        <v>0</v>
      </c>
      <c r="FA38" s="117">
        <v>0</v>
      </c>
      <c r="FB38" s="115">
        <v>0</v>
      </c>
      <c r="FC38" s="395"/>
      <c r="FD38" s="117">
        <v>0</v>
      </c>
      <c r="FE38" s="117">
        <v>0</v>
      </c>
      <c r="FF38" s="117">
        <v>0</v>
      </c>
      <c r="FG38" s="117">
        <v>0</v>
      </c>
      <c r="FH38" s="117">
        <v>0</v>
      </c>
      <c r="FI38" s="116">
        <v>0</v>
      </c>
      <c r="FJ38" s="119">
        <v>0</v>
      </c>
      <c r="FK38" s="113">
        <v>2400</v>
      </c>
      <c r="FL38" s="117">
        <v>0</v>
      </c>
      <c r="FM38" s="116">
        <v>2400</v>
      </c>
      <c r="FN38" s="113">
        <v>0</v>
      </c>
      <c r="FO38" s="117">
        <v>22800</v>
      </c>
      <c r="FP38" s="117">
        <v>19584</v>
      </c>
      <c r="FQ38" s="117">
        <v>19600</v>
      </c>
      <c r="FR38" s="117">
        <v>0</v>
      </c>
      <c r="FS38" s="117">
        <v>6400</v>
      </c>
      <c r="FT38" s="116">
        <v>68384</v>
      </c>
      <c r="FU38" s="119">
        <v>70784</v>
      </c>
      <c r="FV38" s="118">
        <v>2400</v>
      </c>
      <c r="FW38" s="117">
        <v>0</v>
      </c>
      <c r="FX38" s="115">
        <v>2400</v>
      </c>
      <c r="FY38" s="114">
        <v>0</v>
      </c>
      <c r="FZ38" s="117">
        <v>22800</v>
      </c>
      <c r="GA38" s="117">
        <v>19584</v>
      </c>
      <c r="GB38" s="117">
        <v>19600</v>
      </c>
      <c r="GC38" s="117">
        <v>0</v>
      </c>
      <c r="GD38" s="117">
        <v>6400</v>
      </c>
      <c r="GE38" s="116">
        <v>68384</v>
      </c>
      <c r="GF38" s="357">
        <v>70784</v>
      </c>
      <c r="GG38" s="118">
        <v>0</v>
      </c>
      <c r="GH38" s="117">
        <v>0</v>
      </c>
      <c r="GI38" s="115">
        <v>0</v>
      </c>
      <c r="GJ38" s="114">
        <v>0</v>
      </c>
      <c r="GK38" s="117">
        <v>0</v>
      </c>
      <c r="GL38" s="117">
        <v>0</v>
      </c>
      <c r="GM38" s="117">
        <v>0</v>
      </c>
      <c r="GN38" s="117">
        <v>0</v>
      </c>
      <c r="GO38" s="117">
        <v>0</v>
      </c>
      <c r="GP38" s="116">
        <v>0</v>
      </c>
      <c r="GQ38" s="119">
        <v>0</v>
      </c>
      <c r="GR38" s="113">
        <v>0</v>
      </c>
      <c r="GS38" s="117">
        <v>0</v>
      </c>
      <c r="GT38" s="116">
        <v>0</v>
      </c>
      <c r="GU38" s="113">
        <v>0</v>
      </c>
      <c r="GV38" s="117">
        <v>0</v>
      </c>
      <c r="GW38" s="117">
        <v>0</v>
      </c>
      <c r="GX38" s="117">
        <v>0</v>
      </c>
      <c r="GY38" s="117">
        <v>0</v>
      </c>
      <c r="GZ38" s="117">
        <v>0</v>
      </c>
      <c r="HA38" s="115">
        <v>0</v>
      </c>
      <c r="HB38" s="119">
        <v>0</v>
      </c>
      <c r="HC38" s="113">
        <v>0</v>
      </c>
      <c r="HD38" s="117">
        <v>0</v>
      </c>
      <c r="HE38" s="115">
        <v>0</v>
      </c>
      <c r="HF38" s="114">
        <v>0</v>
      </c>
      <c r="HG38" s="117">
        <v>0</v>
      </c>
      <c r="HH38" s="117">
        <v>0</v>
      </c>
      <c r="HI38" s="117">
        <v>0</v>
      </c>
      <c r="HJ38" s="117">
        <v>0</v>
      </c>
      <c r="HK38" s="117">
        <v>233350</v>
      </c>
      <c r="HL38" s="116">
        <v>233350</v>
      </c>
      <c r="HM38" s="112">
        <v>233350</v>
      </c>
      <c r="HN38" s="395"/>
      <c r="HO38" s="395"/>
      <c r="HP38" s="395"/>
      <c r="HQ38" s="395"/>
      <c r="HR38" s="395"/>
      <c r="HS38" s="395"/>
      <c r="HT38" s="395"/>
      <c r="HU38" s="395"/>
      <c r="HV38" s="395"/>
      <c r="HW38" s="395"/>
      <c r="HX38" s="395"/>
      <c r="HY38" s="166">
        <v>0</v>
      </c>
      <c r="HZ38" s="152">
        <v>0</v>
      </c>
      <c r="IA38" s="166">
        <v>0</v>
      </c>
      <c r="IB38" s="162">
        <v>0</v>
      </c>
      <c r="IC38" s="149">
        <v>176102</v>
      </c>
      <c r="ID38" s="163">
        <v>187608</v>
      </c>
      <c r="IE38" s="150">
        <v>242670</v>
      </c>
      <c r="IF38" s="149">
        <v>0</v>
      </c>
      <c r="IG38" s="150">
        <v>0</v>
      </c>
      <c r="IH38" s="164">
        <v>606380</v>
      </c>
      <c r="II38" s="166">
        <v>606380</v>
      </c>
      <c r="IJ38" s="259">
        <v>0</v>
      </c>
      <c r="IK38" s="266">
        <v>0</v>
      </c>
      <c r="IL38" s="267">
        <v>0</v>
      </c>
      <c r="IM38" s="395"/>
      <c r="IN38" s="123">
        <v>0</v>
      </c>
      <c r="IO38" s="123">
        <v>0</v>
      </c>
      <c r="IP38" s="123">
        <v>0</v>
      </c>
      <c r="IQ38" s="123">
        <v>0</v>
      </c>
      <c r="IR38" s="123">
        <v>0</v>
      </c>
      <c r="IS38" s="158">
        <v>0</v>
      </c>
      <c r="IT38" s="360">
        <v>0</v>
      </c>
      <c r="IU38" s="159">
        <v>0</v>
      </c>
      <c r="IV38" s="123">
        <v>0</v>
      </c>
      <c r="IW38" s="124">
        <v>0</v>
      </c>
      <c r="IX38" s="395"/>
      <c r="IY38" s="123">
        <v>0</v>
      </c>
      <c r="IZ38" s="123">
        <v>0</v>
      </c>
      <c r="JA38" s="123">
        <v>0</v>
      </c>
      <c r="JB38" s="123">
        <v>0</v>
      </c>
      <c r="JC38" s="123">
        <v>0</v>
      </c>
      <c r="JD38" s="124">
        <v>0</v>
      </c>
      <c r="JE38" s="125">
        <v>0</v>
      </c>
      <c r="JF38" s="159">
        <v>0</v>
      </c>
      <c r="JG38" s="123">
        <v>0</v>
      </c>
      <c r="JH38" s="158">
        <v>0</v>
      </c>
      <c r="JI38" s="122">
        <v>0</v>
      </c>
      <c r="JJ38" s="123">
        <v>30208</v>
      </c>
      <c r="JK38" s="123">
        <v>0</v>
      </c>
      <c r="JL38" s="123">
        <v>0</v>
      </c>
      <c r="JM38" s="123">
        <v>0</v>
      </c>
      <c r="JN38" s="123">
        <v>0</v>
      </c>
      <c r="JO38" s="124">
        <v>30208</v>
      </c>
      <c r="JP38" s="360">
        <v>30208</v>
      </c>
      <c r="JQ38" s="159">
        <v>0</v>
      </c>
      <c r="JR38" s="123">
        <v>0</v>
      </c>
      <c r="JS38" s="158">
        <v>0</v>
      </c>
      <c r="JT38" s="122">
        <v>0</v>
      </c>
      <c r="JU38" s="123">
        <v>0</v>
      </c>
      <c r="JV38" s="123">
        <v>0</v>
      </c>
      <c r="JW38" s="123">
        <v>0</v>
      </c>
      <c r="JX38" s="123">
        <v>0</v>
      </c>
      <c r="JY38" s="123">
        <v>0</v>
      </c>
      <c r="JZ38" s="124">
        <v>0</v>
      </c>
      <c r="KA38" s="360">
        <v>0</v>
      </c>
      <c r="KB38" s="262">
        <v>0</v>
      </c>
      <c r="KC38" s="256">
        <v>0</v>
      </c>
      <c r="KD38" s="124">
        <v>0</v>
      </c>
      <c r="KE38" s="122">
        <v>0</v>
      </c>
      <c r="KF38" s="123">
        <v>0</v>
      </c>
      <c r="KG38" s="123">
        <v>0</v>
      </c>
      <c r="KH38" s="123">
        <v>0</v>
      </c>
      <c r="KI38" s="123">
        <v>0</v>
      </c>
      <c r="KJ38" s="123">
        <v>0</v>
      </c>
      <c r="KK38" s="124">
        <v>0</v>
      </c>
      <c r="KL38" s="160">
        <v>0</v>
      </c>
      <c r="KM38" s="259">
        <v>0</v>
      </c>
      <c r="KN38" s="266">
        <v>0</v>
      </c>
      <c r="KO38" s="267">
        <v>0</v>
      </c>
      <c r="KP38" s="395"/>
      <c r="KQ38" s="123">
        <v>0</v>
      </c>
      <c r="KR38" s="123">
        <v>0</v>
      </c>
      <c r="KS38" s="123">
        <v>242670</v>
      </c>
      <c r="KT38" s="123">
        <v>0</v>
      </c>
      <c r="KU38" s="123">
        <v>0</v>
      </c>
      <c r="KV38" s="124">
        <v>242670</v>
      </c>
      <c r="KW38" s="360">
        <v>242670</v>
      </c>
      <c r="KX38" s="159">
        <v>0</v>
      </c>
      <c r="KY38" s="123">
        <v>0</v>
      </c>
      <c r="KZ38" s="124">
        <v>0</v>
      </c>
      <c r="LA38" s="395"/>
      <c r="LB38" s="123">
        <v>0</v>
      </c>
      <c r="LC38" s="123">
        <v>0</v>
      </c>
      <c r="LD38" s="123">
        <v>0</v>
      </c>
      <c r="LE38" s="123">
        <v>0</v>
      </c>
      <c r="LF38" s="123">
        <v>0</v>
      </c>
      <c r="LG38" s="124">
        <v>0</v>
      </c>
      <c r="LH38" s="125">
        <v>0</v>
      </c>
      <c r="LI38" s="159">
        <v>0</v>
      </c>
      <c r="LJ38" s="123">
        <v>0</v>
      </c>
      <c r="LK38" s="124">
        <v>0</v>
      </c>
      <c r="LL38" s="395"/>
      <c r="LM38" s="123">
        <v>0</v>
      </c>
      <c r="LN38" s="123">
        <v>0</v>
      </c>
      <c r="LO38" s="123">
        <v>0</v>
      </c>
      <c r="LP38" s="123">
        <v>0</v>
      </c>
      <c r="LQ38" s="123">
        <v>0</v>
      </c>
      <c r="LR38" s="124">
        <v>0</v>
      </c>
      <c r="LS38" s="360">
        <v>0</v>
      </c>
      <c r="LT38" s="159">
        <v>0</v>
      </c>
      <c r="LU38" s="123">
        <v>0</v>
      </c>
      <c r="LV38" s="124">
        <v>0</v>
      </c>
      <c r="LW38" s="395"/>
      <c r="LX38" s="123">
        <v>145894</v>
      </c>
      <c r="LY38" s="123">
        <v>187608</v>
      </c>
      <c r="LZ38" s="123">
        <v>0</v>
      </c>
      <c r="MA38" s="123">
        <v>0</v>
      </c>
      <c r="MB38" s="123">
        <v>0</v>
      </c>
      <c r="MC38" s="124">
        <v>333502</v>
      </c>
      <c r="MD38" s="125">
        <v>333502</v>
      </c>
      <c r="ME38" s="159">
        <v>0</v>
      </c>
      <c r="MF38" s="123">
        <v>0</v>
      </c>
      <c r="MG38" s="124">
        <v>0</v>
      </c>
      <c r="MH38" s="395"/>
      <c r="MI38" s="123">
        <v>0</v>
      </c>
      <c r="MJ38" s="123">
        <v>0</v>
      </c>
      <c r="MK38" s="123">
        <v>312228</v>
      </c>
      <c r="ML38" s="123">
        <v>472669</v>
      </c>
      <c r="MM38" s="123">
        <v>305765</v>
      </c>
      <c r="MN38" s="124">
        <v>1090662</v>
      </c>
      <c r="MO38" s="160">
        <v>1090662</v>
      </c>
      <c r="MP38" s="159">
        <v>0</v>
      </c>
      <c r="MQ38" s="123">
        <v>0</v>
      </c>
      <c r="MR38" s="124">
        <v>0</v>
      </c>
      <c r="MS38" s="395"/>
      <c r="MT38" s="123">
        <v>0</v>
      </c>
      <c r="MU38" s="123">
        <v>0</v>
      </c>
      <c r="MV38" s="123">
        <v>0</v>
      </c>
      <c r="MW38" s="123">
        <v>0</v>
      </c>
      <c r="MX38" s="123">
        <v>0</v>
      </c>
      <c r="MY38" s="124">
        <v>0</v>
      </c>
      <c r="MZ38" s="160">
        <v>0</v>
      </c>
      <c r="NA38" s="159">
        <v>0</v>
      </c>
      <c r="NB38" s="123">
        <v>0</v>
      </c>
      <c r="NC38" s="124">
        <v>0</v>
      </c>
      <c r="ND38" s="395"/>
      <c r="NE38" s="123">
        <v>0</v>
      </c>
      <c r="NF38" s="123">
        <v>0</v>
      </c>
      <c r="NG38" s="123">
        <v>0</v>
      </c>
      <c r="NH38" s="123">
        <v>126473</v>
      </c>
      <c r="NI38" s="123">
        <v>305765</v>
      </c>
      <c r="NJ38" s="124">
        <v>432238</v>
      </c>
      <c r="NK38" s="360">
        <v>432238</v>
      </c>
      <c r="NL38" s="159">
        <v>0</v>
      </c>
      <c r="NM38" s="123">
        <v>0</v>
      </c>
      <c r="NN38" s="124">
        <v>0</v>
      </c>
      <c r="NO38" s="395"/>
      <c r="NP38" s="123">
        <v>0</v>
      </c>
      <c r="NQ38" s="123">
        <v>0</v>
      </c>
      <c r="NR38" s="123">
        <v>0</v>
      </c>
      <c r="NS38" s="123">
        <v>0</v>
      </c>
      <c r="NT38" s="123">
        <v>0</v>
      </c>
      <c r="NU38" s="124">
        <v>0</v>
      </c>
      <c r="NV38" s="125">
        <v>0</v>
      </c>
      <c r="NW38" s="159">
        <v>0</v>
      </c>
      <c r="NX38" s="123">
        <v>0</v>
      </c>
      <c r="NY38" s="124">
        <v>0</v>
      </c>
      <c r="NZ38" s="395"/>
      <c r="OA38" s="123">
        <v>0</v>
      </c>
      <c r="OB38" s="123">
        <v>0</v>
      </c>
      <c r="OC38" s="123">
        <v>312228</v>
      </c>
      <c r="OD38" s="123">
        <v>346196</v>
      </c>
      <c r="OE38" s="123">
        <v>0</v>
      </c>
      <c r="OF38" s="124">
        <v>658424</v>
      </c>
      <c r="OG38" s="125">
        <v>658424</v>
      </c>
      <c r="OH38" s="159">
        <v>55722</v>
      </c>
      <c r="OI38" s="123">
        <v>44267</v>
      </c>
      <c r="OJ38" s="158">
        <v>99989</v>
      </c>
      <c r="OK38" s="122">
        <v>0</v>
      </c>
      <c r="OL38" s="123">
        <v>390770</v>
      </c>
      <c r="OM38" s="123">
        <v>353074</v>
      </c>
      <c r="ON38" s="123">
        <v>612786</v>
      </c>
      <c r="OO38" s="123">
        <v>472669</v>
      </c>
      <c r="OP38" s="123">
        <v>549659</v>
      </c>
      <c r="OQ38" s="124">
        <v>2378958</v>
      </c>
      <c r="OR38" s="160">
        <v>2478947</v>
      </c>
    </row>
    <row r="39" spans="1:408" ht="20.25" customHeight="1" x14ac:dyDescent="0.2">
      <c r="A39" s="130" t="s">
        <v>34</v>
      </c>
      <c r="B39" s="113">
        <v>0</v>
      </c>
      <c r="C39" s="117">
        <v>58368</v>
      </c>
      <c r="D39" s="199">
        <v>58368</v>
      </c>
      <c r="E39" s="200">
        <v>0</v>
      </c>
      <c r="F39" s="201">
        <v>293903</v>
      </c>
      <c r="G39" s="201">
        <v>468686</v>
      </c>
      <c r="H39" s="201">
        <v>285136</v>
      </c>
      <c r="I39" s="201">
        <v>0</v>
      </c>
      <c r="J39" s="201">
        <v>0</v>
      </c>
      <c r="K39" s="202">
        <v>1047725</v>
      </c>
      <c r="L39" s="119">
        <v>1106093</v>
      </c>
      <c r="M39" s="113">
        <v>0</v>
      </c>
      <c r="N39" s="117">
        <v>19448</v>
      </c>
      <c r="O39" s="116">
        <v>19448</v>
      </c>
      <c r="P39" s="113">
        <v>0</v>
      </c>
      <c r="Q39" s="117">
        <v>24960</v>
      </c>
      <c r="R39" s="117">
        <v>102403</v>
      </c>
      <c r="S39" s="117">
        <v>64000</v>
      </c>
      <c r="T39" s="117">
        <v>0</v>
      </c>
      <c r="U39" s="117">
        <v>0</v>
      </c>
      <c r="V39" s="116">
        <v>191363</v>
      </c>
      <c r="W39" s="119">
        <v>210811</v>
      </c>
      <c r="X39" s="113">
        <v>0</v>
      </c>
      <c r="Y39" s="117">
        <v>0</v>
      </c>
      <c r="Z39" s="116">
        <v>0</v>
      </c>
      <c r="AA39" s="113">
        <v>0</v>
      </c>
      <c r="AB39" s="117">
        <v>0</v>
      </c>
      <c r="AC39" s="117">
        <v>55691</v>
      </c>
      <c r="AD39" s="117">
        <v>0</v>
      </c>
      <c r="AE39" s="117">
        <v>0</v>
      </c>
      <c r="AF39" s="117">
        <v>0</v>
      </c>
      <c r="AG39" s="116">
        <v>55691</v>
      </c>
      <c r="AH39" s="119">
        <v>55691</v>
      </c>
      <c r="AI39" s="113">
        <v>0</v>
      </c>
      <c r="AJ39" s="117">
        <v>0</v>
      </c>
      <c r="AK39" s="116">
        <v>0</v>
      </c>
      <c r="AL39" s="113">
        <v>0</v>
      </c>
      <c r="AM39" s="117">
        <v>0</v>
      </c>
      <c r="AN39" s="117">
        <v>0</v>
      </c>
      <c r="AO39" s="117">
        <v>0</v>
      </c>
      <c r="AP39" s="117">
        <v>0</v>
      </c>
      <c r="AQ39" s="117">
        <v>0</v>
      </c>
      <c r="AR39" s="116">
        <v>0</v>
      </c>
      <c r="AS39" s="119">
        <v>0</v>
      </c>
      <c r="AT39" s="113">
        <v>0</v>
      </c>
      <c r="AU39" s="117">
        <v>19448</v>
      </c>
      <c r="AV39" s="116">
        <v>19448</v>
      </c>
      <c r="AW39" s="113">
        <v>0</v>
      </c>
      <c r="AX39" s="117">
        <v>0</v>
      </c>
      <c r="AY39" s="117">
        <v>0</v>
      </c>
      <c r="AZ39" s="117">
        <v>43408</v>
      </c>
      <c r="BA39" s="117">
        <v>0</v>
      </c>
      <c r="BB39" s="117">
        <v>0</v>
      </c>
      <c r="BC39" s="116">
        <v>43408</v>
      </c>
      <c r="BD39" s="119">
        <v>62856</v>
      </c>
      <c r="BE39" s="113">
        <v>0</v>
      </c>
      <c r="BF39" s="117">
        <v>0</v>
      </c>
      <c r="BG39" s="115">
        <v>0</v>
      </c>
      <c r="BH39" s="114">
        <v>0</v>
      </c>
      <c r="BI39" s="117">
        <v>0</v>
      </c>
      <c r="BJ39" s="117">
        <v>42568</v>
      </c>
      <c r="BK39" s="117">
        <v>0</v>
      </c>
      <c r="BL39" s="117">
        <v>0</v>
      </c>
      <c r="BM39" s="117">
        <v>0</v>
      </c>
      <c r="BN39" s="116">
        <v>42568</v>
      </c>
      <c r="BO39" s="119">
        <v>42568</v>
      </c>
      <c r="BP39" s="113">
        <v>0</v>
      </c>
      <c r="BQ39" s="117">
        <v>0</v>
      </c>
      <c r="BR39" s="116">
        <v>0</v>
      </c>
      <c r="BS39" s="113">
        <v>0</v>
      </c>
      <c r="BT39" s="117">
        <v>24960</v>
      </c>
      <c r="BU39" s="117">
        <v>4144</v>
      </c>
      <c r="BV39" s="117">
        <v>20592</v>
      </c>
      <c r="BW39" s="117">
        <v>0</v>
      </c>
      <c r="BX39" s="117">
        <v>0</v>
      </c>
      <c r="BY39" s="116">
        <v>49696</v>
      </c>
      <c r="BZ39" s="119">
        <v>49696</v>
      </c>
      <c r="CA39" s="113">
        <v>0</v>
      </c>
      <c r="CB39" s="117">
        <v>38920</v>
      </c>
      <c r="CC39" s="116">
        <v>38920</v>
      </c>
      <c r="CD39" s="113">
        <v>0</v>
      </c>
      <c r="CE39" s="117">
        <v>86664</v>
      </c>
      <c r="CF39" s="117">
        <v>175432</v>
      </c>
      <c r="CG39" s="117">
        <v>0</v>
      </c>
      <c r="CH39" s="117">
        <v>0</v>
      </c>
      <c r="CI39" s="117">
        <v>0</v>
      </c>
      <c r="CJ39" s="116">
        <v>262096</v>
      </c>
      <c r="CK39" s="119">
        <v>301016</v>
      </c>
      <c r="CL39" s="113">
        <v>0</v>
      </c>
      <c r="CM39" s="117">
        <v>0</v>
      </c>
      <c r="CN39" s="116">
        <v>0</v>
      </c>
      <c r="CO39" s="114">
        <v>0</v>
      </c>
      <c r="CP39" s="117">
        <v>33552</v>
      </c>
      <c r="CQ39" s="117">
        <v>175432</v>
      </c>
      <c r="CR39" s="117">
        <v>0</v>
      </c>
      <c r="CS39" s="117">
        <v>0</v>
      </c>
      <c r="CT39" s="117">
        <v>0</v>
      </c>
      <c r="CU39" s="116">
        <v>208984</v>
      </c>
      <c r="CV39" s="119">
        <v>208984</v>
      </c>
      <c r="CW39" s="113">
        <v>0</v>
      </c>
      <c r="CX39" s="117">
        <v>38920</v>
      </c>
      <c r="CY39" s="116">
        <v>38920</v>
      </c>
      <c r="CZ39" s="113">
        <v>0</v>
      </c>
      <c r="DA39" s="117">
        <v>53112</v>
      </c>
      <c r="DB39" s="117">
        <v>0</v>
      </c>
      <c r="DC39" s="117">
        <v>0</v>
      </c>
      <c r="DD39" s="117">
        <v>0</v>
      </c>
      <c r="DE39" s="117">
        <v>0</v>
      </c>
      <c r="DF39" s="116">
        <v>53112</v>
      </c>
      <c r="DG39" s="119">
        <v>92032</v>
      </c>
      <c r="DH39" s="113">
        <v>0</v>
      </c>
      <c r="DI39" s="117">
        <v>0</v>
      </c>
      <c r="DJ39" s="115">
        <v>0</v>
      </c>
      <c r="DK39" s="114">
        <v>0</v>
      </c>
      <c r="DL39" s="117">
        <v>0</v>
      </c>
      <c r="DM39" s="117">
        <v>0</v>
      </c>
      <c r="DN39" s="117">
        <v>0</v>
      </c>
      <c r="DO39" s="117">
        <v>0</v>
      </c>
      <c r="DP39" s="117">
        <v>0</v>
      </c>
      <c r="DQ39" s="116">
        <v>0</v>
      </c>
      <c r="DR39" s="119">
        <v>0</v>
      </c>
      <c r="DS39" s="113">
        <v>0</v>
      </c>
      <c r="DT39" s="117">
        <v>0</v>
      </c>
      <c r="DU39" s="116">
        <v>0</v>
      </c>
      <c r="DV39" s="113">
        <v>0</v>
      </c>
      <c r="DW39" s="117">
        <v>0</v>
      </c>
      <c r="DX39" s="117">
        <v>0</v>
      </c>
      <c r="DY39" s="117">
        <v>0</v>
      </c>
      <c r="DZ39" s="117">
        <v>0</v>
      </c>
      <c r="EA39" s="117">
        <v>0</v>
      </c>
      <c r="EB39" s="116">
        <v>0</v>
      </c>
      <c r="EC39" s="119">
        <v>0</v>
      </c>
      <c r="ED39" s="113">
        <v>0</v>
      </c>
      <c r="EE39" s="115">
        <v>0</v>
      </c>
      <c r="EF39" s="116">
        <v>0</v>
      </c>
      <c r="EG39" s="113">
        <v>0</v>
      </c>
      <c r="EH39" s="117">
        <v>0</v>
      </c>
      <c r="EI39" s="117">
        <v>0</v>
      </c>
      <c r="EJ39" s="117">
        <v>0</v>
      </c>
      <c r="EK39" s="117">
        <v>0</v>
      </c>
      <c r="EL39" s="117">
        <v>0</v>
      </c>
      <c r="EM39" s="115">
        <v>0</v>
      </c>
      <c r="EN39" s="119">
        <v>0</v>
      </c>
      <c r="EO39" s="113">
        <v>0</v>
      </c>
      <c r="EP39" s="117">
        <v>0</v>
      </c>
      <c r="EQ39" s="115">
        <v>0</v>
      </c>
      <c r="ER39" s="114">
        <v>0</v>
      </c>
      <c r="ES39" s="117">
        <v>0</v>
      </c>
      <c r="ET39" s="117">
        <v>0</v>
      </c>
      <c r="EU39" s="117">
        <v>0</v>
      </c>
      <c r="EV39" s="117">
        <v>0</v>
      </c>
      <c r="EW39" s="117">
        <v>0</v>
      </c>
      <c r="EX39" s="116">
        <v>0</v>
      </c>
      <c r="EY39" s="119">
        <v>0</v>
      </c>
      <c r="EZ39" s="113">
        <v>0</v>
      </c>
      <c r="FA39" s="117">
        <v>0</v>
      </c>
      <c r="FB39" s="115">
        <v>0</v>
      </c>
      <c r="FC39" s="395"/>
      <c r="FD39" s="117">
        <v>0</v>
      </c>
      <c r="FE39" s="117">
        <v>0</v>
      </c>
      <c r="FF39" s="117">
        <v>0</v>
      </c>
      <c r="FG39" s="117">
        <v>0</v>
      </c>
      <c r="FH39" s="117">
        <v>0</v>
      </c>
      <c r="FI39" s="116">
        <v>0</v>
      </c>
      <c r="FJ39" s="119">
        <v>0</v>
      </c>
      <c r="FK39" s="113">
        <v>0</v>
      </c>
      <c r="FL39" s="117">
        <v>0</v>
      </c>
      <c r="FM39" s="116">
        <v>0</v>
      </c>
      <c r="FN39" s="113">
        <v>0</v>
      </c>
      <c r="FO39" s="117">
        <v>2400</v>
      </c>
      <c r="FP39" s="117">
        <v>10384</v>
      </c>
      <c r="FQ39" s="117">
        <v>35944</v>
      </c>
      <c r="FR39" s="117">
        <v>0</v>
      </c>
      <c r="FS39" s="117">
        <v>0</v>
      </c>
      <c r="FT39" s="116">
        <v>48728</v>
      </c>
      <c r="FU39" s="119">
        <v>48728</v>
      </c>
      <c r="FV39" s="118">
        <v>0</v>
      </c>
      <c r="FW39" s="117">
        <v>0</v>
      </c>
      <c r="FX39" s="115">
        <v>0</v>
      </c>
      <c r="FY39" s="114">
        <v>0</v>
      </c>
      <c r="FZ39" s="117">
        <v>2400</v>
      </c>
      <c r="GA39" s="117">
        <v>10384</v>
      </c>
      <c r="GB39" s="117">
        <v>35944</v>
      </c>
      <c r="GC39" s="117">
        <v>0</v>
      </c>
      <c r="GD39" s="117">
        <v>0</v>
      </c>
      <c r="GE39" s="116">
        <v>48728</v>
      </c>
      <c r="GF39" s="357">
        <v>48728</v>
      </c>
      <c r="GG39" s="118">
        <v>0</v>
      </c>
      <c r="GH39" s="117">
        <v>0</v>
      </c>
      <c r="GI39" s="115">
        <v>0</v>
      </c>
      <c r="GJ39" s="114">
        <v>0</v>
      </c>
      <c r="GK39" s="117">
        <v>0</v>
      </c>
      <c r="GL39" s="117">
        <v>0</v>
      </c>
      <c r="GM39" s="117">
        <v>0</v>
      </c>
      <c r="GN39" s="117">
        <v>0</v>
      </c>
      <c r="GO39" s="117">
        <v>0</v>
      </c>
      <c r="GP39" s="116">
        <v>0</v>
      </c>
      <c r="GQ39" s="119">
        <v>0</v>
      </c>
      <c r="GR39" s="113">
        <v>0</v>
      </c>
      <c r="GS39" s="117">
        <v>0</v>
      </c>
      <c r="GT39" s="116">
        <v>0</v>
      </c>
      <c r="GU39" s="113">
        <v>0</v>
      </c>
      <c r="GV39" s="117">
        <v>0</v>
      </c>
      <c r="GW39" s="117">
        <v>0</v>
      </c>
      <c r="GX39" s="117">
        <v>0</v>
      </c>
      <c r="GY39" s="117">
        <v>0</v>
      </c>
      <c r="GZ39" s="117">
        <v>0</v>
      </c>
      <c r="HA39" s="115">
        <v>0</v>
      </c>
      <c r="HB39" s="119">
        <v>0</v>
      </c>
      <c r="HC39" s="113">
        <v>0</v>
      </c>
      <c r="HD39" s="117">
        <v>0</v>
      </c>
      <c r="HE39" s="115">
        <v>0</v>
      </c>
      <c r="HF39" s="114">
        <v>0</v>
      </c>
      <c r="HG39" s="117">
        <v>179879</v>
      </c>
      <c r="HH39" s="117">
        <v>180467</v>
      </c>
      <c r="HI39" s="117">
        <v>185192</v>
      </c>
      <c r="HJ39" s="117">
        <v>0</v>
      </c>
      <c r="HK39" s="117">
        <v>0</v>
      </c>
      <c r="HL39" s="116">
        <v>545538</v>
      </c>
      <c r="HM39" s="112">
        <v>545538</v>
      </c>
      <c r="HN39" s="395"/>
      <c r="HO39" s="395"/>
      <c r="HP39" s="395"/>
      <c r="HQ39" s="395"/>
      <c r="HR39" s="395"/>
      <c r="HS39" s="395"/>
      <c r="HT39" s="395"/>
      <c r="HU39" s="395"/>
      <c r="HV39" s="395"/>
      <c r="HW39" s="395"/>
      <c r="HX39" s="395"/>
      <c r="HY39" s="148">
        <v>0</v>
      </c>
      <c r="HZ39" s="149">
        <v>0</v>
      </c>
      <c r="IA39" s="150">
        <v>0</v>
      </c>
      <c r="IB39" s="162">
        <v>0</v>
      </c>
      <c r="IC39" s="149">
        <v>397488</v>
      </c>
      <c r="ID39" s="163">
        <v>0</v>
      </c>
      <c r="IE39" s="150">
        <v>0</v>
      </c>
      <c r="IF39" s="149">
        <v>0</v>
      </c>
      <c r="IG39" s="150">
        <v>0</v>
      </c>
      <c r="IH39" s="164">
        <v>397488</v>
      </c>
      <c r="II39" s="156">
        <v>397488</v>
      </c>
      <c r="IJ39" s="259">
        <v>0</v>
      </c>
      <c r="IK39" s="266">
        <v>0</v>
      </c>
      <c r="IL39" s="267">
        <v>0</v>
      </c>
      <c r="IM39" s="395"/>
      <c r="IN39" s="123">
        <v>0</v>
      </c>
      <c r="IO39" s="123">
        <v>0</v>
      </c>
      <c r="IP39" s="123">
        <v>0</v>
      </c>
      <c r="IQ39" s="123">
        <v>0</v>
      </c>
      <c r="IR39" s="123">
        <v>0</v>
      </c>
      <c r="IS39" s="158">
        <v>0</v>
      </c>
      <c r="IT39" s="360">
        <v>0</v>
      </c>
      <c r="IU39" s="159">
        <v>0</v>
      </c>
      <c r="IV39" s="123">
        <v>0</v>
      </c>
      <c r="IW39" s="124">
        <v>0</v>
      </c>
      <c r="IX39" s="395"/>
      <c r="IY39" s="123">
        <v>0</v>
      </c>
      <c r="IZ39" s="123">
        <v>0</v>
      </c>
      <c r="JA39" s="123">
        <v>0</v>
      </c>
      <c r="JB39" s="123">
        <v>0</v>
      </c>
      <c r="JC39" s="123">
        <v>0</v>
      </c>
      <c r="JD39" s="124">
        <v>0</v>
      </c>
      <c r="JE39" s="125">
        <v>0</v>
      </c>
      <c r="JF39" s="159">
        <v>0</v>
      </c>
      <c r="JG39" s="123">
        <v>0</v>
      </c>
      <c r="JH39" s="158">
        <v>0</v>
      </c>
      <c r="JI39" s="122">
        <v>0</v>
      </c>
      <c r="JJ39" s="123">
        <v>152400</v>
      </c>
      <c r="JK39" s="123">
        <v>0</v>
      </c>
      <c r="JL39" s="123">
        <v>0</v>
      </c>
      <c r="JM39" s="123">
        <v>0</v>
      </c>
      <c r="JN39" s="123">
        <v>0</v>
      </c>
      <c r="JO39" s="124">
        <v>152400</v>
      </c>
      <c r="JP39" s="360">
        <v>152400</v>
      </c>
      <c r="JQ39" s="159">
        <v>0</v>
      </c>
      <c r="JR39" s="123">
        <v>0</v>
      </c>
      <c r="JS39" s="158">
        <v>0</v>
      </c>
      <c r="JT39" s="122">
        <v>0</v>
      </c>
      <c r="JU39" s="123">
        <v>0</v>
      </c>
      <c r="JV39" s="123">
        <v>0</v>
      </c>
      <c r="JW39" s="123">
        <v>0</v>
      </c>
      <c r="JX39" s="123">
        <v>0</v>
      </c>
      <c r="JY39" s="123">
        <v>0</v>
      </c>
      <c r="JZ39" s="124">
        <v>0</v>
      </c>
      <c r="KA39" s="360">
        <v>0</v>
      </c>
      <c r="KB39" s="262">
        <v>0</v>
      </c>
      <c r="KC39" s="256">
        <v>0</v>
      </c>
      <c r="KD39" s="124">
        <v>0</v>
      </c>
      <c r="KE39" s="122">
        <v>0</v>
      </c>
      <c r="KF39" s="123">
        <v>110712</v>
      </c>
      <c r="KG39" s="123">
        <v>0</v>
      </c>
      <c r="KH39" s="123">
        <v>0</v>
      </c>
      <c r="KI39" s="123">
        <v>0</v>
      </c>
      <c r="KJ39" s="123">
        <v>0</v>
      </c>
      <c r="KK39" s="124">
        <v>110712</v>
      </c>
      <c r="KL39" s="160">
        <v>110712</v>
      </c>
      <c r="KM39" s="259">
        <v>0</v>
      </c>
      <c r="KN39" s="266">
        <v>0</v>
      </c>
      <c r="KO39" s="267">
        <v>0</v>
      </c>
      <c r="KP39" s="395"/>
      <c r="KQ39" s="123">
        <v>0</v>
      </c>
      <c r="KR39" s="123">
        <v>0</v>
      </c>
      <c r="KS39" s="123">
        <v>0</v>
      </c>
      <c r="KT39" s="123">
        <v>0</v>
      </c>
      <c r="KU39" s="123">
        <v>0</v>
      </c>
      <c r="KV39" s="124">
        <v>0</v>
      </c>
      <c r="KW39" s="360">
        <v>0</v>
      </c>
      <c r="KX39" s="159">
        <v>0</v>
      </c>
      <c r="KY39" s="123">
        <v>0</v>
      </c>
      <c r="KZ39" s="124">
        <v>0</v>
      </c>
      <c r="LA39" s="395"/>
      <c r="LB39" s="123">
        <v>0</v>
      </c>
      <c r="LC39" s="123">
        <v>0</v>
      </c>
      <c r="LD39" s="123">
        <v>0</v>
      </c>
      <c r="LE39" s="123">
        <v>0</v>
      </c>
      <c r="LF39" s="123">
        <v>0</v>
      </c>
      <c r="LG39" s="124">
        <v>0</v>
      </c>
      <c r="LH39" s="125">
        <v>0</v>
      </c>
      <c r="LI39" s="159">
        <v>0</v>
      </c>
      <c r="LJ39" s="123">
        <v>0</v>
      </c>
      <c r="LK39" s="124">
        <v>0</v>
      </c>
      <c r="LL39" s="395"/>
      <c r="LM39" s="123">
        <v>0</v>
      </c>
      <c r="LN39" s="123">
        <v>0</v>
      </c>
      <c r="LO39" s="123">
        <v>0</v>
      </c>
      <c r="LP39" s="123">
        <v>0</v>
      </c>
      <c r="LQ39" s="123">
        <v>0</v>
      </c>
      <c r="LR39" s="124">
        <v>0</v>
      </c>
      <c r="LS39" s="360">
        <v>0</v>
      </c>
      <c r="LT39" s="159">
        <v>0</v>
      </c>
      <c r="LU39" s="123">
        <v>0</v>
      </c>
      <c r="LV39" s="124">
        <v>0</v>
      </c>
      <c r="LW39" s="395"/>
      <c r="LX39" s="123">
        <v>134376</v>
      </c>
      <c r="LY39" s="123">
        <v>0</v>
      </c>
      <c r="LZ39" s="123">
        <v>0</v>
      </c>
      <c r="MA39" s="123">
        <v>0</v>
      </c>
      <c r="MB39" s="123">
        <v>0</v>
      </c>
      <c r="MC39" s="124">
        <v>134376</v>
      </c>
      <c r="MD39" s="125">
        <v>134376</v>
      </c>
      <c r="ME39" s="159">
        <v>0</v>
      </c>
      <c r="MF39" s="123">
        <v>0</v>
      </c>
      <c r="MG39" s="124">
        <v>0</v>
      </c>
      <c r="MH39" s="395"/>
      <c r="MI39" s="123">
        <v>0</v>
      </c>
      <c r="MJ39" s="123">
        <v>0</v>
      </c>
      <c r="MK39" s="123">
        <v>215272</v>
      </c>
      <c r="ML39" s="123">
        <v>0</v>
      </c>
      <c r="MM39" s="123">
        <v>275832</v>
      </c>
      <c r="MN39" s="124">
        <v>491104</v>
      </c>
      <c r="MO39" s="160">
        <v>491104</v>
      </c>
      <c r="MP39" s="159">
        <v>0</v>
      </c>
      <c r="MQ39" s="123">
        <v>0</v>
      </c>
      <c r="MR39" s="124">
        <v>0</v>
      </c>
      <c r="MS39" s="395"/>
      <c r="MT39" s="123">
        <v>0</v>
      </c>
      <c r="MU39" s="123">
        <v>0</v>
      </c>
      <c r="MV39" s="123">
        <v>215272</v>
      </c>
      <c r="MW39" s="123">
        <v>0</v>
      </c>
      <c r="MX39" s="123">
        <v>275832</v>
      </c>
      <c r="MY39" s="124">
        <v>491104</v>
      </c>
      <c r="MZ39" s="160">
        <v>491104</v>
      </c>
      <c r="NA39" s="159">
        <v>0</v>
      </c>
      <c r="NB39" s="123">
        <v>0</v>
      </c>
      <c r="NC39" s="124">
        <v>0</v>
      </c>
      <c r="ND39" s="395"/>
      <c r="NE39" s="123">
        <v>0</v>
      </c>
      <c r="NF39" s="123">
        <v>0</v>
      </c>
      <c r="NG39" s="123">
        <v>0</v>
      </c>
      <c r="NH39" s="123">
        <v>0</v>
      </c>
      <c r="NI39" s="123">
        <v>0</v>
      </c>
      <c r="NJ39" s="124">
        <v>0</v>
      </c>
      <c r="NK39" s="360">
        <v>0</v>
      </c>
      <c r="NL39" s="159">
        <v>0</v>
      </c>
      <c r="NM39" s="123">
        <v>0</v>
      </c>
      <c r="NN39" s="124">
        <v>0</v>
      </c>
      <c r="NO39" s="395"/>
      <c r="NP39" s="123">
        <v>0</v>
      </c>
      <c r="NQ39" s="123">
        <v>0</v>
      </c>
      <c r="NR39" s="123">
        <v>0</v>
      </c>
      <c r="NS39" s="123">
        <v>0</v>
      </c>
      <c r="NT39" s="123">
        <v>0</v>
      </c>
      <c r="NU39" s="124">
        <v>0</v>
      </c>
      <c r="NV39" s="125">
        <v>0</v>
      </c>
      <c r="NW39" s="159">
        <v>0</v>
      </c>
      <c r="NX39" s="123">
        <v>0</v>
      </c>
      <c r="NY39" s="124">
        <v>0</v>
      </c>
      <c r="NZ39" s="395"/>
      <c r="OA39" s="123">
        <v>0</v>
      </c>
      <c r="OB39" s="123">
        <v>0</v>
      </c>
      <c r="OC39" s="123">
        <v>0</v>
      </c>
      <c r="OD39" s="123">
        <v>0</v>
      </c>
      <c r="OE39" s="123">
        <v>0</v>
      </c>
      <c r="OF39" s="124">
        <v>0</v>
      </c>
      <c r="OG39" s="125">
        <v>0</v>
      </c>
      <c r="OH39" s="159">
        <v>0</v>
      </c>
      <c r="OI39" s="123">
        <v>58368</v>
      </c>
      <c r="OJ39" s="158">
        <v>58368</v>
      </c>
      <c r="OK39" s="122">
        <v>0</v>
      </c>
      <c r="OL39" s="123">
        <v>691391</v>
      </c>
      <c r="OM39" s="123">
        <v>468686</v>
      </c>
      <c r="ON39" s="123">
        <v>500408</v>
      </c>
      <c r="OO39" s="123">
        <v>0</v>
      </c>
      <c r="OP39" s="123">
        <v>275832</v>
      </c>
      <c r="OQ39" s="124">
        <v>1936317</v>
      </c>
      <c r="OR39" s="160">
        <v>1994685</v>
      </c>
    </row>
    <row r="40" spans="1:408" ht="20.25" customHeight="1" x14ac:dyDescent="0.2">
      <c r="A40" s="130" t="s">
        <v>35</v>
      </c>
      <c r="B40" s="113">
        <v>166120</v>
      </c>
      <c r="C40" s="117">
        <v>100568</v>
      </c>
      <c r="D40" s="116">
        <v>266688</v>
      </c>
      <c r="E40" s="112">
        <v>0</v>
      </c>
      <c r="F40" s="117">
        <v>1618376</v>
      </c>
      <c r="G40" s="117">
        <v>1817955</v>
      </c>
      <c r="H40" s="117">
        <v>566194</v>
      </c>
      <c r="I40" s="117">
        <v>1093128</v>
      </c>
      <c r="J40" s="117">
        <v>560039</v>
      </c>
      <c r="K40" s="198">
        <v>5655692</v>
      </c>
      <c r="L40" s="119">
        <v>5922380</v>
      </c>
      <c r="M40" s="113">
        <v>13200</v>
      </c>
      <c r="N40" s="117">
        <v>8184</v>
      </c>
      <c r="O40" s="116">
        <v>21384</v>
      </c>
      <c r="P40" s="113">
        <v>0</v>
      </c>
      <c r="Q40" s="117">
        <v>297216</v>
      </c>
      <c r="R40" s="117">
        <v>554875</v>
      </c>
      <c r="S40" s="117">
        <v>72528</v>
      </c>
      <c r="T40" s="117">
        <v>53392</v>
      </c>
      <c r="U40" s="117">
        <v>309096</v>
      </c>
      <c r="V40" s="116">
        <v>1287107</v>
      </c>
      <c r="W40" s="119">
        <v>1308491</v>
      </c>
      <c r="X40" s="113">
        <v>0</v>
      </c>
      <c r="Y40" s="117">
        <v>0</v>
      </c>
      <c r="Z40" s="116">
        <v>0</v>
      </c>
      <c r="AA40" s="113">
        <v>0</v>
      </c>
      <c r="AB40" s="117">
        <v>89736</v>
      </c>
      <c r="AC40" s="117">
        <v>246634</v>
      </c>
      <c r="AD40" s="117">
        <v>0</v>
      </c>
      <c r="AE40" s="117">
        <v>0</v>
      </c>
      <c r="AF40" s="117">
        <v>180376</v>
      </c>
      <c r="AG40" s="116">
        <v>516746</v>
      </c>
      <c r="AH40" s="119">
        <v>516746</v>
      </c>
      <c r="AI40" s="113">
        <v>0</v>
      </c>
      <c r="AJ40" s="117">
        <v>0</v>
      </c>
      <c r="AK40" s="116">
        <v>0</v>
      </c>
      <c r="AL40" s="113">
        <v>0</v>
      </c>
      <c r="AM40" s="117">
        <v>0</v>
      </c>
      <c r="AN40" s="117">
        <v>0</v>
      </c>
      <c r="AO40" s="117">
        <v>0</v>
      </c>
      <c r="AP40" s="117">
        <v>0</v>
      </c>
      <c r="AQ40" s="117">
        <v>97344</v>
      </c>
      <c r="AR40" s="116">
        <v>97344</v>
      </c>
      <c r="AS40" s="119">
        <v>97344</v>
      </c>
      <c r="AT40" s="113">
        <v>0</v>
      </c>
      <c r="AU40" s="117">
        <v>0</v>
      </c>
      <c r="AV40" s="116">
        <v>0</v>
      </c>
      <c r="AW40" s="113">
        <v>0</v>
      </c>
      <c r="AX40" s="117">
        <v>0</v>
      </c>
      <c r="AY40" s="117">
        <v>149681</v>
      </c>
      <c r="AZ40" s="117">
        <v>0</v>
      </c>
      <c r="BA40" s="117">
        <v>0</v>
      </c>
      <c r="BB40" s="117">
        <v>0</v>
      </c>
      <c r="BC40" s="116">
        <v>149681</v>
      </c>
      <c r="BD40" s="119">
        <v>149681</v>
      </c>
      <c r="BE40" s="113">
        <v>0</v>
      </c>
      <c r="BF40" s="117">
        <v>0</v>
      </c>
      <c r="BG40" s="115">
        <v>0</v>
      </c>
      <c r="BH40" s="114">
        <v>0</v>
      </c>
      <c r="BI40" s="117">
        <v>117512</v>
      </c>
      <c r="BJ40" s="117">
        <v>30592</v>
      </c>
      <c r="BK40" s="117">
        <v>24960</v>
      </c>
      <c r="BL40" s="117">
        <v>0</v>
      </c>
      <c r="BM40" s="117">
        <v>0</v>
      </c>
      <c r="BN40" s="116">
        <v>173064</v>
      </c>
      <c r="BO40" s="119">
        <v>173064</v>
      </c>
      <c r="BP40" s="113">
        <v>13200</v>
      </c>
      <c r="BQ40" s="117">
        <v>8184</v>
      </c>
      <c r="BR40" s="116">
        <v>21384</v>
      </c>
      <c r="BS40" s="113">
        <v>0</v>
      </c>
      <c r="BT40" s="117">
        <v>89968</v>
      </c>
      <c r="BU40" s="117">
        <v>127968</v>
      </c>
      <c r="BV40" s="117">
        <v>47568</v>
      </c>
      <c r="BW40" s="117">
        <v>53392</v>
      </c>
      <c r="BX40" s="117">
        <v>31376</v>
      </c>
      <c r="BY40" s="116">
        <v>350272</v>
      </c>
      <c r="BZ40" s="119">
        <v>371656</v>
      </c>
      <c r="CA40" s="113">
        <v>39792</v>
      </c>
      <c r="CB40" s="117">
        <v>0</v>
      </c>
      <c r="CC40" s="116">
        <v>39792</v>
      </c>
      <c r="CD40" s="113">
        <v>0</v>
      </c>
      <c r="CE40" s="117">
        <v>395072</v>
      </c>
      <c r="CF40" s="117">
        <v>466984</v>
      </c>
      <c r="CG40" s="117">
        <v>104384</v>
      </c>
      <c r="CH40" s="117">
        <v>725472</v>
      </c>
      <c r="CI40" s="117">
        <v>0</v>
      </c>
      <c r="CJ40" s="116">
        <v>1691912</v>
      </c>
      <c r="CK40" s="119">
        <v>1731704</v>
      </c>
      <c r="CL40" s="113">
        <v>0</v>
      </c>
      <c r="CM40" s="117">
        <v>0</v>
      </c>
      <c r="CN40" s="116">
        <v>0</v>
      </c>
      <c r="CO40" s="114">
        <v>0</v>
      </c>
      <c r="CP40" s="117">
        <v>335320</v>
      </c>
      <c r="CQ40" s="117">
        <v>339152</v>
      </c>
      <c r="CR40" s="117">
        <v>104384</v>
      </c>
      <c r="CS40" s="117">
        <v>510192</v>
      </c>
      <c r="CT40" s="117">
        <v>0</v>
      </c>
      <c r="CU40" s="116">
        <v>1289048</v>
      </c>
      <c r="CV40" s="119">
        <v>1289048</v>
      </c>
      <c r="CW40" s="113">
        <v>39792</v>
      </c>
      <c r="CX40" s="117">
        <v>0</v>
      </c>
      <c r="CY40" s="116">
        <v>39792</v>
      </c>
      <c r="CZ40" s="113">
        <v>0</v>
      </c>
      <c r="DA40" s="117">
        <v>59752</v>
      </c>
      <c r="DB40" s="117">
        <v>127832</v>
      </c>
      <c r="DC40" s="117">
        <v>0</v>
      </c>
      <c r="DD40" s="117">
        <v>215280</v>
      </c>
      <c r="DE40" s="117">
        <v>0</v>
      </c>
      <c r="DF40" s="116">
        <v>402864</v>
      </c>
      <c r="DG40" s="119">
        <v>442656</v>
      </c>
      <c r="DH40" s="113">
        <v>0</v>
      </c>
      <c r="DI40" s="117">
        <v>0</v>
      </c>
      <c r="DJ40" s="115">
        <v>0</v>
      </c>
      <c r="DK40" s="114">
        <v>0</v>
      </c>
      <c r="DL40" s="117">
        <v>0</v>
      </c>
      <c r="DM40" s="117">
        <v>85648</v>
      </c>
      <c r="DN40" s="117">
        <v>0</v>
      </c>
      <c r="DO40" s="117">
        <v>51240</v>
      </c>
      <c r="DP40" s="117">
        <v>0</v>
      </c>
      <c r="DQ40" s="116">
        <v>136888</v>
      </c>
      <c r="DR40" s="119">
        <v>136888</v>
      </c>
      <c r="DS40" s="113">
        <v>0</v>
      </c>
      <c r="DT40" s="117">
        <v>0</v>
      </c>
      <c r="DU40" s="116">
        <v>0</v>
      </c>
      <c r="DV40" s="113">
        <v>0</v>
      </c>
      <c r="DW40" s="117">
        <v>0</v>
      </c>
      <c r="DX40" s="117">
        <v>85648</v>
      </c>
      <c r="DY40" s="117">
        <v>0</v>
      </c>
      <c r="DZ40" s="117">
        <v>0</v>
      </c>
      <c r="EA40" s="117">
        <v>0</v>
      </c>
      <c r="EB40" s="116">
        <v>85648</v>
      </c>
      <c r="EC40" s="119">
        <v>85648</v>
      </c>
      <c r="ED40" s="113">
        <v>0</v>
      </c>
      <c r="EE40" s="115">
        <v>0</v>
      </c>
      <c r="EF40" s="116">
        <v>0</v>
      </c>
      <c r="EG40" s="113">
        <v>0</v>
      </c>
      <c r="EH40" s="117">
        <v>0</v>
      </c>
      <c r="EI40" s="117">
        <v>0</v>
      </c>
      <c r="EJ40" s="117">
        <v>0</v>
      </c>
      <c r="EK40" s="117">
        <v>51240</v>
      </c>
      <c r="EL40" s="117">
        <v>0</v>
      </c>
      <c r="EM40" s="115">
        <v>51240</v>
      </c>
      <c r="EN40" s="119">
        <v>51240</v>
      </c>
      <c r="EO40" s="113">
        <v>0</v>
      </c>
      <c r="EP40" s="117">
        <v>0</v>
      </c>
      <c r="EQ40" s="115">
        <v>0</v>
      </c>
      <c r="ER40" s="114">
        <v>0</v>
      </c>
      <c r="ES40" s="117">
        <v>0</v>
      </c>
      <c r="ET40" s="117">
        <v>0</v>
      </c>
      <c r="EU40" s="117">
        <v>0</v>
      </c>
      <c r="EV40" s="117">
        <v>0</v>
      </c>
      <c r="EW40" s="117">
        <v>0</v>
      </c>
      <c r="EX40" s="116">
        <v>0</v>
      </c>
      <c r="EY40" s="119">
        <v>0</v>
      </c>
      <c r="EZ40" s="113">
        <v>0</v>
      </c>
      <c r="FA40" s="117">
        <v>0</v>
      </c>
      <c r="FB40" s="115">
        <v>0</v>
      </c>
      <c r="FC40" s="395"/>
      <c r="FD40" s="117">
        <v>0</v>
      </c>
      <c r="FE40" s="117">
        <v>0</v>
      </c>
      <c r="FF40" s="117">
        <v>0</v>
      </c>
      <c r="FG40" s="117">
        <v>0</v>
      </c>
      <c r="FH40" s="117">
        <v>0</v>
      </c>
      <c r="FI40" s="116">
        <v>0</v>
      </c>
      <c r="FJ40" s="119">
        <v>0</v>
      </c>
      <c r="FK40" s="113">
        <v>0</v>
      </c>
      <c r="FL40" s="117">
        <v>3200</v>
      </c>
      <c r="FM40" s="116">
        <v>3200</v>
      </c>
      <c r="FN40" s="113">
        <v>0</v>
      </c>
      <c r="FO40" s="117">
        <v>19600</v>
      </c>
      <c r="FP40" s="117">
        <v>81600</v>
      </c>
      <c r="FQ40" s="117">
        <v>2800</v>
      </c>
      <c r="FR40" s="117">
        <v>58768</v>
      </c>
      <c r="FS40" s="117">
        <v>8800</v>
      </c>
      <c r="FT40" s="116">
        <v>171568</v>
      </c>
      <c r="FU40" s="119">
        <v>174768</v>
      </c>
      <c r="FV40" s="118">
        <v>0</v>
      </c>
      <c r="FW40" s="117">
        <v>3200</v>
      </c>
      <c r="FX40" s="115">
        <v>3200</v>
      </c>
      <c r="FY40" s="114">
        <v>0</v>
      </c>
      <c r="FZ40" s="117">
        <v>19600</v>
      </c>
      <c r="GA40" s="117">
        <v>81600</v>
      </c>
      <c r="GB40" s="117">
        <v>2800</v>
      </c>
      <c r="GC40" s="117">
        <v>58768</v>
      </c>
      <c r="GD40" s="117">
        <v>8800</v>
      </c>
      <c r="GE40" s="116">
        <v>171568</v>
      </c>
      <c r="GF40" s="357">
        <v>174768</v>
      </c>
      <c r="GG40" s="118">
        <v>0</v>
      </c>
      <c r="GH40" s="117">
        <v>0</v>
      </c>
      <c r="GI40" s="115">
        <v>0</v>
      </c>
      <c r="GJ40" s="114">
        <v>0</v>
      </c>
      <c r="GK40" s="117">
        <v>0</v>
      </c>
      <c r="GL40" s="117">
        <v>0</v>
      </c>
      <c r="GM40" s="117">
        <v>0</v>
      </c>
      <c r="GN40" s="117">
        <v>0</v>
      </c>
      <c r="GO40" s="117">
        <v>0</v>
      </c>
      <c r="GP40" s="116">
        <v>0</v>
      </c>
      <c r="GQ40" s="119">
        <v>0</v>
      </c>
      <c r="GR40" s="113">
        <v>0</v>
      </c>
      <c r="GS40" s="117">
        <v>0</v>
      </c>
      <c r="GT40" s="116">
        <v>0</v>
      </c>
      <c r="GU40" s="113">
        <v>0</v>
      </c>
      <c r="GV40" s="117">
        <v>0</v>
      </c>
      <c r="GW40" s="117">
        <v>0</v>
      </c>
      <c r="GX40" s="117">
        <v>0</v>
      </c>
      <c r="GY40" s="117">
        <v>0</v>
      </c>
      <c r="GZ40" s="117">
        <v>0</v>
      </c>
      <c r="HA40" s="115">
        <v>0</v>
      </c>
      <c r="HB40" s="119">
        <v>0</v>
      </c>
      <c r="HC40" s="113">
        <v>113128</v>
      </c>
      <c r="HD40" s="117">
        <v>89184</v>
      </c>
      <c r="HE40" s="115">
        <v>202312</v>
      </c>
      <c r="HF40" s="114">
        <v>0</v>
      </c>
      <c r="HG40" s="117">
        <v>906488</v>
      </c>
      <c r="HH40" s="117">
        <v>628848</v>
      </c>
      <c r="HI40" s="117">
        <v>386482</v>
      </c>
      <c r="HJ40" s="117">
        <v>204256</v>
      </c>
      <c r="HK40" s="117">
        <v>242143</v>
      </c>
      <c r="HL40" s="116">
        <v>2368217</v>
      </c>
      <c r="HM40" s="112">
        <v>2570529</v>
      </c>
      <c r="HN40" s="395"/>
      <c r="HO40" s="395"/>
      <c r="HP40" s="395"/>
      <c r="HQ40" s="395"/>
      <c r="HR40" s="395"/>
      <c r="HS40" s="395"/>
      <c r="HT40" s="395"/>
      <c r="HU40" s="395"/>
      <c r="HV40" s="395"/>
      <c r="HW40" s="395"/>
      <c r="HX40" s="395"/>
      <c r="HY40" s="166">
        <v>0</v>
      </c>
      <c r="HZ40" s="152">
        <v>0</v>
      </c>
      <c r="IA40" s="166">
        <v>0</v>
      </c>
      <c r="IB40" s="162">
        <v>0</v>
      </c>
      <c r="IC40" s="149">
        <v>78496</v>
      </c>
      <c r="ID40" s="163">
        <v>384768</v>
      </c>
      <c r="IE40" s="150">
        <v>0</v>
      </c>
      <c r="IF40" s="149">
        <v>243904</v>
      </c>
      <c r="IG40" s="150">
        <v>0</v>
      </c>
      <c r="IH40" s="164">
        <v>707168</v>
      </c>
      <c r="II40" s="166">
        <v>707168</v>
      </c>
      <c r="IJ40" s="259">
        <v>0</v>
      </c>
      <c r="IK40" s="266">
        <v>0</v>
      </c>
      <c r="IL40" s="267">
        <v>0</v>
      </c>
      <c r="IM40" s="395"/>
      <c r="IN40" s="123">
        <v>0</v>
      </c>
      <c r="IO40" s="123">
        <v>67000</v>
      </c>
      <c r="IP40" s="123">
        <v>0</v>
      </c>
      <c r="IQ40" s="123">
        <v>0</v>
      </c>
      <c r="IR40" s="123">
        <v>0</v>
      </c>
      <c r="IS40" s="158">
        <v>67000</v>
      </c>
      <c r="IT40" s="360">
        <v>67000</v>
      </c>
      <c r="IU40" s="159">
        <v>0</v>
      </c>
      <c r="IV40" s="123">
        <v>0</v>
      </c>
      <c r="IW40" s="124">
        <v>0</v>
      </c>
      <c r="IX40" s="395"/>
      <c r="IY40" s="123">
        <v>0</v>
      </c>
      <c r="IZ40" s="123">
        <v>0</v>
      </c>
      <c r="JA40" s="123">
        <v>0</v>
      </c>
      <c r="JB40" s="123">
        <v>0</v>
      </c>
      <c r="JC40" s="123">
        <v>0</v>
      </c>
      <c r="JD40" s="124">
        <v>0</v>
      </c>
      <c r="JE40" s="125">
        <v>0</v>
      </c>
      <c r="JF40" s="159">
        <v>0</v>
      </c>
      <c r="JG40" s="123">
        <v>0</v>
      </c>
      <c r="JH40" s="158">
        <v>0</v>
      </c>
      <c r="JI40" s="122">
        <v>0</v>
      </c>
      <c r="JJ40" s="123">
        <v>0</v>
      </c>
      <c r="JK40" s="123">
        <v>79848</v>
      </c>
      <c r="JL40" s="123">
        <v>0</v>
      </c>
      <c r="JM40" s="123">
        <v>0</v>
      </c>
      <c r="JN40" s="123">
        <v>0</v>
      </c>
      <c r="JO40" s="124">
        <v>79848</v>
      </c>
      <c r="JP40" s="360">
        <v>79848</v>
      </c>
      <c r="JQ40" s="159">
        <v>0</v>
      </c>
      <c r="JR40" s="123">
        <v>0</v>
      </c>
      <c r="JS40" s="158">
        <v>0</v>
      </c>
      <c r="JT40" s="122">
        <v>0</v>
      </c>
      <c r="JU40" s="123">
        <v>0</v>
      </c>
      <c r="JV40" s="123">
        <v>0</v>
      </c>
      <c r="JW40" s="123">
        <v>0</v>
      </c>
      <c r="JX40" s="123">
        <v>0</v>
      </c>
      <c r="JY40" s="123">
        <v>0</v>
      </c>
      <c r="JZ40" s="124">
        <v>0</v>
      </c>
      <c r="KA40" s="360">
        <v>0</v>
      </c>
      <c r="KB40" s="262">
        <v>0</v>
      </c>
      <c r="KC40" s="256">
        <v>0</v>
      </c>
      <c r="KD40" s="124">
        <v>0</v>
      </c>
      <c r="KE40" s="122">
        <v>0</v>
      </c>
      <c r="KF40" s="123">
        <v>78496</v>
      </c>
      <c r="KG40" s="123">
        <v>0</v>
      </c>
      <c r="KH40" s="123">
        <v>0</v>
      </c>
      <c r="KI40" s="123">
        <v>0</v>
      </c>
      <c r="KJ40" s="123">
        <v>0</v>
      </c>
      <c r="KK40" s="124">
        <v>78496</v>
      </c>
      <c r="KL40" s="160">
        <v>78496</v>
      </c>
      <c r="KM40" s="259">
        <v>0</v>
      </c>
      <c r="KN40" s="266">
        <v>0</v>
      </c>
      <c r="KO40" s="267">
        <v>0</v>
      </c>
      <c r="KP40" s="395"/>
      <c r="KQ40" s="123">
        <v>0</v>
      </c>
      <c r="KR40" s="123">
        <v>237920</v>
      </c>
      <c r="KS40" s="123">
        <v>0</v>
      </c>
      <c r="KT40" s="123">
        <v>243904</v>
      </c>
      <c r="KU40" s="123">
        <v>0</v>
      </c>
      <c r="KV40" s="124">
        <v>481824</v>
      </c>
      <c r="KW40" s="360">
        <v>481824</v>
      </c>
      <c r="KX40" s="159">
        <v>0</v>
      </c>
      <c r="KY40" s="123">
        <v>0</v>
      </c>
      <c r="KZ40" s="124">
        <v>0</v>
      </c>
      <c r="LA40" s="395"/>
      <c r="LB40" s="123">
        <v>0</v>
      </c>
      <c r="LC40" s="123">
        <v>0</v>
      </c>
      <c r="LD40" s="123">
        <v>0</v>
      </c>
      <c r="LE40" s="123">
        <v>0</v>
      </c>
      <c r="LF40" s="123">
        <v>0</v>
      </c>
      <c r="LG40" s="124">
        <v>0</v>
      </c>
      <c r="LH40" s="125">
        <v>0</v>
      </c>
      <c r="LI40" s="159">
        <v>0</v>
      </c>
      <c r="LJ40" s="123">
        <v>0</v>
      </c>
      <c r="LK40" s="124">
        <v>0</v>
      </c>
      <c r="LL40" s="395"/>
      <c r="LM40" s="123">
        <v>0</v>
      </c>
      <c r="LN40" s="123">
        <v>0</v>
      </c>
      <c r="LO40" s="123">
        <v>0</v>
      </c>
      <c r="LP40" s="123">
        <v>0</v>
      </c>
      <c r="LQ40" s="123">
        <v>0</v>
      </c>
      <c r="LR40" s="124">
        <v>0</v>
      </c>
      <c r="LS40" s="360">
        <v>0</v>
      </c>
      <c r="LT40" s="159">
        <v>0</v>
      </c>
      <c r="LU40" s="123">
        <v>0</v>
      </c>
      <c r="LV40" s="124">
        <v>0</v>
      </c>
      <c r="LW40" s="395"/>
      <c r="LX40" s="123">
        <v>0</v>
      </c>
      <c r="LY40" s="123">
        <v>0</v>
      </c>
      <c r="LZ40" s="123">
        <v>0</v>
      </c>
      <c r="MA40" s="123">
        <v>0</v>
      </c>
      <c r="MB40" s="123">
        <v>0</v>
      </c>
      <c r="MC40" s="124">
        <v>0</v>
      </c>
      <c r="MD40" s="125">
        <v>0</v>
      </c>
      <c r="ME40" s="159">
        <v>0</v>
      </c>
      <c r="MF40" s="123">
        <v>0</v>
      </c>
      <c r="MG40" s="124">
        <v>0</v>
      </c>
      <c r="MH40" s="395"/>
      <c r="MI40" s="123">
        <v>0</v>
      </c>
      <c r="MJ40" s="123">
        <v>0</v>
      </c>
      <c r="MK40" s="123">
        <v>273896</v>
      </c>
      <c r="ML40" s="123">
        <v>803160</v>
      </c>
      <c r="MM40" s="123">
        <v>504864</v>
      </c>
      <c r="MN40" s="124">
        <v>1581920</v>
      </c>
      <c r="MO40" s="160">
        <v>1581920</v>
      </c>
      <c r="MP40" s="159">
        <v>0</v>
      </c>
      <c r="MQ40" s="123">
        <v>0</v>
      </c>
      <c r="MR40" s="124">
        <v>0</v>
      </c>
      <c r="MS40" s="395"/>
      <c r="MT40" s="123">
        <v>0</v>
      </c>
      <c r="MU40" s="123">
        <v>0</v>
      </c>
      <c r="MV40" s="123">
        <v>0</v>
      </c>
      <c r="MW40" s="123">
        <v>521392</v>
      </c>
      <c r="MX40" s="123">
        <v>504864</v>
      </c>
      <c r="MY40" s="124">
        <v>1026256</v>
      </c>
      <c r="MZ40" s="160">
        <v>1026256</v>
      </c>
      <c r="NA40" s="159">
        <v>0</v>
      </c>
      <c r="NB40" s="123">
        <v>0</v>
      </c>
      <c r="NC40" s="124">
        <v>0</v>
      </c>
      <c r="ND40" s="395"/>
      <c r="NE40" s="123">
        <v>0</v>
      </c>
      <c r="NF40" s="123">
        <v>0</v>
      </c>
      <c r="NG40" s="123">
        <v>273896</v>
      </c>
      <c r="NH40" s="123">
        <v>281768</v>
      </c>
      <c r="NI40" s="123">
        <v>0</v>
      </c>
      <c r="NJ40" s="124">
        <v>555664</v>
      </c>
      <c r="NK40" s="360">
        <v>555664</v>
      </c>
      <c r="NL40" s="159">
        <v>0</v>
      </c>
      <c r="NM40" s="123">
        <v>0</v>
      </c>
      <c r="NN40" s="124">
        <v>0</v>
      </c>
      <c r="NO40" s="395"/>
      <c r="NP40" s="123">
        <v>0</v>
      </c>
      <c r="NQ40" s="123">
        <v>0</v>
      </c>
      <c r="NR40" s="123">
        <v>0</v>
      </c>
      <c r="NS40" s="123">
        <v>0</v>
      </c>
      <c r="NT40" s="123">
        <v>0</v>
      </c>
      <c r="NU40" s="124">
        <v>0</v>
      </c>
      <c r="NV40" s="125">
        <v>0</v>
      </c>
      <c r="NW40" s="159">
        <v>0</v>
      </c>
      <c r="NX40" s="123">
        <v>0</v>
      </c>
      <c r="NY40" s="124">
        <v>0</v>
      </c>
      <c r="NZ40" s="395"/>
      <c r="OA40" s="123">
        <v>0</v>
      </c>
      <c r="OB40" s="123">
        <v>0</v>
      </c>
      <c r="OC40" s="123">
        <v>0</v>
      </c>
      <c r="OD40" s="123">
        <v>0</v>
      </c>
      <c r="OE40" s="123">
        <v>0</v>
      </c>
      <c r="OF40" s="124">
        <v>0</v>
      </c>
      <c r="OG40" s="125">
        <v>0</v>
      </c>
      <c r="OH40" s="159">
        <v>166120</v>
      </c>
      <c r="OI40" s="123">
        <v>100568</v>
      </c>
      <c r="OJ40" s="158">
        <v>266688</v>
      </c>
      <c r="OK40" s="122">
        <v>0</v>
      </c>
      <c r="OL40" s="123">
        <v>1696872</v>
      </c>
      <c r="OM40" s="123">
        <v>2202723</v>
      </c>
      <c r="ON40" s="123">
        <v>840090</v>
      </c>
      <c r="OO40" s="123">
        <v>2140192</v>
      </c>
      <c r="OP40" s="123">
        <v>1064903</v>
      </c>
      <c r="OQ40" s="124">
        <v>7944780</v>
      </c>
      <c r="OR40" s="160">
        <v>8211468</v>
      </c>
    </row>
    <row r="41" spans="1:408" ht="20.25" customHeight="1" x14ac:dyDescent="0.2">
      <c r="A41" s="130" t="s">
        <v>36</v>
      </c>
      <c r="B41" s="113">
        <v>35479</v>
      </c>
      <c r="C41" s="117">
        <v>169320</v>
      </c>
      <c r="D41" s="116">
        <v>204799</v>
      </c>
      <c r="E41" s="112">
        <v>0</v>
      </c>
      <c r="F41" s="117">
        <v>688036</v>
      </c>
      <c r="G41" s="117">
        <v>536983</v>
      </c>
      <c r="H41" s="117">
        <v>396027</v>
      </c>
      <c r="I41" s="117">
        <v>501257</v>
      </c>
      <c r="J41" s="117">
        <v>54624</v>
      </c>
      <c r="K41" s="198">
        <v>2176927</v>
      </c>
      <c r="L41" s="119">
        <v>2381726</v>
      </c>
      <c r="M41" s="113">
        <v>34679</v>
      </c>
      <c r="N41" s="117">
        <v>23760</v>
      </c>
      <c r="O41" s="116">
        <v>58439</v>
      </c>
      <c r="P41" s="113">
        <v>0</v>
      </c>
      <c r="Q41" s="117">
        <v>183133</v>
      </c>
      <c r="R41" s="117">
        <v>32445</v>
      </c>
      <c r="S41" s="117">
        <v>85462</v>
      </c>
      <c r="T41" s="117">
        <v>181804</v>
      </c>
      <c r="U41" s="117">
        <v>19088</v>
      </c>
      <c r="V41" s="116">
        <v>501932</v>
      </c>
      <c r="W41" s="119">
        <v>560371</v>
      </c>
      <c r="X41" s="113">
        <v>0</v>
      </c>
      <c r="Y41" s="117">
        <v>0</v>
      </c>
      <c r="Z41" s="116">
        <v>0</v>
      </c>
      <c r="AA41" s="113">
        <v>0</v>
      </c>
      <c r="AB41" s="117">
        <v>62261</v>
      </c>
      <c r="AC41" s="117">
        <v>11101</v>
      </c>
      <c r="AD41" s="117">
        <v>0</v>
      </c>
      <c r="AE41" s="117">
        <v>0</v>
      </c>
      <c r="AF41" s="117">
        <v>0</v>
      </c>
      <c r="AG41" s="116">
        <v>73362</v>
      </c>
      <c r="AH41" s="119">
        <v>73362</v>
      </c>
      <c r="AI41" s="113">
        <v>0</v>
      </c>
      <c r="AJ41" s="117">
        <v>0</v>
      </c>
      <c r="AK41" s="116">
        <v>0</v>
      </c>
      <c r="AL41" s="113">
        <v>0</v>
      </c>
      <c r="AM41" s="117">
        <v>0</v>
      </c>
      <c r="AN41" s="117">
        <v>0</v>
      </c>
      <c r="AO41" s="117">
        <v>0</v>
      </c>
      <c r="AP41" s="117">
        <v>24957</v>
      </c>
      <c r="AQ41" s="117">
        <v>0</v>
      </c>
      <c r="AR41" s="116">
        <v>24957</v>
      </c>
      <c r="AS41" s="119">
        <v>24957</v>
      </c>
      <c r="AT41" s="113">
        <v>23535</v>
      </c>
      <c r="AU41" s="117">
        <v>19632</v>
      </c>
      <c r="AV41" s="116">
        <v>43167</v>
      </c>
      <c r="AW41" s="113">
        <v>0</v>
      </c>
      <c r="AX41" s="117">
        <v>99944</v>
      </c>
      <c r="AY41" s="117">
        <v>0</v>
      </c>
      <c r="AZ41" s="117">
        <v>28478</v>
      </c>
      <c r="BA41" s="117">
        <v>147247</v>
      </c>
      <c r="BB41" s="117">
        <v>19088</v>
      </c>
      <c r="BC41" s="116">
        <v>294757</v>
      </c>
      <c r="BD41" s="119">
        <v>337924</v>
      </c>
      <c r="BE41" s="113">
        <v>0</v>
      </c>
      <c r="BF41" s="117">
        <v>0</v>
      </c>
      <c r="BG41" s="115">
        <v>0</v>
      </c>
      <c r="BH41" s="114">
        <v>0</v>
      </c>
      <c r="BI41" s="117">
        <v>0</v>
      </c>
      <c r="BJ41" s="117">
        <v>0</v>
      </c>
      <c r="BK41" s="117">
        <v>0</v>
      </c>
      <c r="BL41" s="117">
        <v>0</v>
      </c>
      <c r="BM41" s="117">
        <v>0</v>
      </c>
      <c r="BN41" s="116">
        <v>0</v>
      </c>
      <c r="BO41" s="119">
        <v>0</v>
      </c>
      <c r="BP41" s="113">
        <v>11144</v>
      </c>
      <c r="BQ41" s="117">
        <v>4128</v>
      </c>
      <c r="BR41" s="116">
        <v>15272</v>
      </c>
      <c r="BS41" s="113">
        <v>0</v>
      </c>
      <c r="BT41" s="117">
        <v>20928</v>
      </c>
      <c r="BU41" s="117">
        <v>21344</v>
      </c>
      <c r="BV41" s="117">
        <v>56984</v>
      </c>
      <c r="BW41" s="117">
        <v>9600</v>
      </c>
      <c r="BX41" s="117">
        <v>0</v>
      </c>
      <c r="BY41" s="116">
        <v>108856</v>
      </c>
      <c r="BZ41" s="119">
        <v>124128</v>
      </c>
      <c r="CA41" s="113">
        <v>0</v>
      </c>
      <c r="CB41" s="117">
        <v>0</v>
      </c>
      <c r="CC41" s="116">
        <v>0</v>
      </c>
      <c r="CD41" s="113">
        <v>0</v>
      </c>
      <c r="CE41" s="117">
        <v>76727</v>
      </c>
      <c r="CF41" s="117">
        <v>171929</v>
      </c>
      <c r="CG41" s="117">
        <v>253096</v>
      </c>
      <c r="CH41" s="117">
        <v>28364</v>
      </c>
      <c r="CI41" s="117">
        <v>0</v>
      </c>
      <c r="CJ41" s="116">
        <v>530116</v>
      </c>
      <c r="CK41" s="119">
        <v>530116</v>
      </c>
      <c r="CL41" s="113">
        <v>0</v>
      </c>
      <c r="CM41" s="117">
        <v>0</v>
      </c>
      <c r="CN41" s="116">
        <v>0</v>
      </c>
      <c r="CO41" s="114">
        <v>0</v>
      </c>
      <c r="CP41" s="117">
        <v>76727</v>
      </c>
      <c r="CQ41" s="117">
        <v>98822</v>
      </c>
      <c r="CR41" s="117">
        <v>190565</v>
      </c>
      <c r="CS41" s="117">
        <v>28364</v>
      </c>
      <c r="CT41" s="117">
        <v>0</v>
      </c>
      <c r="CU41" s="116">
        <v>394478</v>
      </c>
      <c r="CV41" s="119">
        <v>394478</v>
      </c>
      <c r="CW41" s="113">
        <v>0</v>
      </c>
      <c r="CX41" s="117">
        <v>0</v>
      </c>
      <c r="CY41" s="116">
        <v>0</v>
      </c>
      <c r="CZ41" s="113">
        <v>0</v>
      </c>
      <c r="DA41" s="117">
        <v>0</v>
      </c>
      <c r="DB41" s="117">
        <v>73107</v>
      </c>
      <c r="DC41" s="117">
        <v>62531</v>
      </c>
      <c r="DD41" s="117">
        <v>0</v>
      </c>
      <c r="DE41" s="117">
        <v>0</v>
      </c>
      <c r="DF41" s="116">
        <v>135638</v>
      </c>
      <c r="DG41" s="119">
        <v>135638</v>
      </c>
      <c r="DH41" s="113">
        <v>0</v>
      </c>
      <c r="DI41" s="117">
        <v>0</v>
      </c>
      <c r="DJ41" s="115">
        <v>0</v>
      </c>
      <c r="DK41" s="114">
        <v>0</v>
      </c>
      <c r="DL41" s="117">
        <v>299536</v>
      </c>
      <c r="DM41" s="117">
        <v>0</v>
      </c>
      <c r="DN41" s="117">
        <v>24669</v>
      </c>
      <c r="DO41" s="117">
        <v>25361</v>
      </c>
      <c r="DP41" s="117">
        <v>0</v>
      </c>
      <c r="DQ41" s="116">
        <v>349566</v>
      </c>
      <c r="DR41" s="119">
        <v>349566</v>
      </c>
      <c r="DS41" s="113">
        <v>0</v>
      </c>
      <c r="DT41" s="117">
        <v>0</v>
      </c>
      <c r="DU41" s="116">
        <v>0</v>
      </c>
      <c r="DV41" s="113">
        <v>0</v>
      </c>
      <c r="DW41" s="117">
        <v>299536</v>
      </c>
      <c r="DX41" s="117">
        <v>0</v>
      </c>
      <c r="DY41" s="117">
        <v>24669</v>
      </c>
      <c r="DZ41" s="117">
        <v>25361</v>
      </c>
      <c r="EA41" s="117">
        <v>0</v>
      </c>
      <c r="EB41" s="116">
        <v>349566</v>
      </c>
      <c r="EC41" s="119">
        <v>349566</v>
      </c>
      <c r="ED41" s="113">
        <v>0</v>
      </c>
      <c r="EE41" s="115">
        <v>0</v>
      </c>
      <c r="EF41" s="116">
        <v>0</v>
      </c>
      <c r="EG41" s="113">
        <v>0</v>
      </c>
      <c r="EH41" s="117">
        <v>0</v>
      </c>
      <c r="EI41" s="117">
        <v>0</v>
      </c>
      <c r="EJ41" s="117">
        <v>0</v>
      </c>
      <c r="EK41" s="117">
        <v>0</v>
      </c>
      <c r="EL41" s="117">
        <v>0</v>
      </c>
      <c r="EM41" s="115">
        <v>0</v>
      </c>
      <c r="EN41" s="119">
        <v>0</v>
      </c>
      <c r="EO41" s="113">
        <v>0</v>
      </c>
      <c r="EP41" s="117">
        <v>0</v>
      </c>
      <c r="EQ41" s="115">
        <v>0</v>
      </c>
      <c r="ER41" s="114">
        <v>0</v>
      </c>
      <c r="ES41" s="117">
        <v>0</v>
      </c>
      <c r="ET41" s="117">
        <v>0</v>
      </c>
      <c r="EU41" s="117">
        <v>0</v>
      </c>
      <c r="EV41" s="117">
        <v>0</v>
      </c>
      <c r="EW41" s="117">
        <v>0</v>
      </c>
      <c r="EX41" s="116">
        <v>0</v>
      </c>
      <c r="EY41" s="119">
        <v>0</v>
      </c>
      <c r="EZ41" s="113">
        <v>0</v>
      </c>
      <c r="FA41" s="117">
        <v>0</v>
      </c>
      <c r="FB41" s="115">
        <v>0</v>
      </c>
      <c r="FC41" s="395"/>
      <c r="FD41" s="117">
        <v>0</v>
      </c>
      <c r="FE41" s="117">
        <v>0</v>
      </c>
      <c r="FF41" s="117">
        <v>0</v>
      </c>
      <c r="FG41" s="117">
        <v>0</v>
      </c>
      <c r="FH41" s="117">
        <v>0</v>
      </c>
      <c r="FI41" s="116">
        <v>0</v>
      </c>
      <c r="FJ41" s="119">
        <v>0</v>
      </c>
      <c r="FK41" s="113">
        <v>800</v>
      </c>
      <c r="FL41" s="117">
        <v>145560</v>
      </c>
      <c r="FM41" s="116">
        <v>146360</v>
      </c>
      <c r="FN41" s="113">
        <v>0</v>
      </c>
      <c r="FO41" s="117">
        <v>128640</v>
      </c>
      <c r="FP41" s="117">
        <v>159984</v>
      </c>
      <c r="FQ41" s="117">
        <v>32800</v>
      </c>
      <c r="FR41" s="117">
        <v>55760</v>
      </c>
      <c r="FS41" s="117">
        <v>35536</v>
      </c>
      <c r="FT41" s="116">
        <v>412720</v>
      </c>
      <c r="FU41" s="119">
        <v>559080</v>
      </c>
      <c r="FV41" s="118">
        <v>800</v>
      </c>
      <c r="FW41" s="117">
        <v>23160</v>
      </c>
      <c r="FX41" s="115">
        <v>23960</v>
      </c>
      <c r="FY41" s="114">
        <v>0</v>
      </c>
      <c r="FZ41" s="117">
        <v>29680</v>
      </c>
      <c r="GA41" s="117">
        <v>19184</v>
      </c>
      <c r="GB41" s="117">
        <v>32800</v>
      </c>
      <c r="GC41" s="117">
        <v>55760</v>
      </c>
      <c r="GD41" s="117">
        <v>35536</v>
      </c>
      <c r="GE41" s="116">
        <v>172960</v>
      </c>
      <c r="GF41" s="357">
        <v>196920</v>
      </c>
      <c r="GG41" s="118">
        <v>0</v>
      </c>
      <c r="GH41" s="117">
        <v>0</v>
      </c>
      <c r="GI41" s="115">
        <v>0</v>
      </c>
      <c r="GJ41" s="114">
        <v>0</v>
      </c>
      <c r="GK41" s="117">
        <v>13600</v>
      </c>
      <c r="GL41" s="117">
        <v>0</v>
      </c>
      <c r="GM41" s="117">
        <v>0</v>
      </c>
      <c r="GN41" s="117">
        <v>0</v>
      </c>
      <c r="GO41" s="117">
        <v>0</v>
      </c>
      <c r="GP41" s="116">
        <v>13600</v>
      </c>
      <c r="GQ41" s="119">
        <v>13600</v>
      </c>
      <c r="GR41" s="113">
        <v>0</v>
      </c>
      <c r="GS41" s="117">
        <v>122400</v>
      </c>
      <c r="GT41" s="116">
        <v>122400</v>
      </c>
      <c r="GU41" s="113">
        <v>0</v>
      </c>
      <c r="GV41" s="117">
        <v>85360</v>
      </c>
      <c r="GW41" s="117">
        <v>140800</v>
      </c>
      <c r="GX41" s="117">
        <v>0</v>
      </c>
      <c r="GY41" s="117">
        <v>0</v>
      </c>
      <c r="GZ41" s="117">
        <v>0</v>
      </c>
      <c r="HA41" s="115">
        <v>226160</v>
      </c>
      <c r="HB41" s="119">
        <v>348560</v>
      </c>
      <c r="HC41" s="113">
        <v>0</v>
      </c>
      <c r="HD41" s="117">
        <v>0</v>
      </c>
      <c r="HE41" s="115">
        <v>0</v>
      </c>
      <c r="HF41" s="114">
        <v>0</v>
      </c>
      <c r="HG41" s="117">
        <v>0</v>
      </c>
      <c r="HH41" s="117">
        <v>172625</v>
      </c>
      <c r="HI41" s="117">
        <v>0</v>
      </c>
      <c r="HJ41" s="117">
        <v>209968</v>
      </c>
      <c r="HK41" s="117">
        <v>0</v>
      </c>
      <c r="HL41" s="116">
        <v>382593</v>
      </c>
      <c r="HM41" s="112">
        <v>382593</v>
      </c>
      <c r="HN41" s="395"/>
      <c r="HO41" s="395"/>
      <c r="HP41" s="395"/>
      <c r="HQ41" s="395"/>
      <c r="HR41" s="395"/>
      <c r="HS41" s="395"/>
      <c r="HT41" s="395"/>
      <c r="HU41" s="395"/>
      <c r="HV41" s="395"/>
      <c r="HW41" s="395"/>
      <c r="HX41" s="395"/>
      <c r="HY41" s="148">
        <v>0</v>
      </c>
      <c r="HZ41" s="149">
        <v>0</v>
      </c>
      <c r="IA41" s="150">
        <v>0</v>
      </c>
      <c r="IB41" s="162">
        <v>0</v>
      </c>
      <c r="IC41" s="149">
        <v>63317</v>
      </c>
      <c r="ID41" s="163">
        <v>19730</v>
      </c>
      <c r="IE41" s="150">
        <v>496144</v>
      </c>
      <c r="IF41" s="149">
        <v>240624</v>
      </c>
      <c r="IG41" s="150">
        <v>244394</v>
      </c>
      <c r="IH41" s="164">
        <v>1064209</v>
      </c>
      <c r="II41" s="156">
        <v>1064209</v>
      </c>
      <c r="IJ41" s="259">
        <v>0</v>
      </c>
      <c r="IK41" s="266">
        <v>0</v>
      </c>
      <c r="IL41" s="267">
        <v>0</v>
      </c>
      <c r="IM41" s="395"/>
      <c r="IN41" s="123">
        <v>0</v>
      </c>
      <c r="IO41" s="123">
        <v>0</v>
      </c>
      <c r="IP41" s="123">
        <v>0</v>
      </c>
      <c r="IQ41" s="123">
        <v>0</v>
      </c>
      <c r="IR41" s="123">
        <v>0</v>
      </c>
      <c r="IS41" s="158">
        <v>0</v>
      </c>
      <c r="IT41" s="360">
        <v>0</v>
      </c>
      <c r="IU41" s="159">
        <v>0</v>
      </c>
      <c r="IV41" s="123">
        <v>0</v>
      </c>
      <c r="IW41" s="124">
        <v>0</v>
      </c>
      <c r="IX41" s="395"/>
      <c r="IY41" s="123">
        <v>0</v>
      </c>
      <c r="IZ41" s="123">
        <v>0</v>
      </c>
      <c r="JA41" s="123">
        <v>0</v>
      </c>
      <c r="JB41" s="123">
        <v>0</v>
      </c>
      <c r="JC41" s="123">
        <v>0</v>
      </c>
      <c r="JD41" s="124">
        <v>0</v>
      </c>
      <c r="JE41" s="125">
        <v>0</v>
      </c>
      <c r="JF41" s="159">
        <v>0</v>
      </c>
      <c r="JG41" s="123">
        <v>0</v>
      </c>
      <c r="JH41" s="158">
        <v>0</v>
      </c>
      <c r="JI41" s="122">
        <v>0</v>
      </c>
      <c r="JJ41" s="123">
        <v>63317</v>
      </c>
      <c r="JK41" s="123">
        <v>19730</v>
      </c>
      <c r="JL41" s="123">
        <v>0</v>
      </c>
      <c r="JM41" s="123">
        <v>0</v>
      </c>
      <c r="JN41" s="123">
        <v>244394</v>
      </c>
      <c r="JO41" s="124">
        <v>327441</v>
      </c>
      <c r="JP41" s="360">
        <v>327441</v>
      </c>
      <c r="JQ41" s="159">
        <v>0</v>
      </c>
      <c r="JR41" s="123">
        <v>0</v>
      </c>
      <c r="JS41" s="158">
        <v>0</v>
      </c>
      <c r="JT41" s="122">
        <v>0</v>
      </c>
      <c r="JU41" s="123">
        <v>0</v>
      </c>
      <c r="JV41" s="123">
        <v>0</v>
      </c>
      <c r="JW41" s="123">
        <v>0</v>
      </c>
      <c r="JX41" s="123">
        <v>0</v>
      </c>
      <c r="JY41" s="123">
        <v>0</v>
      </c>
      <c r="JZ41" s="124">
        <v>0</v>
      </c>
      <c r="KA41" s="360">
        <v>0</v>
      </c>
      <c r="KB41" s="262">
        <v>0</v>
      </c>
      <c r="KC41" s="256">
        <v>0</v>
      </c>
      <c r="KD41" s="124">
        <v>0</v>
      </c>
      <c r="KE41" s="122">
        <v>0</v>
      </c>
      <c r="KF41" s="123">
        <v>0</v>
      </c>
      <c r="KG41" s="123">
        <v>0</v>
      </c>
      <c r="KH41" s="123">
        <v>0</v>
      </c>
      <c r="KI41" s="123">
        <v>240624</v>
      </c>
      <c r="KJ41" s="123">
        <v>0</v>
      </c>
      <c r="KK41" s="124">
        <v>240624</v>
      </c>
      <c r="KL41" s="160">
        <v>240624</v>
      </c>
      <c r="KM41" s="259">
        <v>0</v>
      </c>
      <c r="KN41" s="266">
        <v>0</v>
      </c>
      <c r="KO41" s="267">
        <v>0</v>
      </c>
      <c r="KP41" s="395"/>
      <c r="KQ41" s="123">
        <v>0</v>
      </c>
      <c r="KR41" s="123">
        <v>0</v>
      </c>
      <c r="KS41" s="123">
        <v>496144</v>
      </c>
      <c r="KT41" s="123">
        <v>0</v>
      </c>
      <c r="KU41" s="123">
        <v>0</v>
      </c>
      <c r="KV41" s="124">
        <v>496144</v>
      </c>
      <c r="KW41" s="360">
        <v>496144</v>
      </c>
      <c r="KX41" s="159">
        <v>0</v>
      </c>
      <c r="KY41" s="123">
        <v>0</v>
      </c>
      <c r="KZ41" s="124">
        <v>0</v>
      </c>
      <c r="LA41" s="395"/>
      <c r="LB41" s="123">
        <v>0</v>
      </c>
      <c r="LC41" s="123">
        <v>0</v>
      </c>
      <c r="LD41" s="123">
        <v>0</v>
      </c>
      <c r="LE41" s="123">
        <v>0</v>
      </c>
      <c r="LF41" s="123">
        <v>0</v>
      </c>
      <c r="LG41" s="124">
        <v>0</v>
      </c>
      <c r="LH41" s="125">
        <v>0</v>
      </c>
      <c r="LI41" s="159">
        <v>0</v>
      </c>
      <c r="LJ41" s="123">
        <v>0</v>
      </c>
      <c r="LK41" s="124">
        <v>0</v>
      </c>
      <c r="LL41" s="395"/>
      <c r="LM41" s="123">
        <v>0</v>
      </c>
      <c r="LN41" s="123">
        <v>0</v>
      </c>
      <c r="LO41" s="123">
        <v>0</v>
      </c>
      <c r="LP41" s="123">
        <v>0</v>
      </c>
      <c r="LQ41" s="123">
        <v>0</v>
      </c>
      <c r="LR41" s="124">
        <v>0</v>
      </c>
      <c r="LS41" s="360">
        <v>0</v>
      </c>
      <c r="LT41" s="159">
        <v>0</v>
      </c>
      <c r="LU41" s="123">
        <v>0</v>
      </c>
      <c r="LV41" s="124">
        <v>0</v>
      </c>
      <c r="LW41" s="395"/>
      <c r="LX41" s="123">
        <v>0</v>
      </c>
      <c r="LY41" s="123">
        <v>0</v>
      </c>
      <c r="LZ41" s="123">
        <v>0</v>
      </c>
      <c r="MA41" s="123">
        <v>0</v>
      </c>
      <c r="MB41" s="123">
        <v>0</v>
      </c>
      <c r="MC41" s="124">
        <v>0</v>
      </c>
      <c r="MD41" s="125">
        <v>0</v>
      </c>
      <c r="ME41" s="159">
        <v>0</v>
      </c>
      <c r="MF41" s="123">
        <v>0</v>
      </c>
      <c r="MG41" s="124">
        <v>0</v>
      </c>
      <c r="MH41" s="395"/>
      <c r="MI41" s="123">
        <v>217241</v>
      </c>
      <c r="MJ41" s="123">
        <v>0</v>
      </c>
      <c r="MK41" s="123">
        <v>1049217</v>
      </c>
      <c r="ML41" s="123">
        <v>1037991</v>
      </c>
      <c r="MM41" s="123">
        <v>1094202</v>
      </c>
      <c r="MN41" s="124">
        <v>3398651</v>
      </c>
      <c r="MO41" s="160">
        <v>3398651</v>
      </c>
      <c r="MP41" s="159">
        <v>0</v>
      </c>
      <c r="MQ41" s="123">
        <v>0</v>
      </c>
      <c r="MR41" s="124">
        <v>0</v>
      </c>
      <c r="MS41" s="395"/>
      <c r="MT41" s="123">
        <v>0</v>
      </c>
      <c r="MU41" s="123">
        <v>0</v>
      </c>
      <c r="MV41" s="123">
        <v>0</v>
      </c>
      <c r="MW41" s="123">
        <v>1037991</v>
      </c>
      <c r="MX41" s="123">
        <v>1094202</v>
      </c>
      <c r="MY41" s="124">
        <v>2132193</v>
      </c>
      <c r="MZ41" s="160">
        <v>2132193</v>
      </c>
      <c r="NA41" s="159">
        <v>0</v>
      </c>
      <c r="NB41" s="123">
        <v>0</v>
      </c>
      <c r="NC41" s="124">
        <v>0</v>
      </c>
      <c r="ND41" s="395"/>
      <c r="NE41" s="123">
        <v>217241</v>
      </c>
      <c r="NF41" s="123">
        <v>0</v>
      </c>
      <c r="NG41" s="123">
        <v>1049217</v>
      </c>
      <c r="NH41" s="123">
        <v>0</v>
      </c>
      <c r="NI41" s="123">
        <v>0</v>
      </c>
      <c r="NJ41" s="124">
        <v>1266458</v>
      </c>
      <c r="NK41" s="360">
        <v>1266458</v>
      </c>
      <c r="NL41" s="159">
        <v>0</v>
      </c>
      <c r="NM41" s="123">
        <v>0</v>
      </c>
      <c r="NN41" s="124">
        <v>0</v>
      </c>
      <c r="NO41" s="395"/>
      <c r="NP41" s="123">
        <v>0</v>
      </c>
      <c r="NQ41" s="123">
        <v>0</v>
      </c>
      <c r="NR41" s="123">
        <v>0</v>
      </c>
      <c r="NS41" s="123">
        <v>0</v>
      </c>
      <c r="NT41" s="123">
        <v>0</v>
      </c>
      <c r="NU41" s="124">
        <v>0</v>
      </c>
      <c r="NV41" s="125">
        <v>0</v>
      </c>
      <c r="NW41" s="159">
        <v>0</v>
      </c>
      <c r="NX41" s="123">
        <v>0</v>
      </c>
      <c r="NY41" s="124">
        <v>0</v>
      </c>
      <c r="NZ41" s="395"/>
      <c r="OA41" s="123">
        <v>0</v>
      </c>
      <c r="OB41" s="123">
        <v>0</v>
      </c>
      <c r="OC41" s="123">
        <v>0</v>
      </c>
      <c r="OD41" s="123">
        <v>0</v>
      </c>
      <c r="OE41" s="123">
        <v>0</v>
      </c>
      <c r="OF41" s="124">
        <v>0</v>
      </c>
      <c r="OG41" s="125">
        <v>0</v>
      </c>
      <c r="OH41" s="159">
        <v>35479</v>
      </c>
      <c r="OI41" s="123">
        <v>169320</v>
      </c>
      <c r="OJ41" s="158">
        <v>204799</v>
      </c>
      <c r="OK41" s="122">
        <v>0</v>
      </c>
      <c r="OL41" s="123">
        <v>968594</v>
      </c>
      <c r="OM41" s="123">
        <v>556713</v>
      </c>
      <c r="ON41" s="123">
        <v>1941388</v>
      </c>
      <c r="OO41" s="123">
        <v>1779872</v>
      </c>
      <c r="OP41" s="123">
        <v>1393220</v>
      </c>
      <c r="OQ41" s="124">
        <v>6639787</v>
      </c>
      <c r="OR41" s="160">
        <v>6844586</v>
      </c>
    </row>
    <row r="42" spans="1:408" ht="20.25" customHeight="1" thickBot="1" x14ac:dyDescent="0.25">
      <c r="A42" s="131" t="s">
        <v>37</v>
      </c>
      <c r="B42" s="120">
        <v>0</v>
      </c>
      <c r="C42" s="203">
        <v>0</v>
      </c>
      <c r="D42" s="204">
        <v>0</v>
      </c>
      <c r="E42" s="205">
        <v>0</v>
      </c>
      <c r="F42" s="203">
        <v>89852</v>
      </c>
      <c r="G42" s="203">
        <v>145361</v>
      </c>
      <c r="H42" s="203">
        <v>213220</v>
      </c>
      <c r="I42" s="203">
        <v>0</v>
      </c>
      <c r="J42" s="203">
        <v>0</v>
      </c>
      <c r="K42" s="205">
        <v>448433</v>
      </c>
      <c r="L42" s="206">
        <v>448433</v>
      </c>
      <c r="M42" s="120">
        <v>0</v>
      </c>
      <c r="N42" s="203">
        <v>0</v>
      </c>
      <c r="O42" s="204">
        <v>0</v>
      </c>
      <c r="P42" s="120">
        <v>0</v>
      </c>
      <c r="Q42" s="203">
        <v>62646</v>
      </c>
      <c r="R42" s="203">
        <v>8256</v>
      </c>
      <c r="S42" s="203">
        <v>12480</v>
      </c>
      <c r="T42" s="203">
        <v>0</v>
      </c>
      <c r="U42" s="203">
        <v>0</v>
      </c>
      <c r="V42" s="204">
        <v>83382</v>
      </c>
      <c r="W42" s="206">
        <v>83382</v>
      </c>
      <c r="X42" s="120">
        <v>0</v>
      </c>
      <c r="Y42" s="203">
        <v>0</v>
      </c>
      <c r="Z42" s="204">
        <v>0</v>
      </c>
      <c r="AA42" s="120">
        <v>0</v>
      </c>
      <c r="AB42" s="203">
        <v>0</v>
      </c>
      <c r="AC42" s="203">
        <v>0</v>
      </c>
      <c r="AD42" s="203">
        <v>0</v>
      </c>
      <c r="AE42" s="203">
        <v>0</v>
      </c>
      <c r="AF42" s="203">
        <v>0</v>
      </c>
      <c r="AG42" s="204">
        <v>0</v>
      </c>
      <c r="AH42" s="206">
        <v>0</v>
      </c>
      <c r="AI42" s="120">
        <v>0</v>
      </c>
      <c r="AJ42" s="203">
        <v>0</v>
      </c>
      <c r="AK42" s="204">
        <v>0</v>
      </c>
      <c r="AL42" s="120">
        <v>0</v>
      </c>
      <c r="AM42" s="203">
        <v>0</v>
      </c>
      <c r="AN42" s="203">
        <v>0</v>
      </c>
      <c r="AO42" s="203">
        <v>0</v>
      </c>
      <c r="AP42" s="203">
        <v>0</v>
      </c>
      <c r="AQ42" s="203">
        <v>0</v>
      </c>
      <c r="AR42" s="204">
        <v>0</v>
      </c>
      <c r="AS42" s="206">
        <v>0</v>
      </c>
      <c r="AT42" s="120">
        <v>0</v>
      </c>
      <c r="AU42" s="203">
        <v>0</v>
      </c>
      <c r="AV42" s="204">
        <v>0</v>
      </c>
      <c r="AW42" s="120">
        <v>0</v>
      </c>
      <c r="AX42" s="203">
        <v>0</v>
      </c>
      <c r="AY42" s="203">
        <v>0</v>
      </c>
      <c r="AZ42" s="203">
        <v>0</v>
      </c>
      <c r="BA42" s="203">
        <v>0</v>
      </c>
      <c r="BB42" s="203">
        <v>0</v>
      </c>
      <c r="BC42" s="204">
        <v>0</v>
      </c>
      <c r="BD42" s="206">
        <v>0</v>
      </c>
      <c r="BE42" s="120">
        <v>0</v>
      </c>
      <c r="BF42" s="203">
        <v>0</v>
      </c>
      <c r="BG42" s="208">
        <v>0</v>
      </c>
      <c r="BH42" s="207">
        <v>0</v>
      </c>
      <c r="BI42" s="203">
        <v>62646</v>
      </c>
      <c r="BJ42" s="203">
        <v>0</v>
      </c>
      <c r="BK42" s="203">
        <v>0</v>
      </c>
      <c r="BL42" s="203">
        <v>0</v>
      </c>
      <c r="BM42" s="203">
        <v>0</v>
      </c>
      <c r="BN42" s="204">
        <v>62646</v>
      </c>
      <c r="BO42" s="206">
        <v>62646</v>
      </c>
      <c r="BP42" s="120">
        <v>0</v>
      </c>
      <c r="BQ42" s="203">
        <v>0</v>
      </c>
      <c r="BR42" s="204">
        <v>0</v>
      </c>
      <c r="BS42" s="120">
        <v>0</v>
      </c>
      <c r="BT42" s="203">
        <v>0</v>
      </c>
      <c r="BU42" s="203">
        <v>8256</v>
      </c>
      <c r="BV42" s="203">
        <v>12480</v>
      </c>
      <c r="BW42" s="203">
        <v>0</v>
      </c>
      <c r="BX42" s="203">
        <v>0</v>
      </c>
      <c r="BY42" s="204">
        <v>20736</v>
      </c>
      <c r="BZ42" s="206">
        <v>20736</v>
      </c>
      <c r="CA42" s="120">
        <v>0</v>
      </c>
      <c r="CB42" s="203">
        <v>0</v>
      </c>
      <c r="CC42" s="204">
        <v>0</v>
      </c>
      <c r="CD42" s="120">
        <v>0</v>
      </c>
      <c r="CE42" s="203">
        <v>23238</v>
      </c>
      <c r="CF42" s="203">
        <v>92945</v>
      </c>
      <c r="CG42" s="203">
        <v>0</v>
      </c>
      <c r="CH42" s="203">
        <v>0</v>
      </c>
      <c r="CI42" s="203">
        <v>0</v>
      </c>
      <c r="CJ42" s="204">
        <v>116183</v>
      </c>
      <c r="CK42" s="206">
        <v>116183</v>
      </c>
      <c r="CL42" s="120">
        <v>0</v>
      </c>
      <c r="CM42" s="203">
        <v>0</v>
      </c>
      <c r="CN42" s="204">
        <v>0</v>
      </c>
      <c r="CO42" s="207">
        <v>0</v>
      </c>
      <c r="CP42" s="203">
        <v>23238</v>
      </c>
      <c r="CQ42" s="203">
        <v>92945</v>
      </c>
      <c r="CR42" s="203">
        <v>0</v>
      </c>
      <c r="CS42" s="203">
        <v>0</v>
      </c>
      <c r="CT42" s="203">
        <v>0</v>
      </c>
      <c r="CU42" s="204">
        <v>116183</v>
      </c>
      <c r="CV42" s="206">
        <v>116183</v>
      </c>
      <c r="CW42" s="120">
        <v>0</v>
      </c>
      <c r="CX42" s="203">
        <v>0</v>
      </c>
      <c r="CY42" s="204">
        <v>0</v>
      </c>
      <c r="CZ42" s="120">
        <v>0</v>
      </c>
      <c r="DA42" s="203">
        <v>0</v>
      </c>
      <c r="DB42" s="203">
        <v>0</v>
      </c>
      <c r="DC42" s="203">
        <v>0</v>
      </c>
      <c r="DD42" s="203">
        <v>0</v>
      </c>
      <c r="DE42" s="203">
        <v>0</v>
      </c>
      <c r="DF42" s="204">
        <v>0</v>
      </c>
      <c r="DG42" s="206">
        <v>0</v>
      </c>
      <c r="DH42" s="120">
        <v>0</v>
      </c>
      <c r="DI42" s="203">
        <v>0</v>
      </c>
      <c r="DJ42" s="208">
        <v>0</v>
      </c>
      <c r="DK42" s="207">
        <v>0</v>
      </c>
      <c r="DL42" s="203">
        <v>0</v>
      </c>
      <c r="DM42" s="203">
        <v>0</v>
      </c>
      <c r="DN42" s="203">
        <v>0</v>
      </c>
      <c r="DO42" s="203">
        <v>0</v>
      </c>
      <c r="DP42" s="203">
        <v>0</v>
      </c>
      <c r="DQ42" s="204">
        <v>0</v>
      </c>
      <c r="DR42" s="206">
        <v>0</v>
      </c>
      <c r="DS42" s="120">
        <v>0</v>
      </c>
      <c r="DT42" s="203">
        <v>0</v>
      </c>
      <c r="DU42" s="204">
        <v>0</v>
      </c>
      <c r="DV42" s="120">
        <v>0</v>
      </c>
      <c r="DW42" s="203">
        <v>0</v>
      </c>
      <c r="DX42" s="203">
        <v>0</v>
      </c>
      <c r="DY42" s="203">
        <v>0</v>
      </c>
      <c r="DZ42" s="203">
        <v>0</v>
      </c>
      <c r="EA42" s="203">
        <v>0</v>
      </c>
      <c r="EB42" s="204">
        <v>0</v>
      </c>
      <c r="EC42" s="206">
        <v>0</v>
      </c>
      <c r="ED42" s="120">
        <v>0</v>
      </c>
      <c r="EE42" s="208">
        <v>0</v>
      </c>
      <c r="EF42" s="204">
        <v>0</v>
      </c>
      <c r="EG42" s="120">
        <v>0</v>
      </c>
      <c r="EH42" s="203">
        <v>0</v>
      </c>
      <c r="EI42" s="203">
        <v>0</v>
      </c>
      <c r="EJ42" s="203">
        <v>0</v>
      </c>
      <c r="EK42" s="203">
        <v>0</v>
      </c>
      <c r="EL42" s="203">
        <v>0</v>
      </c>
      <c r="EM42" s="208">
        <v>0</v>
      </c>
      <c r="EN42" s="206">
        <v>0</v>
      </c>
      <c r="EO42" s="120">
        <v>0</v>
      </c>
      <c r="EP42" s="203">
        <v>0</v>
      </c>
      <c r="EQ42" s="208">
        <v>0</v>
      </c>
      <c r="ER42" s="207">
        <v>0</v>
      </c>
      <c r="ES42" s="203">
        <v>0</v>
      </c>
      <c r="ET42" s="203">
        <v>0</v>
      </c>
      <c r="EU42" s="203">
        <v>0</v>
      </c>
      <c r="EV42" s="203">
        <v>0</v>
      </c>
      <c r="EW42" s="203">
        <v>0</v>
      </c>
      <c r="EX42" s="204">
        <v>0</v>
      </c>
      <c r="EY42" s="206">
        <v>0</v>
      </c>
      <c r="EZ42" s="120">
        <v>0</v>
      </c>
      <c r="FA42" s="203">
        <v>0</v>
      </c>
      <c r="FB42" s="208">
        <v>0</v>
      </c>
      <c r="FC42" s="396"/>
      <c r="FD42" s="203">
        <v>0</v>
      </c>
      <c r="FE42" s="203">
        <v>0</v>
      </c>
      <c r="FF42" s="203">
        <v>0</v>
      </c>
      <c r="FG42" s="203">
        <v>0</v>
      </c>
      <c r="FH42" s="203">
        <v>0</v>
      </c>
      <c r="FI42" s="204">
        <v>0</v>
      </c>
      <c r="FJ42" s="206">
        <v>0</v>
      </c>
      <c r="FK42" s="120">
        <v>0</v>
      </c>
      <c r="FL42" s="203">
        <v>0</v>
      </c>
      <c r="FM42" s="204">
        <v>0</v>
      </c>
      <c r="FN42" s="120">
        <v>0</v>
      </c>
      <c r="FO42" s="203">
        <v>3968</v>
      </c>
      <c r="FP42" s="203">
        <v>44160</v>
      </c>
      <c r="FQ42" s="203">
        <v>0</v>
      </c>
      <c r="FR42" s="203">
        <v>0</v>
      </c>
      <c r="FS42" s="203">
        <v>0</v>
      </c>
      <c r="FT42" s="204">
        <v>48128</v>
      </c>
      <c r="FU42" s="206">
        <v>48128</v>
      </c>
      <c r="FV42" s="209">
        <v>0</v>
      </c>
      <c r="FW42" s="203">
        <v>0</v>
      </c>
      <c r="FX42" s="208">
        <v>0</v>
      </c>
      <c r="FY42" s="207">
        <v>0</v>
      </c>
      <c r="FZ42" s="203">
        <v>3968</v>
      </c>
      <c r="GA42" s="203">
        <v>44160</v>
      </c>
      <c r="GB42" s="203">
        <v>0</v>
      </c>
      <c r="GC42" s="203">
        <v>0</v>
      </c>
      <c r="GD42" s="203">
        <v>0</v>
      </c>
      <c r="GE42" s="204">
        <v>48128</v>
      </c>
      <c r="GF42" s="358">
        <v>48128</v>
      </c>
      <c r="GG42" s="209">
        <v>0</v>
      </c>
      <c r="GH42" s="203">
        <v>0</v>
      </c>
      <c r="GI42" s="208">
        <v>0</v>
      </c>
      <c r="GJ42" s="207">
        <v>0</v>
      </c>
      <c r="GK42" s="203">
        <v>0</v>
      </c>
      <c r="GL42" s="203">
        <v>0</v>
      </c>
      <c r="GM42" s="203">
        <v>0</v>
      </c>
      <c r="GN42" s="203">
        <v>0</v>
      </c>
      <c r="GO42" s="203">
        <v>0</v>
      </c>
      <c r="GP42" s="204">
        <v>0</v>
      </c>
      <c r="GQ42" s="206">
        <v>0</v>
      </c>
      <c r="GR42" s="120">
        <v>0</v>
      </c>
      <c r="GS42" s="203">
        <v>0</v>
      </c>
      <c r="GT42" s="204">
        <v>0</v>
      </c>
      <c r="GU42" s="120">
        <v>0</v>
      </c>
      <c r="GV42" s="203">
        <v>0</v>
      </c>
      <c r="GW42" s="203">
        <v>0</v>
      </c>
      <c r="GX42" s="203">
        <v>0</v>
      </c>
      <c r="GY42" s="203">
        <v>0</v>
      </c>
      <c r="GZ42" s="203">
        <v>0</v>
      </c>
      <c r="HA42" s="208">
        <v>0</v>
      </c>
      <c r="HB42" s="206">
        <v>0</v>
      </c>
      <c r="HC42" s="120">
        <v>0</v>
      </c>
      <c r="HD42" s="203">
        <v>0</v>
      </c>
      <c r="HE42" s="208">
        <v>0</v>
      </c>
      <c r="HF42" s="207">
        <v>0</v>
      </c>
      <c r="HG42" s="203">
        <v>0</v>
      </c>
      <c r="HH42" s="203">
        <v>0</v>
      </c>
      <c r="HI42" s="203">
        <v>200740</v>
      </c>
      <c r="HJ42" s="203">
        <v>0</v>
      </c>
      <c r="HK42" s="203">
        <v>0</v>
      </c>
      <c r="HL42" s="204">
        <v>200740</v>
      </c>
      <c r="HM42" s="205">
        <v>200740</v>
      </c>
      <c r="HN42" s="396"/>
      <c r="HO42" s="396"/>
      <c r="HP42" s="396"/>
      <c r="HQ42" s="396"/>
      <c r="HR42" s="396"/>
      <c r="HS42" s="396"/>
      <c r="HT42" s="396"/>
      <c r="HU42" s="396"/>
      <c r="HV42" s="396"/>
      <c r="HW42" s="396"/>
      <c r="HX42" s="396"/>
      <c r="HY42" s="167">
        <v>0</v>
      </c>
      <c r="HZ42" s="168">
        <v>0</v>
      </c>
      <c r="IA42" s="169">
        <v>0</v>
      </c>
      <c r="IB42" s="170">
        <v>0</v>
      </c>
      <c r="IC42" s="171">
        <v>0</v>
      </c>
      <c r="ID42" s="172">
        <v>0</v>
      </c>
      <c r="IE42" s="173">
        <v>0</v>
      </c>
      <c r="IF42" s="171">
        <v>0</v>
      </c>
      <c r="IG42" s="173">
        <v>0</v>
      </c>
      <c r="IH42" s="174">
        <v>0</v>
      </c>
      <c r="II42" s="175">
        <v>0</v>
      </c>
      <c r="IJ42" s="260">
        <v>0</v>
      </c>
      <c r="IK42" s="268">
        <v>0</v>
      </c>
      <c r="IL42" s="269">
        <v>0</v>
      </c>
      <c r="IM42" s="396"/>
      <c r="IN42" s="177">
        <v>0</v>
      </c>
      <c r="IO42" s="177">
        <v>0</v>
      </c>
      <c r="IP42" s="177">
        <v>0</v>
      </c>
      <c r="IQ42" s="177">
        <v>0</v>
      </c>
      <c r="IR42" s="177">
        <v>0</v>
      </c>
      <c r="IS42" s="178">
        <v>0</v>
      </c>
      <c r="IT42" s="361">
        <v>0</v>
      </c>
      <c r="IU42" s="179">
        <v>0</v>
      </c>
      <c r="IV42" s="177">
        <v>0</v>
      </c>
      <c r="IW42" s="181">
        <v>0</v>
      </c>
      <c r="IX42" s="396"/>
      <c r="IY42" s="177">
        <v>0</v>
      </c>
      <c r="IZ42" s="177">
        <v>0</v>
      </c>
      <c r="JA42" s="177">
        <v>0</v>
      </c>
      <c r="JB42" s="177">
        <v>0</v>
      </c>
      <c r="JC42" s="177">
        <v>0</v>
      </c>
      <c r="JD42" s="181">
        <v>0</v>
      </c>
      <c r="JE42" s="182">
        <v>0</v>
      </c>
      <c r="JF42" s="179">
        <v>0</v>
      </c>
      <c r="JG42" s="177">
        <v>0</v>
      </c>
      <c r="JH42" s="178">
        <v>0</v>
      </c>
      <c r="JI42" s="180">
        <v>0</v>
      </c>
      <c r="JJ42" s="177">
        <v>0</v>
      </c>
      <c r="JK42" s="177">
        <v>0</v>
      </c>
      <c r="JL42" s="177">
        <v>0</v>
      </c>
      <c r="JM42" s="177">
        <v>0</v>
      </c>
      <c r="JN42" s="177">
        <v>0</v>
      </c>
      <c r="JO42" s="181">
        <v>0</v>
      </c>
      <c r="JP42" s="361">
        <v>0</v>
      </c>
      <c r="JQ42" s="179">
        <v>0</v>
      </c>
      <c r="JR42" s="177">
        <v>0</v>
      </c>
      <c r="JS42" s="178">
        <v>0</v>
      </c>
      <c r="JT42" s="180">
        <v>0</v>
      </c>
      <c r="JU42" s="177">
        <v>0</v>
      </c>
      <c r="JV42" s="177">
        <v>0</v>
      </c>
      <c r="JW42" s="177">
        <v>0</v>
      </c>
      <c r="JX42" s="177">
        <v>0</v>
      </c>
      <c r="JY42" s="177">
        <v>0</v>
      </c>
      <c r="JZ42" s="181">
        <v>0</v>
      </c>
      <c r="KA42" s="361">
        <v>0</v>
      </c>
      <c r="KB42" s="263">
        <v>0</v>
      </c>
      <c r="KC42" s="257">
        <v>0</v>
      </c>
      <c r="KD42" s="181">
        <v>0</v>
      </c>
      <c r="KE42" s="180">
        <v>0</v>
      </c>
      <c r="KF42" s="177">
        <v>0</v>
      </c>
      <c r="KG42" s="177">
        <v>0</v>
      </c>
      <c r="KH42" s="177">
        <v>0</v>
      </c>
      <c r="KI42" s="177">
        <v>0</v>
      </c>
      <c r="KJ42" s="177">
        <v>0</v>
      </c>
      <c r="KK42" s="181">
        <v>0</v>
      </c>
      <c r="KL42" s="183">
        <v>0</v>
      </c>
      <c r="KM42" s="260">
        <v>0</v>
      </c>
      <c r="KN42" s="268">
        <v>0</v>
      </c>
      <c r="KO42" s="269">
        <v>0</v>
      </c>
      <c r="KP42" s="396"/>
      <c r="KQ42" s="177">
        <v>0</v>
      </c>
      <c r="KR42" s="177">
        <v>0</v>
      </c>
      <c r="KS42" s="177">
        <v>0</v>
      </c>
      <c r="KT42" s="177">
        <v>0</v>
      </c>
      <c r="KU42" s="177">
        <v>0</v>
      </c>
      <c r="KV42" s="181">
        <v>0</v>
      </c>
      <c r="KW42" s="361">
        <v>0</v>
      </c>
      <c r="KX42" s="179">
        <v>0</v>
      </c>
      <c r="KY42" s="177">
        <v>0</v>
      </c>
      <c r="KZ42" s="181">
        <v>0</v>
      </c>
      <c r="LA42" s="396"/>
      <c r="LB42" s="177">
        <v>0</v>
      </c>
      <c r="LC42" s="177">
        <v>0</v>
      </c>
      <c r="LD42" s="177">
        <v>0</v>
      </c>
      <c r="LE42" s="177">
        <v>0</v>
      </c>
      <c r="LF42" s="177">
        <v>0</v>
      </c>
      <c r="LG42" s="181">
        <v>0</v>
      </c>
      <c r="LH42" s="182">
        <v>0</v>
      </c>
      <c r="LI42" s="179">
        <v>0</v>
      </c>
      <c r="LJ42" s="177">
        <v>0</v>
      </c>
      <c r="LK42" s="181">
        <v>0</v>
      </c>
      <c r="LL42" s="396"/>
      <c r="LM42" s="177">
        <v>0</v>
      </c>
      <c r="LN42" s="177">
        <v>0</v>
      </c>
      <c r="LO42" s="177">
        <v>0</v>
      </c>
      <c r="LP42" s="177">
        <v>0</v>
      </c>
      <c r="LQ42" s="177">
        <v>0</v>
      </c>
      <c r="LR42" s="181">
        <v>0</v>
      </c>
      <c r="LS42" s="361">
        <v>0</v>
      </c>
      <c r="LT42" s="179">
        <v>0</v>
      </c>
      <c r="LU42" s="177">
        <v>0</v>
      </c>
      <c r="LV42" s="181">
        <v>0</v>
      </c>
      <c r="LW42" s="396"/>
      <c r="LX42" s="177">
        <v>0</v>
      </c>
      <c r="LY42" s="177">
        <v>0</v>
      </c>
      <c r="LZ42" s="177">
        <v>0</v>
      </c>
      <c r="MA42" s="177">
        <v>0</v>
      </c>
      <c r="MB42" s="177">
        <v>0</v>
      </c>
      <c r="MC42" s="181">
        <v>0</v>
      </c>
      <c r="MD42" s="182">
        <v>0</v>
      </c>
      <c r="ME42" s="179">
        <v>0</v>
      </c>
      <c r="MF42" s="177">
        <v>0</v>
      </c>
      <c r="MG42" s="181">
        <v>0</v>
      </c>
      <c r="MH42" s="396"/>
      <c r="MI42" s="177">
        <v>0</v>
      </c>
      <c r="MJ42" s="177">
        <v>0</v>
      </c>
      <c r="MK42" s="177">
        <v>310803</v>
      </c>
      <c r="ML42" s="177">
        <v>0</v>
      </c>
      <c r="MM42" s="177">
        <v>276763</v>
      </c>
      <c r="MN42" s="181">
        <v>587566</v>
      </c>
      <c r="MO42" s="183">
        <v>587566</v>
      </c>
      <c r="MP42" s="179">
        <v>0</v>
      </c>
      <c r="MQ42" s="177">
        <v>0</v>
      </c>
      <c r="MR42" s="181">
        <v>0</v>
      </c>
      <c r="MS42" s="396"/>
      <c r="MT42" s="177">
        <v>0</v>
      </c>
      <c r="MU42" s="177">
        <v>0</v>
      </c>
      <c r="MV42" s="177">
        <v>230227</v>
      </c>
      <c r="MW42" s="177">
        <v>0</v>
      </c>
      <c r="MX42" s="177">
        <v>276763</v>
      </c>
      <c r="MY42" s="181">
        <v>506990</v>
      </c>
      <c r="MZ42" s="183">
        <v>506990</v>
      </c>
      <c r="NA42" s="179">
        <v>0</v>
      </c>
      <c r="NB42" s="177">
        <v>0</v>
      </c>
      <c r="NC42" s="181">
        <v>0</v>
      </c>
      <c r="ND42" s="396"/>
      <c r="NE42" s="177">
        <v>0</v>
      </c>
      <c r="NF42" s="177">
        <v>0</v>
      </c>
      <c r="NG42" s="177">
        <v>80576</v>
      </c>
      <c r="NH42" s="177">
        <v>0</v>
      </c>
      <c r="NI42" s="177">
        <v>0</v>
      </c>
      <c r="NJ42" s="181">
        <v>80576</v>
      </c>
      <c r="NK42" s="361">
        <v>80576</v>
      </c>
      <c r="NL42" s="179">
        <v>0</v>
      </c>
      <c r="NM42" s="177">
        <v>0</v>
      </c>
      <c r="NN42" s="181">
        <v>0</v>
      </c>
      <c r="NO42" s="396"/>
      <c r="NP42" s="177">
        <v>0</v>
      </c>
      <c r="NQ42" s="177">
        <v>0</v>
      </c>
      <c r="NR42" s="177">
        <v>0</v>
      </c>
      <c r="NS42" s="177">
        <v>0</v>
      </c>
      <c r="NT42" s="177">
        <v>0</v>
      </c>
      <c r="NU42" s="181">
        <v>0</v>
      </c>
      <c r="NV42" s="182">
        <v>0</v>
      </c>
      <c r="NW42" s="179">
        <v>0</v>
      </c>
      <c r="NX42" s="177">
        <v>0</v>
      </c>
      <c r="NY42" s="181">
        <v>0</v>
      </c>
      <c r="NZ42" s="396"/>
      <c r="OA42" s="177">
        <v>0</v>
      </c>
      <c r="OB42" s="177">
        <v>0</v>
      </c>
      <c r="OC42" s="177">
        <v>0</v>
      </c>
      <c r="OD42" s="177">
        <v>0</v>
      </c>
      <c r="OE42" s="177">
        <v>0</v>
      </c>
      <c r="OF42" s="181">
        <v>0</v>
      </c>
      <c r="OG42" s="182">
        <v>0</v>
      </c>
      <c r="OH42" s="179">
        <v>0</v>
      </c>
      <c r="OI42" s="177">
        <v>0</v>
      </c>
      <c r="OJ42" s="178">
        <v>0</v>
      </c>
      <c r="OK42" s="180">
        <v>0</v>
      </c>
      <c r="OL42" s="177">
        <v>89852</v>
      </c>
      <c r="OM42" s="177">
        <v>145361</v>
      </c>
      <c r="ON42" s="177">
        <v>524023</v>
      </c>
      <c r="OO42" s="177">
        <v>0</v>
      </c>
      <c r="OP42" s="177">
        <v>276763</v>
      </c>
      <c r="OQ42" s="181">
        <v>1035999</v>
      </c>
      <c r="OR42" s="183">
        <v>1035999</v>
      </c>
    </row>
    <row r="43" spans="1:408" x14ac:dyDescent="0.2">
      <c r="A43" s="44" t="s">
        <v>84</v>
      </c>
    </row>
  </sheetData>
  <mergeCells count="158">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S7:LS8"/>
    <mergeCell ref="LT7:LV7"/>
    <mergeCell ref="KM7:KO7"/>
    <mergeCell ref="KP7:KV7"/>
    <mergeCell ref="KW7:KW8"/>
    <mergeCell ref="KX7:KZ7"/>
    <mergeCell ref="LA7:LG7"/>
    <mergeCell ref="MP7:MR7"/>
    <mergeCell ref="MS7:MY7"/>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DH5:FJ5"/>
    <mergeCell ref="A4:A8"/>
    <mergeCell ref="B4:L6"/>
    <mergeCell ref="M4:HX4"/>
    <mergeCell ref="M5:BZ5"/>
    <mergeCell ref="CA5:DG5"/>
    <mergeCell ref="FK5:HB5"/>
    <mergeCell ref="HC5:HM6"/>
    <mergeCell ref="HN5:HX6"/>
    <mergeCell ref="ED6:EN6"/>
    <mergeCell ref="M6:W6"/>
    <mergeCell ref="X6:AH6"/>
    <mergeCell ref="AI6:AS6"/>
    <mergeCell ref="AT6:BD6"/>
    <mergeCell ref="BE6:BO6"/>
    <mergeCell ref="BP6:BZ6"/>
    <mergeCell ref="CA6:CK6"/>
    <mergeCell ref="CL6:CV6"/>
    <mergeCell ref="CW6:DG6"/>
    <mergeCell ref="DH6:DR6"/>
    <mergeCell ref="DS6:EC6"/>
    <mergeCell ref="B7:D7"/>
    <mergeCell ref="E7:K7"/>
    <mergeCell ref="L7:L8"/>
    <mergeCell ref="M7:O7"/>
    <mergeCell ref="P7:V7"/>
    <mergeCell ref="BH7:BN7"/>
    <mergeCell ref="W7:W8"/>
    <mergeCell ref="X7:Z7"/>
    <mergeCell ref="AA7:AG7"/>
    <mergeCell ref="AH7:AH8"/>
    <mergeCell ref="AI7:AK7"/>
    <mergeCell ref="AL7:AR7"/>
    <mergeCell ref="AS7:AS8"/>
    <mergeCell ref="AT7:AV7"/>
    <mergeCell ref="AW7:BC7"/>
    <mergeCell ref="EO7:EQ7"/>
    <mergeCell ref="BD7:BD8"/>
    <mergeCell ref="BE7:BG7"/>
    <mergeCell ref="CZ7:DF7"/>
    <mergeCell ref="BO7:BO8"/>
    <mergeCell ref="BP7:BR7"/>
    <mergeCell ref="BS7:BY7"/>
    <mergeCell ref="BZ7:BZ8"/>
    <mergeCell ref="CA7:CC7"/>
    <mergeCell ref="CD7:CJ7"/>
    <mergeCell ref="CK7:CK8"/>
    <mergeCell ref="CL7:CN7"/>
    <mergeCell ref="CO7:CU7"/>
    <mergeCell ref="CV7:CV8"/>
    <mergeCell ref="CW7:CY7"/>
    <mergeCell ref="DV7:EB7"/>
    <mergeCell ref="EC7:EC8"/>
    <mergeCell ref="ED7:EF7"/>
    <mergeCell ref="DG7:DG8"/>
    <mergeCell ref="DH7:DJ7"/>
    <mergeCell ref="DK7:DQ7"/>
    <mergeCell ref="DR7:DR8"/>
    <mergeCell ref="GG6:GQ6"/>
    <mergeCell ref="GQ7:GQ8"/>
    <mergeCell ref="GR7:GT7"/>
    <mergeCell ref="ER7:EX7"/>
    <mergeCell ref="EZ7:FB7"/>
    <mergeCell ref="FC7:FI7"/>
    <mergeCell ref="FJ7:FJ8"/>
    <mergeCell ref="GR6:HB6"/>
    <mergeCell ref="EZ6:FJ6"/>
    <mergeCell ref="F1:G1"/>
    <mergeCell ref="HX7:HX8"/>
    <mergeCell ref="HB7:HB8"/>
    <mergeCell ref="HC7:HE7"/>
    <mergeCell ref="HF7:HL7"/>
    <mergeCell ref="HM7:HM8"/>
    <mergeCell ref="HN7:HP7"/>
    <mergeCell ref="HQ7:HW7"/>
    <mergeCell ref="GU7:HA7"/>
    <mergeCell ref="EY7:EY8"/>
    <mergeCell ref="FK7:FM7"/>
    <mergeCell ref="FN7:FT7"/>
    <mergeCell ref="FU7:FU8"/>
    <mergeCell ref="FV7:FX7"/>
    <mergeCell ref="FY7:GE7"/>
    <mergeCell ref="GF7:GF8"/>
    <mergeCell ref="EG7:EM7"/>
    <mergeCell ref="EN7:EN8"/>
    <mergeCell ref="DS7:DU7"/>
    <mergeCell ref="GG7:GI7"/>
    <mergeCell ref="GJ7:GP7"/>
    <mergeCell ref="EO6:EY6"/>
    <mergeCell ref="FK6:FU6"/>
    <mergeCell ref="FV6:GF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8.21875"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64" customWidth="1"/>
    <col min="82" max="82" width="7.6640625" style="364" customWidth="1"/>
    <col min="83" max="83" width="9.88671875" style="364" customWidth="1"/>
    <col min="84" max="84" width="10" style="364" customWidth="1"/>
    <col min="85" max="85" width="9.77734375" style="364" customWidth="1"/>
    <col min="86" max="86" width="9.21875" style="364" customWidth="1"/>
    <col min="87" max="87" width="8.77734375" style="364" customWidth="1"/>
    <col min="88" max="88" width="9.88671875" style="364" customWidth="1"/>
    <col min="89" max="89" width="9.77734375" style="364"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64" customWidth="1"/>
    <col min="115" max="115" width="7.21875" style="364" customWidth="1"/>
    <col min="116" max="120" width="8.21875" style="364" customWidth="1"/>
    <col min="121" max="121" width="10.109375" style="364" customWidth="1"/>
    <col min="122" max="122" width="9.77734375" style="364"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64" customWidth="1"/>
    <col min="170" max="170" width="6.6640625" style="364" customWidth="1"/>
    <col min="171" max="175" width="8.21875" style="364" customWidth="1"/>
    <col min="176" max="176" width="10.109375" style="364" customWidth="1"/>
    <col min="177" max="177" width="9.88671875" style="364"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416">
        <f>第１表!F2</f>
        <v>3</v>
      </c>
      <c r="E1" s="283">
        <f>第１表!G2</f>
        <v>12</v>
      </c>
      <c r="F1" s="575">
        <f>IF(E1&lt;3,E1-2+12,E1-2)</f>
        <v>10</v>
      </c>
      <c r="G1" s="575"/>
      <c r="IA1" s="416"/>
      <c r="IB1" s="285"/>
      <c r="IC1" s="540"/>
      <c r="ID1" s="540"/>
    </row>
    <row r="2" spans="1:408" ht="21.75" customHeight="1" x14ac:dyDescent="0.2">
      <c r="A2" s="20" t="s">
        <v>147</v>
      </c>
      <c r="D2" s="282"/>
      <c r="E2" s="283"/>
      <c r="F2" s="402"/>
      <c r="G2" s="402"/>
      <c r="IA2" s="284"/>
      <c r="IB2" s="285"/>
      <c r="IC2" s="419"/>
      <c r="ID2" s="419"/>
    </row>
    <row r="3" spans="1:408" ht="24" customHeight="1" thickBot="1" x14ac:dyDescent="0.25">
      <c r="A3" s="20" t="s">
        <v>156</v>
      </c>
    </row>
    <row r="4" spans="1:408" ht="18" customHeight="1" thickBot="1" x14ac:dyDescent="0.25">
      <c r="A4" s="635" t="s">
        <v>42</v>
      </c>
      <c r="B4" s="638" t="s">
        <v>63</v>
      </c>
      <c r="C4" s="638"/>
      <c r="D4" s="638"/>
      <c r="E4" s="638"/>
      <c r="F4" s="638"/>
      <c r="G4" s="638"/>
      <c r="H4" s="638"/>
      <c r="I4" s="638"/>
      <c r="J4" s="638"/>
      <c r="K4" s="638"/>
      <c r="L4" s="638"/>
      <c r="M4" s="641"/>
      <c r="N4" s="641"/>
      <c r="O4" s="641"/>
      <c r="P4" s="641"/>
      <c r="Q4" s="641"/>
      <c r="R4" s="641"/>
      <c r="S4" s="641"/>
      <c r="T4" s="641"/>
      <c r="U4" s="641"/>
      <c r="V4" s="641"/>
      <c r="W4" s="641"/>
      <c r="X4" s="641"/>
      <c r="Y4" s="641"/>
      <c r="Z4" s="641"/>
      <c r="AA4" s="641"/>
      <c r="AB4" s="641"/>
      <c r="AC4" s="641"/>
      <c r="AD4" s="641"/>
      <c r="AE4" s="641"/>
      <c r="AF4" s="641"/>
      <c r="AG4" s="641"/>
      <c r="AH4" s="641"/>
      <c r="AI4" s="641"/>
      <c r="AJ4" s="641"/>
      <c r="AK4" s="641"/>
      <c r="AL4" s="641"/>
      <c r="AM4" s="641"/>
      <c r="AN4" s="641"/>
      <c r="AO4" s="641"/>
      <c r="AP4" s="641"/>
      <c r="AQ4" s="641"/>
      <c r="AR4" s="641"/>
      <c r="AS4" s="641"/>
      <c r="AT4" s="641"/>
      <c r="AU4" s="641"/>
      <c r="AV4" s="641"/>
      <c r="AW4" s="641"/>
      <c r="AX4" s="641"/>
      <c r="AY4" s="641"/>
      <c r="AZ4" s="641"/>
      <c r="BA4" s="641"/>
      <c r="BB4" s="641"/>
      <c r="BC4" s="641"/>
      <c r="BD4" s="641"/>
      <c r="BE4" s="641"/>
      <c r="BF4" s="641"/>
      <c r="BG4" s="641"/>
      <c r="BH4" s="641"/>
      <c r="BI4" s="641"/>
      <c r="BJ4" s="641"/>
      <c r="BK4" s="641"/>
      <c r="BL4" s="641"/>
      <c r="BM4" s="641"/>
      <c r="BN4" s="641"/>
      <c r="BO4" s="641"/>
      <c r="BP4" s="641"/>
      <c r="BQ4" s="641"/>
      <c r="BR4" s="641"/>
      <c r="BS4" s="641"/>
      <c r="BT4" s="641"/>
      <c r="BU4" s="641"/>
      <c r="BV4" s="641"/>
      <c r="BW4" s="641"/>
      <c r="BX4" s="641"/>
      <c r="BY4" s="641"/>
      <c r="BZ4" s="641"/>
      <c r="CA4" s="641"/>
      <c r="CB4" s="641"/>
      <c r="CC4" s="641"/>
      <c r="CD4" s="641"/>
      <c r="CE4" s="641"/>
      <c r="CF4" s="641"/>
      <c r="CG4" s="641"/>
      <c r="CH4" s="641"/>
      <c r="CI4" s="641"/>
      <c r="CJ4" s="641"/>
      <c r="CK4" s="641"/>
      <c r="CL4" s="641"/>
      <c r="CM4" s="641"/>
      <c r="CN4" s="641"/>
      <c r="CO4" s="641"/>
      <c r="CP4" s="641"/>
      <c r="CQ4" s="641"/>
      <c r="CR4" s="641"/>
      <c r="CS4" s="641"/>
      <c r="CT4" s="641"/>
      <c r="CU4" s="641"/>
      <c r="CV4" s="641"/>
      <c r="CW4" s="641"/>
      <c r="CX4" s="641"/>
      <c r="CY4" s="641"/>
      <c r="CZ4" s="641"/>
      <c r="DA4" s="641"/>
      <c r="DB4" s="641"/>
      <c r="DC4" s="641"/>
      <c r="DD4" s="641"/>
      <c r="DE4" s="641"/>
      <c r="DF4" s="641"/>
      <c r="DG4" s="641"/>
      <c r="DH4" s="641"/>
      <c r="DI4" s="641"/>
      <c r="DJ4" s="641"/>
      <c r="DK4" s="641"/>
      <c r="DL4" s="641"/>
      <c r="DM4" s="641"/>
      <c r="DN4" s="641"/>
      <c r="DO4" s="641"/>
      <c r="DP4" s="641"/>
      <c r="DQ4" s="641"/>
      <c r="DR4" s="641"/>
      <c r="DS4" s="641"/>
      <c r="DT4" s="641"/>
      <c r="DU4" s="641"/>
      <c r="DV4" s="641"/>
      <c r="DW4" s="641"/>
      <c r="DX4" s="641"/>
      <c r="DY4" s="641"/>
      <c r="DZ4" s="641"/>
      <c r="EA4" s="641"/>
      <c r="EB4" s="641"/>
      <c r="EC4" s="641"/>
      <c r="ED4" s="641"/>
      <c r="EE4" s="641"/>
      <c r="EF4" s="641"/>
      <c r="EG4" s="641"/>
      <c r="EH4" s="641"/>
      <c r="EI4" s="641"/>
      <c r="EJ4" s="641"/>
      <c r="EK4" s="641"/>
      <c r="EL4" s="641"/>
      <c r="EM4" s="641"/>
      <c r="EN4" s="641"/>
      <c r="EO4" s="641"/>
      <c r="EP4" s="641"/>
      <c r="EQ4" s="641"/>
      <c r="ER4" s="641"/>
      <c r="ES4" s="641"/>
      <c r="ET4" s="641"/>
      <c r="EU4" s="641"/>
      <c r="EV4" s="641"/>
      <c r="EW4" s="641"/>
      <c r="EX4" s="641"/>
      <c r="EY4" s="641"/>
      <c r="EZ4" s="641"/>
      <c r="FA4" s="641"/>
      <c r="FB4" s="641"/>
      <c r="FC4" s="641"/>
      <c r="FD4" s="641"/>
      <c r="FE4" s="641"/>
      <c r="FF4" s="641"/>
      <c r="FG4" s="641"/>
      <c r="FH4" s="641"/>
      <c r="FI4" s="641"/>
      <c r="FJ4" s="641"/>
      <c r="FK4" s="641"/>
      <c r="FL4" s="641"/>
      <c r="FM4" s="641"/>
      <c r="FN4" s="641"/>
      <c r="FO4" s="641"/>
      <c r="FP4" s="641"/>
      <c r="FQ4" s="641"/>
      <c r="FR4" s="641"/>
      <c r="FS4" s="641"/>
      <c r="FT4" s="641"/>
      <c r="FU4" s="641"/>
      <c r="FV4" s="641"/>
      <c r="FW4" s="641"/>
      <c r="FX4" s="641"/>
      <c r="FY4" s="641"/>
      <c r="FZ4" s="641"/>
      <c r="GA4" s="641"/>
      <c r="GB4" s="641"/>
      <c r="GC4" s="641"/>
      <c r="GD4" s="641"/>
      <c r="GE4" s="641"/>
      <c r="GF4" s="641"/>
      <c r="GG4" s="641"/>
      <c r="GH4" s="641"/>
      <c r="GI4" s="641"/>
      <c r="GJ4" s="641"/>
      <c r="GK4" s="641"/>
      <c r="GL4" s="641"/>
      <c r="GM4" s="641"/>
      <c r="GN4" s="641"/>
      <c r="GO4" s="641"/>
      <c r="GP4" s="641"/>
      <c r="GQ4" s="641"/>
      <c r="GR4" s="641"/>
      <c r="GS4" s="641"/>
      <c r="GT4" s="641"/>
      <c r="GU4" s="641"/>
      <c r="GV4" s="641"/>
      <c r="GW4" s="641"/>
      <c r="GX4" s="641"/>
      <c r="GY4" s="641"/>
      <c r="GZ4" s="641"/>
      <c r="HA4" s="641"/>
      <c r="HB4" s="641"/>
      <c r="HC4" s="641"/>
      <c r="HD4" s="641"/>
      <c r="HE4" s="641"/>
      <c r="HF4" s="641"/>
      <c r="HG4" s="641"/>
      <c r="HH4" s="641"/>
      <c r="HI4" s="641"/>
      <c r="HJ4" s="641"/>
      <c r="HK4" s="641"/>
      <c r="HL4" s="641"/>
      <c r="HM4" s="641"/>
      <c r="HN4" s="641"/>
      <c r="HO4" s="641"/>
      <c r="HP4" s="641"/>
      <c r="HQ4" s="641"/>
      <c r="HR4" s="641"/>
      <c r="HS4" s="641"/>
      <c r="HT4" s="641"/>
      <c r="HU4" s="641"/>
      <c r="HV4" s="641"/>
      <c r="HW4" s="641"/>
      <c r="HX4" s="642"/>
      <c r="HY4" s="537" t="s">
        <v>85</v>
      </c>
      <c r="HZ4" s="538"/>
      <c r="IA4" s="538"/>
      <c r="IB4" s="538"/>
      <c r="IC4" s="538"/>
      <c r="ID4" s="538"/>
      <c r="IE4" s="538"/>
      <c r="IF4" s="538"/>
      <c r="IG4" s="538"/>
      <c r="IH4" s="538"/>
      <c r="II4" s="538"/>
      <c r="IJ4" s="538"/>
      <c r="IK4" s="538"/>
      <c r="IL4" s="538"/>
      <c r="IM4" s="538"/>
      <c r="IN4" s="538"/>
      <c r="IO4" s="538"/>
      <c r="IP4" s="538"/>
      <c r="IQ4" s="538"/>
      <c r="IR4" s="538"/>
      <c r="IS4" s="538"/>
      <c r="IT4" s="538"/>
      <c r="IU4" s="538"/>
      <c r="IV4" s="538"/>
      <c r="IW4" s="538"/>
      <c r="IX4" s="538"/>
      <c r="IY4" s="538"/>
      <c r="IZ4" s="538"/>
      <c r="JA4" s="538"/>
      <c r="JB4" s="538"/>
      <c r="JC4" s="538"/>
      <c r="JD4" s="538"/>
      <c r="JE4" s="538"/>
      <c r="JF4" s="538"/>
      <c r="JG4" s="538"/>
      <c r="JH4" s="538"/>
      <c r="JI4" s="538"/>
      <c r="JJ4" s="538"/>
      <c r="JK4" s="538"/>
      <c r="JL4" s="538"/>
      <c r="JM4" s="538"/>
      <c r="JN4" s="538"/>
      <c r="JO4" s="538"/>
      <c r="JP4" s="538"/>
      <c r="JQ4" s="538"/>
      <c r="JR4" s="538"/>
      <c r="JS4" s="538"/>
      <c r="JT4" s="538"/>
      <c r="JU4" s="538"/>
      <c r="JV4" s="538"/>
      <c r="JW4" s="538"/>
      <c r="JX4" s="538"/>
      <c r="JY4" s="538"/>
      <c r="JZ4" s="538"/>
      <c r="KA4" s="538"/>
      <c r="KB4" s="538"/>
      <c r="KC4" s="538"/>
      <c r="KD4" s="538"/>
      <c r="KE4" s="538"/>
      <c r="KF4" s="538"/>
      <c r="KG4" s="538"/>
      <c r="KH4" s="538"/>
      <c r="KI4" s="538"/>
      <c r="KJ4" s="538"/>
      <c r="KK4" s="538"/>
      <c r="KL4" s="538"/>
      <c r="KM4" s="538"/>
      <c r="KN4" s="538"/>
      <c r="KO4" s="538"/>
      <c r="KP4" s="538"/>
      <c r="KQ4" s="538"/>
      <c r="KR4" s="538"/>
      <c r="KS4" s="538"/>
      <c r="KT4" s="538"/>
      <c r="KU4" s="538"/>
      <c r="KV4" s="538"/>
      <c r="KW4" s="538"/>
      <c r="KX4" s="538"/>
      <c r="KY4" s="538"/>
      <c r="KZ4" s="538"/>
      <c r="LA4" s="538"/>
      <c r="LB4" s="538"/>
      <c r="LC4" s="538"/>
      <c r="LD4" s="538"/>
      <c r="LE4" s="538"/>
      <c r="LF4" s="538"/>
      <c r="LG4" s="538"/>
      <c r="LH4" s="538"/>
      <c r="LI4" s="538"/>
      <c r="LJ4" s="538"/>
      <c r="LK4" s="538"/>
      <c r="LL4" s="538"/>
      <c r="LM4" s="538"/>
      <c r="LN4" s="538"/>
      <c r="LO4" s="538"/>
      <c r="LP4" s="538"/>
      <c r="LQ4" s="538"/>
      <c r="LR4" s="538"/>
      <c r="LS4" s="538"/>
      <c r="LT4" s="538"/>
      <c r="LU4" s="538"/>
      <c r="LV4" s="538"/>
      <c r="LW4" s="538"/>
      <c r="LX4" s="538"/>
      <c r="LY4" s="538"/>
      <c r="LZ4" s="538"/>
      <c r="MA4" s="538"/>
      <c r="MB4" s="538"/>
      <c r="MC4" s="538"/>
      <c r="MD4" s="539"/>
      <c r="ME4" s="537" t="s">
        <v>86</v>
      </c>
      <c r="MF4" s="538"/>
      <c r="MG4" s="538"/>
      <c r="MH4" s="538"/>
      <c r="MI4" s="538"/>
      <c r="MJ4" s="538"/>
      <c r="MK4" s="538"/>
      <c r="ML4" s="538"/>
      <c r="MM4" s="538"/>
      <c r="MN4" s="538"/>
      <c r="MO4" s="538"/>
      <c r="MP4" s="538"/>
      <c r="MQ4" s="538"/>
      <c r="MR4" s="538"/>
      <c r="MS4" s="538"/>
      <c r="MT4" s="538"/>
      <c r="MU4" s="538"/>
      <c r="MV4" s="538"/>
      <c r="MW4" s="538"/>
      <c r="MX4" s="538"/>
      <c r="MY4" s="538"/>
      <c r="MZ4" s="538"/>
      <c r="NA4" s="538"/>
      <c r="NB4" s="538"/>
      <c r="NC4" s="538"/>
      <c r="ND4" s="538"/>
      <c r="NE4" s="538"/>
      <c r="NF4" s="538"/>
      <c r="NG4" s="538"/>
      <c r="NH4" s="538"/>
      <c r="NI4" s="538"/>
      <c r="NJ4" s="538"/>
      <c r="NK4" s="538"/>
      <c r="NL4" s="538"/>
      <c r="NM4" s="538"/>
      <c r="NN4" s="538"/>
      <c r="NO4" s="538"/>
      <c r="NP4" s="538"/>
      <c r="NQ4" s="538"/>
      <c r="NR4" s="538"/>
      <c r="NS4" s="538"/>
      <c r="NT4" s="538"/>
      <c r="NU4" s="538"/>
      <c r="NV4" s="538"/>
      <c r="NW4" s="538"/>
      <c r="NX4" s="538"/>
      <c r="NY4" s="538"/>
      <c r="NZ4" s="538"/>
      <c r="OA4" s="538"/>
      <c r="OB4" s="538"/>
      <c r="OC4" s="538"/>
      <c r="OD4" s="538"/>
      <c r="OE4" s="538"/>
      <c r="OF4" s="538"/>
      <c r="OG4" s="539"/>
      <c r="OH4" s="528" t="s">
        <v>60</v>
      </c>
      <c r="OI4" s="432"/>
      <c r="OJ4" s="432"/>
      <c r="OK4" s="432"/>
      <c r="OL4" s="432"/>
      <c r="OM4" s="432"/>
      <c r="ON4" s="432"/>
      <c r="OO4" s="432"/>
      <c r="OP4" s="432"/>
      <c r="OQ4" s="432"/>
      <c r="OR4" s="433"/>
    </row>
    <row r="5" spans="1:408" ht="18" customHeight="1" thickBot="1" x14ac:dyDescent="0.25">
      <c r="A5" s="636"/>
      <c r="B5" s="639"/>
      <c r="C5" s="639"/>
      <c r="D5" s="639"/>
      <c r="E5" s="639"/>
      <c r="F5" s="639"/>
      <c r="G5" s="639"/>
      <c r="H5" s="639"/>
      <c r="I5" s="639"/>
      <c r="J5" s="639"/>
      <c r="K5" s="639"/>
      <c r="L5" s="639"/>
      <c r="M5" s="643" t="s">
        <v>64</v>
      </c>
      <c r="N5" s="644"/>
      <c r="O5" s="644"/>
      <c r="P5" s="644"/>
      <c r="Q5" s="644"/>
      <c r="R5" s="644"/>
      <c r="S5" s="644"/>
      <c r="T5" s="644"/>
      <c r="U5" s="644"/>
      <c r="V5" s="644"/>
      <c r="W5" s="644"/>
      <c r="X5" s="644"/>
      <c r="Y5" s="644"/>
      <c r="Z5" s="644"/>
      <c r="AA5" s="644"/>
      <c r="AB5" s="644"/>
      <c r="AC5" s="644"/>
      <c r="AD5" s="644"/>
      <c r="AE5" s="644"/>
      <c r="AF5" s="644"/>
      <c r="AG5" s="644"/>
      <c r="AH5" s="644"/>
      <c r="AI5" s="644"/>
      <c r="AJ5" s="644"/>
      <c r="AK5" s="644"/>
      <c r="AL5" s="644"/>
      <c r="AM5" s="644"/>
      <c r="AN5" s="644"/>
      <c r="AO5" s="644"/>
      <c r="AP5" s="644"/>
      <c r="AQ5" s="644"/>
      <c r="AR5" s="644"/>
      <c r="AS5" s="644"/>
      <c r="AT5" s="644"/>
      <c r="AU5" s="644"/>
      <c r="AV5" s="644"/>
      <c r="AW5" s="644"/>
      <c r="AX5" s="644"/>
      <c r="AY5" s="644"/>
      <c r="AZ5" s="644"/>
      <c r="BA5" s="644"/>
      <c r="BB5" s="644"/>
      <c r="BC5" s="644"/>
      <c r="BD5" s="644"/>
      <c r="BE5" s="644"/>
      <c r="BF5" s="644"/>
      <c r="BG5" s="644"/>
      <c r="BH5" s="644"/>
      <c r="BI5" s="644"/>
      <c r="BJ5" s="644"/>
      <c r="BK5" s="644"/>
      <c r="BL5" s="644"/>
      <c r="BM5" s="644"/>
      <c r="BN5" s="644"/>
      <c r="BO5" s="644"/>
      <c r="BP5" s="644"/>
      <c r="BQ5" s="644"/>
      <c r="BR5" s="644"/>
      <c r="BS5" s="644"/>
      <c r="BT5" s="644"/>
      <c r="BU5" s="644"/>
      <c r="BV5" s="644"/>
      <c r="BW5" s="644"/>
      <c r="BX5" s="644"/>
      <c r="BY5" s="644"/>
      <c r="BZ5" s="645"/>
      <c r="CA5" s="643" t="s">
        <v>65</v>
      </c>
      <c r="CB5" s="644"/>
      <c r="CC5" s="644"/>
      <c r="CD5" s="644"/>
      <c r="CE5" s="644"/>
      <c r="CF5" s="644"/>
      <c r="CG5" s="644"/>
      <c r="CH5" s="644"/>
      <c r="CI5" s="644"/>
      <c r="CJ5" s="644"/>
      <c r="CK5" s="644"/>
      <c r="CL5" s="644"/>
      <c r="CM5" s="644"/>
      <c r="CN5" s="644"/>
      <c r="CO5" s="644"/>
      <c r="CP5" s="644"/>
      <c r="CQ5" s="644"/>
      <c r="CR5" s="644"/>
      <c r="CS5" s="644"/>
      <c r="CT5" s="644"/>
      <c r="CU5" s="644"/>
      <c r="CV5" s="644"/>
      <c r="CW5" s="644"/>
      <c r="CX5" s="644"/>
      <c r="CY5" s="644"/>
      <c r="CZ5" s="644"/>
      <c r="DA5" s="644"/>
      <c r="DB5" s="644"/>
      <c r="DC5" s="644"/>
      <c r="DD5" s="644"/>
      <c r="DE5" s="644"/>
      <c r="DF5" s="644"/>
      <c r="DG5" s="645"/>
      <c r="DH5" s="449" t="s">
        <v>66</v>
      </c>
      <c r="DI5" s="450"/>
      <c r="DJ5" s="450"/>
      <c r="DK5" s="450"/>
      <c r="DL5" s="450"/>
      <c r="DM5" s="450"/>
      <c r="DN5" s="450"/>
      <c r="DO5" s="450"/>
      <c r="DP5" s="450"/>
      <c r="DQ5" s="450"/>
      <c r="DR5" s="450"/>
      <c r="DS5" s="450"/>
      <c r="DT5" s="450"/>
      <c r="DU5" s="450"/>
      <c r="DV5" s="450"/>
      <c r="DW5" s="450"/>
      <c r="DX5" s="450"/>
      <c r="DY5" s="450"/>
      <c r="DZ5" s="450"/>
      <c r="EA5" s="450"/>
      <c r="EB5" s="450"/>
      <c r="EC5" s="450"/>
      <c r="ED5" s="450"/>
      <c r="EE5" s="450"/>
      <c r="EF5" s="450"/>
      <c r="EG5" s="450"/>
      <c r="EH5" s="450"/>
      <c r="EI5" s="450"/>
      <c r="EJ5" s="450"/>
      <c r="EK5" s="450"/>
      <c r="EL5" s="450"/>
      <c r="EM5" s="450"/>
      <c r="EN5" s="450"/>
      <c r="EO5" s="450"/>
      <c r="EP5" s="450"/>
      <c r="EQ5" s="450"/>
      <c r="ER5" s="450"/>
      <c r="ES5" s="450"/>
      <c r="ET5" s="450"/>
      <c r="EU5" s="450"/>
      <c r="EV5" s="450"/>
      <c r="EW5" s="450"/>
      <c r="EX5" s="450"/>
      <c r="EY5" s="450"/>
      <c r="EZ5" s="450"/>
      <c r="FA5" s="450"/>
      <c r="FB5" s="450"/>
      <c r="FC5" s="450"/>
      <c r="FD5" s="450"/>
      <c r="FE5" s="450"/>
      <c r="FF5" s="450"/>
      <c r="FG5" s="450"/>
      <c r="FH5" s="450"/>
      <c r="FI5" s="450"/>
      <c r="FJ5" s="451"/>
      <c r="FK5" s="643" t="s">
        <v>67</v>
      </c>
      <c r="FL5" s="644"/>
      <c r="FM5" s="644"/>
      <c r="FN5" s="644"/>
      <c r="FO5" s="644"/>
      <c r="FP5" s="644"/>
      <c r="FQ5" s="644"/>
      <c r="FR5" s="644"/>
      <c r="FS5" s="644"/>
      <c r="FT5" s="644"/>
      <c r="FU5" s="644"/>
      <c r="FV5" s="644"/>
      <c r="FW5" s="644"/>
      <c r="FX5" s="644"/>
      <c r="FY5" s="644"/>
      <c r="FZ5" s="644"/>
      <c r="GA5" s="644"/>
      <c r="GB5" s="644"/>
      <c r="GC5" s="644"/>
      <c r="GD5" s="644"/>
      <c r="GE5" s="644"/>
      <c r="GF5" s="644"/>
      <c r="GG5" s="644"/>
      <c r="GH5" s="644"/>
      <c r="GI5" s="644"/>
      <c r="GJ5" s="644"/>
      <c r="GK5" s="644"/>
      <c r="GL5" s="644"/>
      <c r="GM5" s="644"/>
      <c r="GN5" s="644"/>
      <c r="GO5" s="644"/>
      <c r="GP5" s="644"/>
      <c r="GQ5" s="644"/>
      <c r="GR5" s="644"/>
      <c r="GS5" s="644"/>
      <c r="GT5" s="644"/>
      <c r="GU5" s="644"/>
      <c r="GV5" s="644"/>
      <c r="GW5" s="644"/>
      <c r="GX5" s="644"/>
      <c r="GY5" s="644"/>
      <c r="GZ5" s="644"/>
      <c r="HA5" s="644"/>
      <c r="HB5" s="645"/>
      <c r="HC5" s="646" t="s">
        <v>68</v>
      </c>
      <c r="HD5" s="647"/>
      <c r="HE5" s="647"/>
      <c r="HF5" s="647"/>
      <c r="HG5" s="647"/>
      <c r="HH5" s="647"/>
      <c r="HI5" s="647"/>
      <c r="HJ5" s="647"/>
      <c r="HK5" s="647"/>
      <c r="HL5" s="647"/>
      <c r="HM5" s="648"/>
      <c r="HN5" s="646" t="s">
        <v>69</v>
      </c>
      <c r="HO5" s="647"/>
      <c r="HP5" s="647"/>
      <c r="HQ5" s="647"/>
      <c r="HR5" s="647"/>
      <c r="HS5" s="647"/>
      <c r="HT5" s="647"/>
      <c r="HU5" s="647"/>
      <c r="HV5" s="647"/>
      <c r="HW5" s="647"/>
      <c r="HX5" s="648"/>
      <c r="HY5" s="588"/>
      <c r="HZ5" s="589"/>
      <c r="IA5" s="589"/>
      <c r="IB5" s="589"/>
      <c r="IC5" s="589"/>
      <c r="ID5" s="589"/>
      <c r="IE5" s="589"/>
      <c r="IF5" s="589"/>
      <c r="IG5" s="589"/>
      <c r="IH5" s="589"/>
      <c r="II5" s="590"/>
      <c r="IJ5" s="528" t="s">
        <v>94</v>
      </c>
      <c r="IK5" s="432"/>
      <c r="IL5" s="432"/>
      <c r="IM5" s="432"/>
      <c r="IN5" s="432"/>
      <c r="IO5" s="432"/>
      <c r="IP5" s="432"/>
      <c r="IQ5" s="432"/>
      <c r="IR5" s="432"/>
      <c r="IS5" s="432"/>
      <c r="IT5" s="433"/>
      <c r="IU5" s="528" t="s">
        <v>88</v>
      </c>
      <c r="IV5" s="432"/>
      <c r="IW5" s="432"/>
      <c r="IX5" s="432"/>
      <c r="IY5" s="432"/>
      <c r="IZ5" s="432"/>
      <c r="JA5" s="432"/>
      <c r="JB5" s="432"/>
      <c r="JC5" s="432"/>
      <c r="JD5" s="432"/>
      <c r="JE5" s="433"/>
      <c r="JF5" s="591" t="s">
        <v>144</v>
      </c>
      <c r="JG5" s="592"/>
      <c r="JH5" s="592"/>
      <c r="JI5" s="592"/>
      <c r="JJ5" s="592"/>
      <c r="JK5" s="592"/>
      <c r="JL5" s="592"/>
      <c r="JM5" s="592"/>
      <c r="JN5" s="592"/>
      <c r="JO5" s="592"/>
      <c r="JP5" s="593"/>
      <c r="JQ5" s="528" t="s">
        <v>90</v>
      </c>
      <c r="JR5" s="432"/>
      <c r="JS5" s="432"/>
      <c r="JT5" s="432"/>
      <c r="JU5" s="432"/>
      <c r="JV5" s="432"/>
      <c r="JW5" s="432"/>
      <c r="JX5" s="432"/>
      <c r="JY5" s="432"/>
      <c r="JZ5" s="432"/>
      <c r="KA5" s="433"/>
      <c r="KB5" s="528" t="s">
        <v>89</v>
      </c>
      <c r="KC5" s="432"/>
      <c r="KD5" s="432"/>
      <c r="KE5" s="432"/>
      <c r="KF5" s="432"/>
      <c r="KG5" s="432"/>
      <c r="KH5" s="432"/>
      <c r="KI5" s="432"/>
      <c r="KJ5" s="432"/>
      <c r="KK5" s="432"/>
      <c r="KL5" s="433"/>
      <c r="KM5" s="528" t="s">
        <v>91</v>
      </c>
      <c r="KN5" s="432"/>
      <c r="KO5" s="432"/>
      <c r="KP5" s="432"/>
      <c r="KQ5" s="432"/>
      <c r="KR5" s="432"/>
      <c r="KS5" s="432"/>
      <c r="KT5" s="432"/>
      <c r="KU5" s="432"/>
      <c r="KV5" s="432"/>
      <c r="KW5" s="433"/>
      <c r="KX5" s="528" t="s">
        <v>92</v>
      </c>
      <c r="KY5" s="432"/>
      <c r="KZ5" s="432"/>
      <c r="LA5" s="432"/>
      <c r="LB5" s="432"/>
      <c r="LC5" s="432"/>
      <c r="LD5" s="432"/>
      <c r="LE5" s="432"/>
      <c r="LF5" s="432"/>
      <c r="LG5" s="432"/>
      <c r="LH5" s="433"/>
      <c r="LI5" s="597" t="s">
        <v>93</v>
      </c>
      <c r="LJ5" s="598"/>
      <c r="LK5" s="598"/>
      <c r="LL5" s="598"/>
      <c r="LM5" s="598"/>
      <c r="LN5" s="598"/>
      <c r="LO5" s="598"/>
      <c r="LP5" s="598"/>
      <c r="LQ5" s="598"/>
      <c r="LR5" s="598"/>
      <c r="LS5" s="599"/>
      <c r="LT5" s="600" t="s">
        <v>145</v>
      </c>
      <c r="LU5" s="601"/>
      <c r="LV5" s="601"/>
      <c r="LW5" s="601"/>
      <c r="LX5" s="601"/>
      <c r="LY5" s="601"/>
      <c r="LZ5" s="601"/>
      <c r="MA5" s="601"/>
      <c r="MB5" s="601"/>
      <c r="MC5" s="601"/>
      <c r="MD5" s="602"/>
      <c r="ME5" s="588"/>
      <c r="MF5" s="589"/>
      <c r="MG5" s="589"/>
      <c r="MH5" s="589"/>
      <c r="MI5" s="589"/>
      <c r="MJ5" s="589"/>
      <c r="MK5" s="589"/>
      <c r="ML5" s="589"/>
      <c r="MM5" s="589"/>
      <c r="MN5" s="589"/>
      <c r="MO5" s="590"/>
      <c r="MP5" s="528" t="s">
        <v>57</v>
      </c>
      <c r="MQ5" s="432"/>
      <c r="MR5" s="432"/>
      <c r="MS5" s="432"/>
      <c r="MT5" s="432"/>
      <c r="MU5" s="432"/>
      <c r="MV5" s="432"/>
      <c r="MW5" s="432"/>
      <c r="MX5" s="432"/>
      <c r="MY5" s="432"/>
      <c r="MZ5" s="433"/>
      <c r="NA5" s="528" t="s">
        <v>58</v>
      </c>
      <c r="NB5" s="432"/>
      <c r="NC5" s="432"/>
      <c r="ND5" s="432"/>
      <c r="NE5" s="432"/>
      <c r="NF5" s="432"/>
      <c r="NG5" s="432"/>
      <c r="NH5" s="432"/>
      <c r="NI5" s="432"/>
      <c r="NJ5" s="432"/>
      <c r="NK5" s="433"/>
      <c r="NL5" s="528" t="s">
        <v>59</v>
      </c>
      <c r="NM5" s="432"/>
      <c r="NN5" s="432"/>
      <c r="NO5" s="432"/>
      <c r="NP5" s="432"/>
      <c r="NQ5" s="432"/>
      <c r="NR5" s="432"/>
      <c r="NS5" s="432"/>
      <c r="NT5" s="432"/>
      <c r="NU5" s="432"/>
      <c r="NV5" s="433"/>
      <c r="NW5" s="578" t="s">
        <v>151</v>
      </c>
      <c r="NX5" s="579"/>
      <c r="NY5" s="579"/>
      <c r="NZ5" s="579"/>
      <c r="OA5" s="579"/>
      <c r="OB5" s="579"/>
      <c r="OC5" s="579"/>
      <c r="OD5" s="579"/>
      <c r="OE5" s="579"/>
      <c r="OF5" s="579"/>
      <c r="OG5" s="580"/>
      <c r="OH5" s="585"/>
      <c r="OI5" s="586"/>
      <c r="OJ5" s="586"/>
      <c r="OK5" s="586"/>
      <c r="OL5" s="586"/>
      <c r="OM5" s="586"/>
      <c r="ON5" s="586"/>
      <c r="OO5" s="586"/>
      <c r="OP5" s="586"/>
      <c r="OQ5" s="586"/>
      <c r="OR5" s="587"/>
    </row>
    <row r="6" spans="1:408" ht="18" customHeight="1" thickBot="1" x14ac:dyDescent="0.25">
      <c r="A6" s="636"/>
      <c r="B6" s="640"/>
      <c r="C6" s="640"/>
      <c r="D6" s="640"/>
      <c r="E6" s="640"/>
      <c r="F6" s="640"/>
      <c r="G6" s="640"/>
      <c r="H6" s="640"/>
      <c r="I6" s="640"/>
      <c r="J6" s="640"/>
      <c r="K6" s="640"/>
      <c r="L6" s="640"/>
      <c r="M6" s="441"/>
      <c r="N6" s="442"/>
      <c r="O6" s="442"/>
      <c r="P6" s="442"/>
      <c r="Q6" s="442"/>
      <c r="R6" s="442"/>
      <c r="S6" s="442"/>
      <c r="T6" s="442"/>
      <c r="U6" s="442"/>
      <c r="V6" s="442"/>
      <c r="W6" s="443"/>
      <c r="X6" s="628" t="s">
        <v>70</v>
      </c>
      <c r="Y6" s="445"/>
      <c r="Z6" s="445"/>
      <c r="AA6" s="445"/>
      <c r="AB6" s="445"/>
      <c r="AC6" s="445"/>
      <c r="AD6" s="445"/>
      <c r="AE6" s="445"/>
      <c r="AF6" s="445"/>
      <c r="AG6" s="445"/>
      <c r="AH6" s="446"/>
      <c r="AI6" s="623" t="s">
        <v>71</v>
      </c>
      <c r="AJ6" s="624"/>
      <c r="AK6" s="624"/>
      <c r="AL6" s="624"/>
      <c r="AM6" s="624"/>
      <c r="AN6" s="624"/>
      <c r="AO6" s="624"/>
      <c r="AP6" s="624"/>
      <c r="AQ6" s="624"/>
      <c r="AR6" s="624"/>
      <c r="AS6" s="625"/>
      <c r="AT6" s="623" t="s">
        <v>72</v>
      </c>
      <c r="AU6" s="624"/>
      <c r="AV6" s="624"/>
      <c r="AW6" s="624"/>
      <c r="AX6" s="624"/>
      <c r="AY6" s="624"/>
      <c r="AZ6" s="624"/>
      <c r="BA6" s="624"/>
      <c r="BB6" s="624"/>
      <c r="BC6" s="624"/>
      <c r="BD6" s="625"/>
      <c r="BE6" s="623" t="s">
        <v>73</v>
      </c>
      <c r="BF6" s="624"/>
      <c r="BG6" s="624"/>
      <c r="BH6" s="624"/>
      <c r="BI6" s="624"/>
      <c r="BJ6" s="624"/>
      <c r="BK6" s="624"/>
      <c r="BL6" s="624"/>
      <c r="BM6" s="624"/>
      <c r="BN6" s="624"/>
      <c r="BO6" s="625"/>
      <c r="BP6" s="623" t="s">
        <v>74</v>
      </c>
      <c r="BQ6" s="624"/>
      <c r="BR6" s="624"/>
      <c r="BS6" s="624"/>
      <c r="BT6" s="624"/>
      <c r="BU6" s="624"/>
      <c r="BV6" s="624"/>
      <c r="BW6" s="624"/>
      <c r="BX6" s="624"/>
      <c r="BY6" s="624"/>
      <c r="BZ6" s="625"/>
      <c r="CA6" s="626"/>
      <c r="CB6" s="627"/>
      <c r="CC6" s="627"/>
      <c r="CD6" s="627"/>
      <c r="CE6" s="627"/>
      <c r="CF6" s="627"/>
      <c r="CG6" s="627"/>
      <c r="CH6" s="627"/>
      <c r="CI6" s="627"/>
      <c r="CJ6" s="627"/>
      <c r="CK6" s="652"/>
      <c r="CL6" s="623" t="s">
        <v>75</v>
      </c>
      <c r="CM6" s="624"/>
      <c r="CN6" s="624"/>
      <c r="CO6" s="624"/>
      <c r="CP6" s="624"/>
      <c r="CQ6" s="624"/>
      <c r="CR6" s="624"/>
      <c r="CS6" s="624"/>
      <c r="CT6" s="624"/>
      <c r="CU6" s="624"/>
      <c r="CV6" s="625"/>
      <c r="CW6" s="623" t="s">
        <v>76</v>
      </c>
      <c r="CX6" s="624"/>
      <c r="CY6" s="624"/>
      <c r="CZ6" s="624"/>
      <c r="DA6" s="624"/>
      <c r="DB6" s="624"/>
      <c r="DC6" s="624"/>
      <c r="DD6" s="624"/>
      <c r="DE6" s="624"/>
      <c r="DF6" s="624"/>
      <c r="DG6" s="625"/>
      <c r="DH6" s="626"/>
      <c r="DI6" s="627"/>
      <c r="DJ6" s="627"/>
      <c r="DK6" s="627"/>
      <c r="DL6" s="627"/>
      <c r="DM6" s="627"/>
      <c r="DN6" s="627"/>
      <c r="DO6" s="627"/>
      <c r="DP6" s="627"/>
      <c r="DQ6" s="627"/>
      <c r="DR6" s="627"/>
      <c r="DS6" s="623" t="s">
        <v>77</v>
      </c>
      <c r="DT6" s="624"/>
      <c r="DU6" s="624"/>
      <c r="DV6" s="624"/>
      <c r="DW6" s="624"/>
      <c r="DX6" s="624"/>
      <c r="DY6" s="624"/>
      <c r="DZ6" s="624"/>
      <c r="EA6" s="624"/>
      <c r="EB6" s="624"/>
      <c r="EC6" s="625"/>
      <c r="ED6" s="623" t="s">
        <v>78</v>
      </c>
      <c r="EE6" s="624"/>
      <c r="EF6" s="624"/>
      <c r="EG6" s="624"/>
      <c r="EH6" s="624"/>
      <c r="EI6" s="624"/>
      <c r="EJ6" s="624"/>
      <c r="EK6" s="624"/>
      <c r="EL6" s="624"/>
      <c r="EM6" s="624"/>
      <c r="EN6" s="625"/>
      <c r="EO6" s="623" t="s">
        <v>79</v>
      </c>
      <c r="EP6" s="624"/>
      <c r="EQ6" s="624"/>
      <c r="ER6" s="624"/>
      <c r="ES6" s="624"/>
      <c r="ET6" s="624"/>
      <c r="EU6" s="624"/>
      <c r="EV6" s="624"/>
      <c r="EW6" s="624"/>
      <c r="EX6" s="624"/>
      <c r="EY6" s="625"/>
      <c r="EZ6" s="547" t="s">
        <v>152</v>
      </c>
      <c r="FA6" s="624"/>
      <c r="FB6" s="624"/>
      <c r="FC6" s="624"/>
      <c r="FD6" s="624"/>
      <c r="FE6" s="624"/>
      <c r="FF6" s="624"/>
      <c r="FG6" s="624"/>
      <c r="FH6" s="624"/>
      <c r="FI6" s="624"/>
      <c r="FJ6" s="625"/>
      <c r="FK6" s="626"/>
      <c r="FL6" s="627"/>
      <c r="FM6" s="627"/>
      <c r="FN6" s="627"/>
      <c r="FO6" s="627"/>
      <c r="FP6" s="627"/>
      <c r="FQ6" s="627"/>
      <c r="FR6" s="627"/>
      <c r="FS6" s="627"/>
      <c r="FT6" s="627"/>
      <c r="FU6" s="627"/>
      <c r="FV6" s="623" t="s">
        <v>80</v>
      </c>
      <c r="FW6" s="624"/>
      <c r="FX6" s="624"/>
      <c r="FY6" s="624"/>
      <c r="FZ6" s="624"/>
      <c r="GA6" s="624"/>
      <c r="GB6" s="624"/>
      <c r="GC6" s="624"/>
      <c r="GD6" s="624"/>
      <c r="GE6" s="624"/>
      <c r="GF6" s="625"/>
      <c r="GG6" s="628" t="s">
        <v>81</v>
      </c>
      <c r="GH6" s="445"/>
      <c r="GI6" s="445"/>
      <c r="GJ6" s="445"/>
      <c r="GK6" s="445"/>
      <c r="GL6" s="445"/>
      <c r="GM6" s="445"/>
      <c r="GN6" s="445"/>
      <c r="GO6" s="445"/>
      <c r="GP6" s="445"/>
      <c r="GQ6" s="446"/>
      <c r="GR6" s="628" t="s">
        <v>82</v>
      </c>
      <c r="GS6" s="445"/>
      <c r="GT6" s="445"/>
      <c r="GU6" s="445"/>
      <c r="GV6" s="445"/>
      <c r="GW6" s="445"/>
      <c r="GX6" s="445"/>
      <c r="GY6" s="445"/>
      <c r="GZ6" s="445"/>
      <c r="HA6" s="445"/>
      <c r="HB6" s="446"/>
      <c r="HC6" s="649"/>
      <c r="HD6" s="650"/>
      <c r="HE6" s="650"/>
      <c r="HF6" s="650"/>
      <c r="HG6" s="650"/>
      <c r="HH6" s="650"/>
      <c r="HI6" s="650"/>
      <c r="HJ6" s="650"/>
      <c r="HK6" s="650"/>
      <c r="HL6" s="650"/>
      <c r="HM6" s="651"/>
      <c r="HN6" s="649"/>
      <c r="HO6" s="650"/>
      <c r="HP6" s="650"/>
      <c r="HQ6" s="650"/>
      <c r="HR6" s="650"/>
      <c r="HS6" s="650"/>
      <c r="HT6" s="650"/>
      <c r="HU6" s="650"/>
      <c r="HV6" s="650"/>
      <c r="HW6" s="650"/>
      <c r="HX6" s="651"/>
      <c r="HY6" s="541"/>
      <c r="HZ6" s="542"/>
      <c r="IA6" s="542"/>
      <c r="IB6" s="542"/>
      <c r="IC6" s="542"/>
      <c r="ID6" s="542"/>
      <c r="IE6" s="542"/>
      <c r="IF6" s="542"/>
      <c r="IG6" s="542"/>
      <c r="IH6" s="542"/>
      <c r="II6" s="543"/>
      <c r="IJ6" s="529"/>
      <c r="IK6" s="522"/>
      <c r="IL6" s="522"/>
      <c r="IM6" s="522"/>
      <c r="IN6" s="522"/>
      <c r="IO6" s="522"/>
      <c r="IP6" s="522"/>
      <c r="IQ6" s="522"/>
      <c r="IR6" s="522"/>
      <c r="IS6" s="522"/>
      <c r="IT6" s="530"/>
      <c r="IU6" s="529"/>
      <c r="IV6" s="522"/>
      <c r="IW6" s="522"/>
      <c r="IX6" s="522"/>
      <c r="IY6" s="522"/>
      <c r="IZ6" s="522"/>
      <c r="JA6" s="522"/>
      <c r="JB6" s="522"/>
      <c r="JC6" s="522"/>
      <c r="JD6" s="522"/>
      <c r="JE6" s="530"/>
      <c r="JF6" s="594"/>
      <c r="JG6" s="595"/>
      <c r="JH6" s="595"/>
      <c r="JI6" s="595"/>
      <c r="JJ6" s="595"/>
      <c r="JK6" s="595"/>
      <c r="JL6" s="595"/>
      <c r="JM6" s="595"/>
      <c r="JN6" s="595"/>
      <c r="JO6" s="595"/>
      <c r="JP6" s="596"/>
      <c r="JQ6" s="529"/>
      <c r="JR6" s="522"/>
      <c r="JS6" s="522"/>
      <c r="JT6" s="522"/>
      <c r="JU6" s="522"/>
      <c r="JV6" s="522"/>
      <c r="JW6" s="522"/>
      <c r="JX6" s="522"/>
      <c r="JY6" s="522"/>
      <c r="JZ6" s="522"/>
      <c r="KA6" s="530"/>
      <c r="KB6" s="529"/>
      <c r="KC6" s="522"/>
      <c r="KD6" s="522"/>
      <c r="KE6" s="522"/>
      <c r="KF6" s="522"/>
      <c r="KG6" s="522"/>
      <c r="KH6" s="522"/>
      <c r="KI6" s="522"/>
      <c r="KJ6" s="522"/>
      <c r="KK6" s="522"/>
      <c r="KL6" s="530"/>
      <c r="KM6" s="529"/>
      <c r="KN6" s="522"/>
      <c r="KO6" s="522"/>
      <c r="KP6" s="522"/>
      <c r="KQ6" s="522"/>
      <c r="KR6" s="522"/>
      <c r="KS6" s="522"/>
      <c r="KT6" s="522"/>
      <c r="KU6" s="522"/>
      <c r="KV6" s="522"/>
      <c r="KW6" s="530"/>
      <c r="KX6" s="529"/>
      <c r="KY6" s="522"/>
      <c r="KZ6" s="522"/>
      <c r="LA6" s="522"/>
      <c r="LB6" s="522"/>
      <c r="LC6" s="522"/>
      <c r="LD6" s="522"/>
      <c r="LE6" s="522"/>
      <c r="LF6" s="522"/>
      <c r="LG6" s="522"/>
      <c r="LH6" s="530"/>
      <c r="LI6" s="541"/>
      <c r="LJ6" s="542"/>
      <c r="LK6" s="542"/>
      <c r="LL6" s="542"/>
      <c r="LM6" s="542"/>
      <c r="LN6" s="542"/>
      <c r="LO6" s="542"/>
      <c r="LP6" s="542"/>
      <c r="LQ6" s="542"/>
      <c r="LR6" s="542"/>
      <c r="LS6" s="543"/>
      <c r="LT6" s="603"/>
      <c r="LU6" s="604"/>
      <c r="LV6" s="604"/>
      <c r="LW6" s="604"/>
      <c r="LX6" s="604"/>
      <c r="LY6" s="604"/>
      <c r="LZ6" s="604"/>
      <c r="MA6" s="604"/>
      <c r="MB6" s="604"/>
      <c r="MC6" s="604"/>
      <c r="MD6" s="605"/>
      <c r="ME6" s="541"/>
      <c r="MF6" s="542"/>
      <c r="MG6" s="542"/>
      <c r="MH6" s="542"/>
      <c r="MI6" s="542"/>
      <c r="MJ6" s="542"/>
      <c r="MK6" s="542"/>
      <c r="ML6" s="542"/>
      <c r="MM6" s="542"/>
      <c r="MN6" s="542"/>
      <c r="MO6" s="543"/>
      <c r="MP6" s="529"/>
      <c r="MQ6" s="522"/>
      <c r="MR6" s="522"/>
      <c r="MS6" s="522"/>
      <c r="MT6" s="522"/>
      <c r="MU6" s="522"/>
      <c r="MV6" s="522"/>
      <c r="MW6" s="522"/>
      <c r="MX6" s="522"/>
      <c r="MY6" s="522"/>
      <c r="MZ6" s="530"/>
      <c r="NA6" s="529"/>
      <c r="NB6" s="522"/>
      <c r="NC6" s="522"/>
      <c r="ND6" s="522"/>
      <c r="NE6" s="522"/>
      <c r="NF6" s="522"/>
      <c r="NG6" s="522"/>
      <c r="NH6" s="522"/>
      <c r="NI6" s="522"/>
      <c r="NJ6" s="522"/>
      <c r="NK6" s="530"/>
      <c r="NL6" s="529"/>
      <c r="NM6" s="522"/>
      <c r="NN6" s="522"/>
      <c r="NO6" s="522"/>
      <c r="NP6" s="522"/>
      <c r="NQ6" s="522"/>
      <c r="NR6" s="522"/>
      <c r="NS6" s="522"/>
      <c r="NT6" s="522"/>
      <c r="NU6" s="522"/>
      <c r="NV6" s="530"/>
      <c r="NW6" s="581"/>
      <c r="NX6" s="582"/>
      <c r="NY6" s="582"/>
      <c r="NZ6" s="582"/>
      <c r="OA6" s="582"/>
      <c r="OB6" s="582"/>
      <c r="OC6" s="582"/>
      <c r="OD6" s="582"/>
      <c r="OE6" s="582"/>
      <c r="OF6" s="582"/>
      <c r="OG6" s="583"/>
      <c r="OH6" s="529"/>
      <c r="OI6" s="522"/>
      <c r="OJ6" s="522"/>
      <c r="OK6" s="522"/>
      <c r="OL6" s="522"/>
      <c r="OM6" s="522"/>
      <c r="ON6" s="522"/>
      <c r="OO6" s="522"/>
      <c r="OP6" s="522"/>
      <c r="OQ6" s="522"/>
      <c r="OR6" s="530"/>
    </row>
    <row r="7" spans="1:408" ht="23.25" customHeight="1" x14ac:dyDescent="0.2">
      <c r="A7" s="636"/>
      <c r="B7" s="621" t="s">
        <v>61</v>
      </c>
      <c r="C7" s="621"/>
      <c r="D7" s="621"/>
      <c r="E7" s="633" t="s">
        <v>62</v>
      </c>
      <c r="F7" s="621"/>
      <c r="G7" s="621"/>
      <c r="H7" s="621"/>
      <c r="I7" s="621"/>
      <c r="J7" s="621"/>
      <c r="K7" s="621"/>
      <c r="L7" s="633" t="s">
        <v>52</v>
      </c>
      <c r="M7" s="632" t="s">
        <v>61</v>
      </c>
      <c r="N7" s="621"/>
      <c r="O7" s="621"/>
      <c r="P7" s="633" t="s">
        <v>62</v>
      </c>
      <c r="Q7" s="621"/>
      <c r="R7" s="621"/>
      <c r="S7" s="621"/>
      <c r="T7" s="621"/>
      <c r="U7" s="621"/>
      <c r="V7" s="634"/>
      <c r="W7" s="629" t="s">
        <v>52</v>
      </c>
      <c r="X7" s="441" t="s">
        <v>61</v>
      </c>
      <c r="Y7" s="442"/>
      <c r="Z7" s="615"/>
      <c r="AA7" s="614" t="s">
        <v>62</v>
      </c>
      <c r="AB7" s="442"/>
      <c r="AC7" s="442"/>
      <c r="AD7" s="442"/>
      <c r="AE7" s="442"/>
      <c r="AF7" s="442"/>
      <c r="AG7" s="615"/>
      <c r="AH7" s="443" t="s">
        <v>52</v>
      </c>
      <c r="AI7" s="609" t="s">
        <v>61</v>
      </c>
      <c r="AJ7" s="610"/>
      <c r="AK7" s="611"/>
      <c r="AL7" s="612" t="s">
        <v>62</v>
      </c>
      <c r="AM7" s="610"/>
      <c r="AN7" s="610"/>
      <c r="AO7" s="610"/>
      <c r="AP7" s="610"/>
      <c r="AQ7" s="610"/>
      <c r="AR7" s="613"/>
      <c r="AS7" s="443" t="s">
        <v>52</v>
      </c>
      <c r="AT7" s="609" t="s">
        <v>61</v>
      </c>
      <c r="AU7" s="610"/>
      <c r="AV7" s="611"/>
      <c r="AW7" s="612" t="s">
        <v>62</v>
      </c>
      <c r="AX7" s="610"/>
      <c r="AY7" s="610"/>
      <c r="AZ7" s="610"/>
      <c r="BA7" s="610"/>
      <c r="BB7" s="610"/>
      <c r="BC7" s="613"/>
      <c r="BD7" s="443" t="s">
        <v>52</v>
      </c>
      <c r="BE7" s="609" t="s">
        <v>61</v>
      </c>
      <c r="BF7" s="610"/>
      <c r="BG7" s="611"/>
      <c r="BH7" s="612" t="s">
        <v>62</v>
      </c>
      <c r="BI7" s="610"/>
      <c r="BJ7" s="610"/>
      <c r="BK7" s="610"/>
      <c r="BL7" s="610"/>
      <c r="BM7" s="610"/>
      <c r="BN7" s="613"/>
      <c r="BO7" s="443" t="s">
        <v>52</v>
      </c>
      <c r="BP7" s="609" t="s">
        <v>61</v>
      </c>
      <c r="BQ7" s="610"/>
      <c r="BR7" s="611"/>
      <c r="BS7" s="612" t="s">
        <v>62</v>
      </c>
      <c r="BT7" s="610"/>
      <c r="BU7" s="610"/>
      <c r="BV7" s="610"/>
      <c r="BW7" s="610"/>
      <c r="BX7" s="610"/>
      <c r="BY7" s="613"/>
      <c r="BZ7" s="443" t="s">
        <v>52</v>
      </c>
      <c r="CA7" s="616" t="s">
        <v>61</v>
      </c>
      <c r="CB7" s="617"/>
      <c r="CC7" s="618"/>
      <c r="CD7" s="619" t="s">
        <v>62</v>
      </c>
      <c r="CE7" s="617"/>
      <c r="CF7" s="617"/>
      <c r="CG7" s="617"/>
      <c r="CH7" s="617"/>
      <c r="CI7" s="617"/>
      <c r="CJ7" s="620"/>
      <c r="CK7" s="629" t="s">
        <v>52</v>
      </c>
      <c r="CL7" s="609" t="s">
        <v>61</v>
      </c>
      <c r="CM7" s="610"/>
      <c r="CN7" s="613"/>
      <c r="CO7" s="612" t="s">
        <v>62</v>
      </c>
      <c r="CP7" s="610"/>
      <c r="CQ7" s="610"/>
      <c r="CR7" s="610"/>
      <c r="CS7" s="610"/>
      <c r="CT7" s="610"/>
      <c r="CU7" s="613"/>
      <c r="CV7" s="631" t="s">
        <v>52</v>
      </c>
      <c r="CW7" s="609" t="s">
        <v>61</v>
      </c>
      <c r="CX7" s="610"/>
      <c r="CY7" s="613"/>
      <c r="CZ7" s="612" t="s">
        <v>62</v>
      </c>
      <c r="DA7" s="610"/>
      <c r="DB7" s="610"/>
      <c r="DC7" s="610"/>
      <c r="DD7" s="610"/>
      <c r="DE7" s="610"/>
      <c r="DF7" s="613"/>
      <c r="DG7" s="631" t="s">
        <v>52</v>
      </c>
      <c r="DH7" s="616" t="s">
        <v>61</v>
      </c>
      <c r="DI7" s="617"/>
      <c r="DJ7" s="620"/>
      <c r="DK7" s="619" t="s">
        <v>62</v>
      </c>
      <c r="DL7" s="617"/>
      <c r="DM7" s="617"/>
      <c r="DN7" s="617"/>
      <c r="DO7" s="617"/>
      <c r="DP7" s="617"/>
      <c r="DQ7" s="620"/>
      <c r="DR7" s="629" t="s">
        <v>52</v>
      </c>
      <c r="DS7" s="609" t="s">
        <v>61</v>
      </c>
      <c r="DT7" s="610"/>
      <c r="DU7" s="611"/>
      <c r="DV7" s="612" t="s">
        <v>62</v>
      </c>
      <c r="DW7" s="610"/>
      <c r="DX7" s="610"/>
      <c r="DY7" s="610"/>
      <c r="DZ7" s="610"/>
      <c r="EA7" s="610"/>
      <c r="EB7" s="613"/>
      <c r="EC7" s="443" t="s">
        <v>52</v>
      </c>
      <c r="ED7" s="609" t="s">
        <v>61</v>
      </c>
      <c r="EE7" s="610"/>
      <c r="EF7" s="611"/>
      <c r="EG7" s="612" t="s">
        <v>62</v>
      </c>
      <c r="EH7" s="610"/>
      <c r="EI7" s="610"/>
      <c r="EJ7" s="610"/>
      <c r="EK7" s="610"/>
      <c r="EL7" s="610"/>
      <c r="EM7" s="613"/>
      <c r="EN7" s="443" t="s">
        <v>52</v>
      </c>
      <c r="EO7" s="609" t="s">
        <v>61</v>
      </c>
      <c r="EP7" s="610"/>
      <c r="EQ7" s="611"/>
      <c r="ER7" s="612" t="s">
        <v>62</v>
      </c>
      <c r="ES7" s="610"/>
      <c r="ET7" s="610"/>
      <c r="EU7" s="610"/>
      <c r="EV7" s="610"/>
      <c r="EW7" s="610"/>
      <c r="EX7" s="613"/>
      <c r="EY7" s="443" t="s">
        <v>52</v>
      </c>
      <c r="EZ7" s="609" t="s">
        <v>61</v>
      </c>
      <c r="FA7" s="610"/>
      <c r="FB7" s="611"/>
      <c r="FC7" s="612" t="s">
        <v>62</v>
      </c>
      <c r="FD7" s="610"/>
      <c r="FE7" s="610"/>
      <c r="FF7" s="610"/>
      <c r="FG7" s="610"/>
      <c r="FH7" s="610"/>
      <c r="FI7" s="613"/>
      <c r="FJ7" s="443" t="s">
        <v>52</v>
      </c>
      <c r="FK7" s="616" t="s">
        <v>61</v>
      </c>
      <c r="FL7" s="617"/>
      <c r="FM7" s="618"/>
      <c r="FN7" s="619" t="s">
        <v>62</v>
      </c>
      <c r="FO7" s="617"/>
      <c r="FP7" s="617"/>
      <c r="FQ7" s="617"/>
      <c r="FR7" s="617"/>
      <c r="FS7" s="617"/>
      <c r="FT7" s="620"/>
      <c r="FU7" s="621" t="s">
        <v>52</v>
      </c>
      <c r="FV7" s="609" t="s">
        <v>61</v>
      </c>
      <c r="FW7" s="610"/>
      <c r="FX7" s="611"/>
      <c r="FY7" s="612" t="s">
        <v>62</v>
      </c>
      <c r="FZ7" s="610"/>
      <c r="GA7" s="610"/>
      <c r="GB7" s="610"/>
      <c r="GC7" s="610"/>
      <c r="GD7" s="610"/>
      <c r="GE7" s="613"/>
      <c r="GF7" s="443" t="s">
        <v>52</v>
      </c>
      <c r="GG7" s="441" t="s">
        <v>61</v>
      </c>
      <c r="GH7" s="442"/>
      <c r="GI7" s="442"/>
      <c r="GJ7" s="614" t="s">
        <v>62</v>
      </c>
      <c r="GK7" s="442"/>
      <c r="GL7" s="442"/>
      <c r="GM7" s="442"/>
      <c r="GN7" s="442"/>
      <c r="GO7" s="442"/>
      <c r="GP7" s="615"/>
      <c r="GQ7" s="607" t="s">
        <v>52</v>
      </c>
      <c r="GR7" s="441" t="s">
        <v>61</v>
      </c>
      <c r="GS7" s="442"/>
      <c r="GT7" s="615"/>
      <c r="GU7" s="614" t="s">
        <v>62</v>
      </c>
      <c r="GV7" s="442"/>
      <c r="GW7" s="442"/>
      <c r="GX7" s="442"/>
      <c r="GY7" s="442"/>
      <c r="GZ7" s="442"/>
      <c r="HA7" s="615"/>
      <c r="HB7" s="607" t="s">
        <v>52</v>
      </c>
      <c r="HC7" s="609" t="s">
        <v>61</v>
      </c>
      <c r="HD7" s="610"/>
      <c r="HE7" s="611"/>
      <c r="HF7" s="612" t="s">
        <v>62</v>
      </c>
      <c r="HG7" s="610"/>
      <c r="HH7" s="610"/>
      <c r="HI7" s="610"/>
      <c r="HJ7" s="610"/>
      <c r="HK7" s="610"/>
      <c r="HL7" s="613"/>
      <c r="HM7" s="443" t="s">
        <v>52</v>
      </c>
      <c r="HN7" s="609" t="s">
        <v>61</v>
      </c>
      <c r="HO7" s="610"/>
      <c r="HP7" s="611"/>
      <c r="HQ7" s="612" t="s">
        <v>62</v>
      </c>
      <c r="HR7" s="610"/>
      <c r="HS7" s="610"/>
      <c r="HT7" s="610"/>
      <c r="HU7" s="610"/>
      <c r="HV7" s="610"/>
      <c r="HW7" s="613"/>
      <c r="HX7" s="443" t="s">
        <v>52</v>
      </c>
      <c r="HY7" s="510" t="s">
        <v>61</v>
      </c>
      <c r="HZ7" s="511"/>
      <c r="IA7" s="512"/>
      <c r="IB7" s="569" t="s">
        <v>62</v>
      </c>
      <c r="IC7" s="511"/>
      <c r="ID7" s="511"/>
      <c r="IE7" s="511"/>
      <c r="IF7" s="511"/>
      <c r="IG7" s="511"/>
      <c r="IH7" s="570"/>
      <c r="II7" s="514" t="s">
        <v>52</v>
      </c>
      <c r="IJ7" s="518" t="s">
        <v>61</v>
      </c>
      <c r="IK7" s="519"/>
      <c r="IL7" s="520"/>
      <c r="IM7" s="567" t="s">
        <v>62</v>
      </c>
      <c r="IN7" s="519"/>
      <c r="IO7" s="519"/>
      <c r="IP7" s="519"/>
      <c r="IQ7" s="519"/>
      <c r="IR7" s="519"/>
      <c r="IS7" s="568"/>
      <c r="IT7" s="530" t="s">
        <v>52</v>
      </c>
      <c r="IU7" s="518" t="s">
        <v>61</v>
      </c>
      <c r="IV7" s="519"/>
      <c r="IW7" s="568"/>
      <c r="IX7" s="567" t="s">
        <v>62</v>
      </c>
      <c r="IY7" s="519"/>
      <c r="IZ7" s="519"/>
      <c r="JA7" s="519"/>
      <c r="JB7" s="519"/>
      <c r="JC7" s="519"/>
      <c r="JD7" s="568"/>
      <c r="JE7" s="530" t="s">
        <v>52</v>
      </c>
      <c r="JF7" s="518" t="s">
        <v>61</v>
      </c>
      <c r="JG7" s="519"/>
      <c r="JH7" s="520"/>
      <c r="JI7" s="567" t="s">
        <v>62</v>
      </c>
      <c r="JJ7" s="519"/>
      <c r="JK7" s="519"/>
      <c r="JL7" s="519"/>
      <c r="JM7" s="519"/>
      <c r="JN7" s="519"/>
      <c r="JO7" s="568"/>
      <c r="JP7" s="576" t="s">
        <v>52</v>
      </c>
      <c r="JQ7" s="518" t="s">
        <v>61</v>
      </c>
      <c r="JR7" s="519"/>
      <c r="JS7" s="520"/>
      <c r="JT7" s="567" t="s">
        <v>62</v>
      </c>
      <c r="JU7" s="519"/>
      <c r="JV7" s="519"/>
      <c r="JW7" s="519"/>
      <c r="JX7" s="519"/>
      <c r="JY7" s="519"/>
      <c r="JZ7" s="568"/>
      <c r="KA7" s="576" t="s">
        <v>52</v>
      </c>
      <c r="KB7" s="518" t="s">
        <v>61</v>
      </c>
      <c r="KC7" s="519"/>
      <c r="KD7" s="520"/>
      <c r="KE7" s="567" t="s">
        <v>62</v>
      </c>
      <c r="KF7" s="519"/>
      <c r="KG7" s="519"/>
      <c r="KH7" s="519"/>
      <c r="KI7" s="519"/>
      <c r="KJ7" s="519"/>
      <c r="KK7" s="568"/>
      <c r="KL7" s="576" t="s">
        <v>52</v>
      </c>
      <c r="KM7" s="518" t="s">
        <v>61</v>
      </c>
      <c r="KN7" s="519"/>
      <c r="KO7" s="520"/>
      <c r="KP7" s="567" t="s">
        <v>62</v>
      </c>
      <c r="KQ7" s="519"/>
      <c r="KR7" s="519"/>
      <c r="KS7" s="519"/>
      <c r="KT7" s="519"/>
      <c r="KU7" s="519"/>
      <c r="KV7" s="568"/>
      <c r="KW7" s="576" t="s">
        <v>52</v>
      </c>
      <c r="KX7" s="518" t="s">
        <v>61</v>
      </c>
      <c r="KY7" s="519"/>
      <c r="KZ7" s="520"/>
      <c r="LA7" s="567" t="s">
        <v>62</v>
      </c>
      <c r="LB7" s="519"/>
      <c r="LC7" s="519"/>
      <c r="LD7" s="519"/>
      <c r="LE7" s="519"/>
      <c r="LF7" s="519"/>
      <c r="LG7" s="568"/>
      <c r="LH7" s="576" t="s">
        <v>52</v>
      </c>
      <c r="LI7" s="518" t="s">
        <v>61</v>
      </c>
      <c r="LJ7" s="519"/>
      <c r="LK7" s="520"/>
      <c r="LL7" s="567" t="s">
        <v>62</v>
      </c>
      <c r="LM7" s="519"/>
      <c r="LN7" s="519"/>
      <c r="LO7" s="519"/>
      <c r="LP7" s="519"/>
      <c r="LQ7" s="519"/>
      <c r="LR7" s="568"/>
      <c r="LS7" s="576" t="s">
        <v>52</v>
      </c>
      <c r="LT7" s="518" t="s">
        <v>61</v>
      </c>
      <c r="LU7" s="519"/>
      <c r="LV7" s="520"/>
      <c r="LW7" s="567" t="s">
        <v>62</v>
      </c>
      <c r="LX7" s="519"/>
      <c r="LY7" s="519"/>
      <c r="LZ7" s="519"/>
      <c r="MA7" s="519"/>
      <c r="MB7" s="519"/>
      <c r="MC7" s="568"/>
      <c r="MD7" s="576" t="s">
        <v>52</v>
      </c>
      <c r="ME7" s="510" t="s">
        <v>61</v>
      </c>
      <c r="MF7" s="511"/>
      <c r="MG7" s="512"/>
      <c r="MH7" s="569" t="s">
        <v>62</v>
      </c>
      <c r="MI7" s="511"/>
      <c r="MJ7" s="511"/>
      <c r="MK7" s="511"/>
      <c r="ML7" s="511"/>
      <c r="MM7" s="511"/>
      <c r="MN7" s="570"/>
      <c r="MO7" s="563" t="s">
        <v>52</v>
      </c>
      <c r="MP7" s="518" t="s">
        <v>61</v>
      </c>
      <c r="MQ7" s="519"/>
      <c r="MR7" s="520"/>
      <c r="MS7" s="567" t="s">
        <v>62</v>
      </c>
      <c r="MT7" s="519"/>
      <c r="MU7" s="519"/>
      <c r="MV7" s="519"/>
      <c r="MW7" s="519"/>
      <c r="MX7" s="519"/>
      <c r="MY7" s="568"/>
      <c r="MZ7" s="576" t="s">
        <v>52</v>
      </c>
      <c r="NA7" s="518" t="s">
        <v>61</v>
      </c>
      <c r="NB7" s="519"/>
      <c r="NC7" s="520"/>
      <c r="ND7" s="567" t="s">
        <v>62</v>
      </c>
      <c r="NE7" s="519"/>
      <c r="NF7" s="519"/>
      <c r="NG7" s="519"/>
      <c r="NH7" s="519"/>
      <c r="NI7" s="519"/>
      <c r="NJ7" s="568"/>
      <c r="NK7" s="576" t="s">
        <v>52</v>
      </c>
      <c r="NL7" s="518" t="s">
        <v>61</v>
      </c>
      <c r="NM7" s="519"/>
      <c r="NN7" s="520"/>
      <c r="NO7" s="567" t="s">
        <v>62</v>
      </c>
      <c r="NP7" s="519"/>
      <c r="NQ7" s="519"/>
      <c r="NR7" s="519"/>
      <c r="NS7" s="519"/>
      <c r="NT7" s="519"/>
      <c r="NU7" s="568"/>
      <c r="NV7" s="576" t="s">
        <v>52</v>
      </c>
      <c r="NW7" s="518" t="s">
        <v>61</v>
      </c>
      <c r="NX7" s="519"/>
      <c r="NY7" s="520"/>
      <c r="NZ7" s="567" t="s">
        <v>62</v>
      </c>
      <c r="OA7" s="519"/>
      <c r="OB7" s="519"/>
      <c r="OC7" s="519"/>
      <c r="OD7" s="519"/>
      <c r="OE7" s="519"/>
      <c r="OF7" s="568"/>
      <c r="OG7" s="576" t="s">
        <v>52</v>
      </c>
      <c r="OH7" s="510" t="s">
        <v>61</v>
      </c>
      <c r="OI7" s="511"/>
      <c r="OJ7" s="512"/>
      <c r="OK7" s="569" t="s">
        <v>62</v>
      </c>
      <c r="OL7" s="511"/>
      <c r="OM7" s="511"/>
      <c r="ON7" s="511"/>
      <c r="OO7" s="511"/>
      <c r="OP7" s="511"/>
      <c r="OQ7" s="570"/>
      <c r="OR7" s="563" t="s">
        <v>52</v>
      </c>
    </row>
    <row r="8" spans="1:408" ht="28.5" customHeight="1" thickBot="1" x14ac:dyDescent="0.25">
      <c r="A8" s="637"/>
      <c r="B8" s="365" t="s">
        <v>43</v>
      </c>
      <c r="C8" s="47" t="s">
        <v>44</v>
      </c>
      <c r="D8" s="366" t="s">
        <v>45</v>
      </c>
      <c r="E8" s="52" t="s">
        <v>83</v>
      </c>
      <c r="F8" s="47" t="s">
        <v>47</v>
      </c>
      <c r="G8" s="47" t="s">
        <v>48</v>
      </c>
      <c r="H8" s="47" t="s">
        <v>49</v>
      </c>
      <c r="I8" s="47" t="s">
        <v>50</v>
      </c>
      <c r="J8" s="47" t="s">
        <v>51</v>
      </c>
      <c r="K8" s="48" t="s">
        <v>45</v>
      </c>
      <c r="L8" s="653"/>
      <c r="M8" s="51" t="s">
        <v>43</v>
      </c>
      <c r="N8" s="47" t="s">
        <v>44</v>
      </c>
      <c r="O8" s="48" t="s">
        <v>45</v>
      </c>
      <c r="P8" s="52" t="s">
        <v>83</v>
      </c>
      <c r="Q8" s="47" t="s">
        <v>47</v>
      </c>
      <c r="R8" s="47" t="s">
        <v>48</v>
      </c>
      <c r="S8" s="47" t="s">
        <v>49</v>
      </c>
      <c r="T8" s="47" t="s">
        <v>50</v>
      </c>
      <c r="U8" s="47" t="s">
        <v>51</v>
      </c>
      <c r="V8" s="48" t="s">
        <v>45</v>
      </c>
      <c r="W8" s="630"/>
      <c r="X8" s="51" t="s">
        <v>43</v>
      </c>
      <c r="Y8" s="47" t="s">
        <v>44</v>
      </c>
      <c r="Z8" s="48" t="s">
        <v>45</v>
      </c>
      <c r="AA8" s="52" t="s">
        <v>83</v>
      </c>
      <c r="AB8" s="47" t="s">
        <v>47</v>
      </c>
      <c r="AC8" s="47" t="s">
        <v>48</v>
      </c>
      <c r="AD8" s="47" t="s">
        <v>49</v>
      </c>
      <c r="AE8" s="47" t="s">
        <v>50</v>
      </c>
      <c r="AF8" s="47" t="s">
        <v>51</v>
      </c>
      <c r="AG8" s="48" t="s">
        <v>45</v>
      </c>
      <c r="AH8" s="606"/>
      <c r="AI8" s="51" t="s">
        <v>43</v>
      </c>
      <c r="AJ8" s="47" t="s">
        <v>44</v>
      </c>
      <c r="AK8" s="366" t="s">
        <v>45</v>
      </c>
      <c r="AL8" s="52" t="s">
        <v>83</v>
      </c>
      <c r="AM8" s="47" t="s">
        <v>47</v>
      </c>
      <c r="AN8" s="47" t="s">
        <v>48</v>
      </c>
      <c r="AO8" s="47" t="s">
        <v>49</v>
      </c>
      <c r="AP8" s="47" t="s">
        <v>50</v>
      </c>
      <c r="AQ8" s="47" t="s">
        <v>51</v>
      </c>
      <c r="AR8" s="48" t="s">
        <v>45</v>
      </c>
      <c r="AS8" s="606"/>
      <c r="AT8" s="51" t="s">
        <v>43</v>
      </c>
      <c r="AU8" s="47" t="s">
        <v>44</v>
      </c>
      <c r="AV8" s="366" t="s">
        <v>45</v>
      </c>
      <c r="AW8" s="52" t="s">
        <v>83</v>
      </c>
      <c r="AX8" s="47" t="s">
        <v>47</v>
      </c>
      <c r="AY8" s="47" t="s">
        <v>48</v>
      </c>
      <c r="AZ8" s="47" t="s">
        <v>49</v>
      </c>
      <c r="BA8" s="47" t="s">
        <v>50</v>
      </c>
      <c r="BB8" s="47" t="s">
        <v>51</v>
      </c>
      <c r="BC8" s="48" t="s">
        <v>45</v>
      </c>
      <c r="BD8" s="606"/>
      <c r="BE8" s="367" t="s">
        <v>43</v>
      </c>
      <c r="BF8" s="47" t="s">
        <v>44</v>
      </c>
      <c r="BG8" s="366" t="s">
        <v>45</v>
      </c>
      <c r="BH8" s="52" t="s">
        <v>83</v>
      </c>
      <c r="BI8" s="47" t="s">
        <v>47</v>
      </c>
      <c r="BJ8" s="47" t="s">
        <v>48</v>
      </c>
      <c r="BK8" s="47" t="s">
        <v>49</v>
      </c>
      <c r="BL8" s="47" t="s">
        <v>50</v>
      </c>
      <c r="BM8" s="47" t="s">
        <v>51</v>
      </c>
      <c r="BN8" s="48" t="s">
        <v>45</v>
      </c>
      <c r="BO8" s="606"/>
      <c r="BP8" s="51" t="s">
        <v>43</v>
      </c>
      <c r="BQ8" s="47" t="s">
        <v>44</v>
      </c>
      <c r="BR8" s="366" t="s">
        <v>45</v>
      </c>
      <c r="BS8" s="52" t="s">
        <v>83</v>
      </c>
      <c r="BT8" s="47" t="s">
        <v>47</v>
      </c>
      <c r="BU8" s="47" t="s">
        <v>48</v>
      </c>
      <c r="BV8" s="47" t="s">
        <v>49</v>
      </c>
      <c r="BW8" s="47" t="s">
        <v>50</v>
      </c>
      <c r="BX8" s="47" t="s">
        <v>51</v>
      </c>
      <c r="BY8" s="48" t="s">
        <v>45</v>
      </c>
      <c r="BZ8" s="606"/>
      <c r="CA8" s="51" t="s">
        <v>43</v>
      </c>
      <c r="CB8" s="47" t="s">
        <v>44</v>
      </c>
      <c r="CC8" s="366" t="s">
        <v>45</v>
      </c>
      <c r="CD8" s="52" t="s">
        <v>83</v>
      </c>
      <c r="CE8" s="47" t="s">
        <v>47</v>
      </c>
      <c r="CF8" s="47" t="s">
        <v>48</v>
      </c>
      <c r="CG8" s="47" t="s">
        <v>49</v>
      </c>
      <c r="CH8" s="47" t="s">
        <v>50</v>
      </c>
      <c r="CI8" s="47" t="s">
        <v>51</v>
      </c>
      <c r="CJ8" s="48" t="s">
        <v>45</v>
      </c>
      <c r="CK8" s="630"/>
      <c r="CL8" s="51" t="s">
        <v>43</v>
      </c>
      <c r="CM8" s="47" t="s">
        <v>44</v>
      </c>
      <c r="CN8" s="48" t="s">
        <v>45</v>
      </c>
      <c r="CO8" s="52" t="s">
        <v>83</v>
      </c>
      <c r="CP8" s="47" t="s">
        <v>47</v>
      </c>
      <c r="CQ8" s="47" t="s">
        <v>48</v>
      </c>
      <c r="CR8" s="47" t="s">
        <v>49</v>
      </c>
      <c r="CS8" s="47" t="s">
        <v>50</v>
      </c>
      <c r="CT8" s="47" t="s">
        <v>51</v>
      </c>
      <c r="CU8" s="48" t="s">
        <v>45</v>
      </c>
      <c r="CV8" s="630"/>
      <c r="CW8" s="51" t="s">
        <v>43</v>
      </c>
      <c r="CX8" s="47" t="s">
        <v>44</v>
      </c>
      <c r="CY8" s="48" t="s">
        <v>45</v>
      </c>
      <c r="CZ8" s="52" t="s">
        <v>83</v>
      </c>
      <c r="DA8" s="47" t="s">
        <v>47</v>
      </c>
      <c r="DB8" s="47" t="s">
        <v>48</v>
      </c>
      <c r="DC8" s="47" t="s">
        <v>49</v>
      </c>
      <c r="DD8" s="47" t="s">
        <v>50</v>
      </c>
      <c r="DE8" s="47" t="s">
        <v>51</v>
      </c>
      <c r="DF8" s="48" t="s">
        <v>45</v>
      </c>
      <c r="DG8" s="630"/>
      <c r="DH8" s="51" t="s">
        <v>43</v>
      </c>
      <c r="DI8" s="47" t="s">
        <v>44</v>
      </c>
      <c r="DJ8" s="48" t="s">
        <v>45</v>
      </c>
      <c r="DK8" s="52" t="s">
        <v>83</v>
      </c>
      <c r="DL8" s="47" t="s">
        <v>47</v>
      </c>
      <c r="DM8" s="47" t="s">
        <v>48</v>
      </c>
      <c r="DN8" s="47" t="s">
        <v>49</v>
      </c>
      <c r="DO8" s="47" t="s">
        <v>50</v>
      </c>
      <c r="DP8" s="47" t="s">
        <v>51</v>
      </c>
      <c r="DQ8" s="48" t="s">
        <v>45</v>
      </c>
      <c r="DR8" s="630"/>
      <c r="DS8" s="51" t="s">
        <v>43</v>
      </c>
      <c r="DT8" s="47" t="s">
        <v>44</v>
      </c>
      <c r="DU8" s="366" t="s">
        <v>45</v>
      </c>
      <c r="DV8" s="52" t="s">
        <v>83</v>
      </c>
      <c r="DW8" s="47" t="s">
        <v>47</v>
      </c>
      <c r="DX8" s="47" t="s">
        <v>48</v>
      </c>
      <c r="DY8" s="47" t="s">
        <v>49</v>
      </c>
      <c r="DZ8" s="47" t="s">
        <v>50</v>
      </c>
      <c r="EA8" s="47" t="s">
        <v>51</v>
      </c>
      <c r="EB8" s="48" t="s">
        <v>45</v>
      </c>
      <c r="EC8" s="606"/>
      <c r="ED8" s="51" t="s">
        <v>43</v>
      </c>
      <c r="EE8" s="47" t="s">
        <v>44</v>
      </c>
      <c r="EF8" s="366" t="s">
        <v>45</v>
      </c>
      <c r="EG8" s="52" t="s">
        <v>83</v>
      </c>
      <c r="EH8" s="47" t="s">
        <v>47</v>
      </c>
      <c r="EI8" s="47" t="s">
        <v>48</v>
      </c>
      <c r="EJ8" s="47" t="s">
        <v>49</v>
      </c>
      <c r="EK8" s="47" t="s">
        <v>50</v>
      </c>
      <c r="EL8" s="47" t="s">
        <v>51</v>
      </c>
      <c r="EM8" s="48" t="s">
        <v>45</v>
      </c>
      <c r="EN8" s="606"/>
      <c r="EO8" s="51" t="s">
        <v>43</v>
      </c>
      <c r="EP8" s="47" t="s">
        <v>44</v>
      </c>
      <c r="EQ8" s="366" t="s">
        <v>45</v>
      </c>
      <c r="ER8" s="52" t="s">
        <v>83</v>
      </c>
      <c r="ES8" s="47" t="s">
        <v>47</v>
      </c>
      <c r="ET8" s="47" t="s">
        <v>48</v>
      </c>
      <c r="EU8" s="47" t="s">
        <v>49</v>
      </c>
      <c r="EV8" s="47" t="s">
        <v>50</v>
      </c>
      <c r="EW8" s="47" t="s">
        <v>51</v>
      </c>
      <c r="EX8" s="48" t="s">
        <v>45</v>
      </c>
      <c r="EY8" s="606"/>
      <c r="EZ8" s="51" t="s">
        <v>43</v>
      </c>
      <c r="FA8" s="47" t="s">
        <v>44</v>
      </c>
      <c r="FB8" s="366" t="s">
        <v>45</v>
      </c>
      <c r="FC8" s="52" t="s">
        <v>83</v>
      </c>
      <c r="FD8" s="47" t="s">
        <v>47</v>
      </c>
      <c r="FE8" s="47" t="s">
        <v>48</v>
      </c>
      <c r="FF8" s="47" t="s">
        <v>49</v>
      </c>
      <c r="FG8" s="47" t="s">
        <v>50</v>
      </c>
      <c r="FH8" s="47" t="s">
        <v>51</v>
      </c>
      <c r="FI8" s="48" t="s">
        <v>45</v>
      </c>
      <c r="FJ8" s="606"/>
      <c r="FK8" s="51" t="s">
        <v>43</v>
      </c>
      <c r="FL8" s="47" t="s">
        <v>44</v>
      </c>
      <c r="FM8" s="366" t="s">
        <v>45</v>
      </c>
      <c r="FN8" s="52" t="s">
        <v>83</v>
      </c>
      <c r="FO8" s="47" t="s">
        <v>47</v>
      </c>
      <c r="FP8" s="47" t="s">
        <v>48</v>
      </c>
      <c r="FQ8" s="47" t="s">
        <v>49</v>
      </c>
      <c r="FR8" s="47" t="s">
        <v>50</v>
      </c>
      <c r="FS8" s="47" t="s">
        <v>51</v>
      </c>
      <c r="FT8" s="48" t="s">
        <v>45</v>
      </c>
      <c r="FU8" s="622"/>
      <c r="FV8" s="51" t="s">
        <v>43</v>
      </c>
      <c r="FW8" s="47" t="s">
        <v>44</v>
      </c>
      <c r="FX8" s="366" t="s">
        <v>45</v>
      </c>
      <c r="FY8" s="52" t="s">
        <v>83</v>
      </c>
      <c r="FZ8" s="47" t="s">
        <v>47</v>
      </c>
      <c r="GA8" s="47" t="s">
        <v>48</v>
      </c>
      <c r="GB8" s="47" t="s">
        <v>49</v>
      </c>
      <c r="GC8" s="47" t="s">
        <v>50</v>
      </c>
      <c r="GD8" s="47" t="s">
        <v>51</v>
      </c>
      <c r="GE8" s="48" t="s">
        <v>45</v>
      </c>
      <c r="GF8" s="606"/>
      <c r="GG8" s="51" t="s">
        <v>43</v>
      </c>
      <c r="GH8" s="47" t="s">
        <v>44</v>
      </c>
      <c r="GI8" s="366" t="s">
        <v>45</v>
      </c>
      <c r="GJ8" s="52" t="s">
        <v>83</v>
      </c>
      <c r="GK8" s="47" t="s">
        <v>47</v>
      </c>
      <c r="GL8" s="47" t="s">
        <v>48</v>
      </c>
      <c r="GM8" s="47" t="s">
        <v>49</v>
      </c>
      <c r="GN8" s="47" t="s">
        <v>50</v>
      </c>
      <c r="GO8" s="47" t="s">
        <v>51</v>
      </c>
      <c r="GP8" s="48" t="s">
        <v>45</v>
      </c>
      <c r="GQ8" s="608"/>
      <c r="GR8" s="51" t="s">
        <v>43</v>
      </c>
      <c r="GS8" s="47" t="s">
        <v>44</v>
      </c>
      <c r="GT8" s="366" t="s">
        <v>45</v>
      </c>
      <c r="GU8" s="52" t="s">
        <v>83</v>
      </c>
      <c r="GV8" s="47" t="s">
        <v>47</v>
      </c>
      <c r="GW8" s="47" t="s">
        <v>48</v>
      </c>
      <c r="GX8" s="47" t="s">
        <v>49</v>
      </c>
      <c r="GY8" s="47" t="s">
        <v>50</v>
      </c>
      <c r="GZ8" s="47" t="s">
        <v>51</v>
      </c>
      <c r="HA8" s="48" t="s">
        <v>45</v>
      </c>
      <c r="HB8" s="608"/>
      <c r="HC8" s="51" t="s">
        <v>43</v>
      </c>
      <c r="HD8" s="47" t="s">
        <v>44</v>
      </c>
      <c r="HE8" s="366" t="s">
        <v>45</v>
      </c>
      <c r="HF8" s="52" t="s">
        <v>83</v>
      </c>
      <c r="HG8" s="47" t="s">
        <v>47</v>
      </c>
      <c r="HH8" s="47" t="s">
        <v>48</v>
      </c>
      <c r="HI8" s="47" t="s">
        <v>49</v>
      </c>
      <c r="HJ8" s="47" t="s">
        <v>50</v>
      </c>
      <c r="HK8" s="47" t="s">
        <v>51</v>
      </c>
      <c r="HL8" s="48" t="s">
        <v>45</v>
      </c>
      <c r="HM8" s="606"/>
      <c r="HN8" s="51" t="s">
        <v>43</v>
      </c>
      <c r="HO8" s="47" t="s">
        <v>44</v>
      </c>
      <c r="HP8" s="366" t="s">
        <v>45</v>
      </c>
      <c r="HQ8" s="52" t="s">
        <v>83</v>
      </c>
      <c r="HR8" s="47" t="s">
        <v>47</v>
      </c>
      <c r="HS8" s="47" t="s">
        <v>48</v>
      </c>
      <c r="HT8" s="47" t="s">
        <v>49</v>
      </c>
      <c r="HU8" s="47" t="s">
        <v>50</v>
      </c>
      <c r="HV8" s="47" t="s">
        <v>51</v>
      </c>
      <c r="HW8" s="48" t="s">
        <v>45</v>
      </c>
      <c r="HX8" s="606"/>
      <c r="HY8" s="417" t="s">
        <v>43</v>
      </c>
      <c r="HZ8" s="418" t="s">
        <v>44</v>
      </c>
      <c r="IA8" s="41" t="s">
        <v>45</v>
      </c>
      <c r="IB8" s="42" t="s">
        <v>83</v>
      </c>
      <c r="IC8" s="418" t="s">
        <v>47</v>
      </c>
      <c r="ID8" s="418" t="s">
        <v>48</v>
      </c>
      <c r="IE8" s="418" t="s">
        <v>49</v>
      </c>
      <c r="IF8" s="418" t="s">
        <v>50</v>
      </c>
      <c r="IG8" s="418" t="s">
        <v>51</v>
      </c>
      <c r="IH8" s="17" t="s">
        <v>45</v>
      </c>
      <c r="II8" s="574"/>
      <c r="IJ8" s="417" t="s">
        <v>43</v>
      </c>
      <c r="IK8" s="418" t="s">
        <v>44</v>
      </c>
      <c r="IL8" s="41" t="s">
        <v>45</v>
      </c>
      <c r="IM8" s="42" t="s">
        <v>83</v>
      </c>
      <c r="IN8" s="59" t="s">
        <v>47</v>
      </c>
      <c r="IO8" s="59" t="s">
        <v>48</v>
      </c>
      <c r="IP8" s="59" t="s">
        <v>49</v>
      </c>
      <c r="IQ8" s="59" t="s">
        <v>50</v>
      </c>
      <c r="IR8" s="59" t="s">
        <v>51</v>
      </c>
      <c r="IS8" s="65" t="s">
        <v>45</v>
      </c>
      <c r="IT8" s="584"/>
      <c r="IU8" s="61" t="s">
        <v>43</v>
      </c>
      <c r="IV8" s="59" t="s">
        <v>44</v>
      </c>
      <c r="IW8" s="65" t="s">
        <v>45</v>
      </c>
      <c r="IX8" s="33" t="s">
        <v>83</v>
      </c>
      <c r="IY8" s="59" t="s">
        <v>47</v>
      </c>
      <c r="IZ8" s="59" t="s">
        <v>48</v>
      </c>
      <c r="JA8" s="59" t="s">
        <v>49</v>
      </c>
      <c r="JB8" s="59" t="s">
        <v>50</v>
      </c>
      <c r="JC8" s="59" t="s">
        <v>51</v>
      </c>
      <c r="JD8" s="65" t="s">
        <v>45</v>
      </c>
      <c r="JE8" s="584"/>
      <c r="JF8" s="61" t="s">
        <v>43</v>
      </c>
      <c r="JG8" s="59" t="s">
        <v>44</v>
      </c>
      <c r="JH8" s="60" t="s">
        <v>45</v>
      </c>
      <c r="JI8" s="33" t="s">
        <v>83</v>
      </c>
      <c r="JJ8" s="59" t="s">
        <v>47</v>
      </c>
      <c r="JK8" s="59" t="s">
        <v>48</v>
      </c>
      <c r="JL8" s="59" t="s">
        <v>49</v>
      </c>
      <c r="JM8" s="59" t="s">
        <v>50</v>
      </c>
      <c r="JN8" s="59" t="s">
        <v>51</v>
      </c>
      <c r="JO8" s="65" t="s">
        <v>45</v>
      </c>
      <c r="JP8" s="577"/>
      <c r="JQ8" s="61" t="s">
        <v>43</v>
      </c>
      <c r="JR8" s="59" t="s">
        <v>44</v>
      </c>
      <c r="JS8" s="60" t="s">
        <v>45</v>
      </c>
      <c r="JT8" s="33" t="s">
        <v>83</v>
      </c>
      <c r="JU8" s="59" t="s">
        <v>47</v>
      </c>
      <c r="JV8" s="59" t="s">
        <v>48</v>
      </c>
      <c r="JW8" s="59" t="s">
        <v>49</v>
      </c>
      <c r="JX8" s="59" t="s">
        <v>50</v>
      </c>
      <c r="JY8" s="59" t="s">
        <v>51</v>
      </c>
      <c r="JZ8" s="65" t="s">
        <v>45</v>
      </c>
      <c r="KA8" s="577"/>
      <c r="KB8" s="61" t="s">
        <v>43</v>
      </c>
      <c r="KC8" s="59" t="s">
        <v>44</v>
      </c>
      <c r="KD8" s="60" t="s">
        <v>45</v>
      </c>
      <c r="KE8" s="33" t="s">
        <v>83</v>
      </c>
      <c r="KF8" s="59" t="s">
        <v>47</v>
      </c>
      <c r="KG8" s="59" t="s">
        <v>48</v>
      </c>
      <c r="KH8" s="59" t="s">
        <v>49</v>
      </c>
      <c r="KI8" s="59" t="s">
        <v>50</v>
      </c>
      <c r="KJ8" s="59" t="s">
        <v>51</v>
      </c>
      <c r="KK8" s="65" t="s">
        <v>45</v>
      </c>
      <c r="KL8" s="577"/>
      <c r="KM8" s="61" t="s">
        <v>43</v>
      </c>
      <c r="KN8" s="59" t="s">
        <v>44</v>
      </c>
      <c r="KO8" s="60" t="s">
        <v>45</v>
      </c>
      <c r="KP8" s="42" t="s">
        <v>83</v>
      </c>
      <c r="KQ8" s="59" t="s">
        <v>47</v>
      </c>
      <c r="KR8" s="59" t="s">
        <v>48</v>
      </c>
      <c r="KS8" s="59" t="s">
        <v>49</v>
      </c>
      <c r="KT8" s="59" t="s">
        <v>50</v>
      </c>
      <c r="KU8" s="59" t="s">
        <v>51</v>
      </c>
      <c r="KV8" s="65" t="s">
        <v>45</v>
      </c>
      <c r="KW8" s="577"/>
      <c r="KX8" s="61" t="s">
        <v>43</v>
      </c>
      <c r="KY8" s="59" t="s">
        <v>44</v>
      </c>
      <c r="KZ8" s="60" t="s">
        <v>45</v>
      </c>
      <c r="LA8" s="42" t="s">
        <v>83</v>
      </c>
      <c r="LB8" s="59" t="s">
        <v>47</v>
      </c>
      <c r="LC8" s="59" t="s">
        <v>48</v>
      </c>
      <c r="LD8" s="59" t="s">
        <v>49</v>
      </c>
      <c r="LE8" s="59" t="s">
        <v>50</v>
      </c>
      <c r="LF8" s="59" t="s">
        <v>51</v>
      </c>
      <c r="LG8" s="65" t="s">
        <v>45</v>
      </c>
      <c r="LH8" s="577"/>
      <c r="LI8" s="61" t="s">
        <v>43</v>
      </c>
      <c r="LJ8" s="59" t="s">
        <v>44</v>
      </c>
      <c r="LK8" s="60" t="s">
        <v>45</v>
      </c>
      <c r="LL8" s="42" t="s">
        <v>83</v>
      </c>
      <c r="LM8" s="59" t="s">
        <v>47</v>
      </c>
      <c r="LN8" s="59" t="s">
        <v>48</v>
      </c>
      <c r="LO8" s="59" t="s">
        <v>49</v>
      </c>
      <c r="LP8" s="59" t="s">
        <v>50</v>
      </c>
      <c r="LQ8" s="59" t="s">
        <v>51</v>
      </c>
      <c r="LR8" s="65" t="s">
        <v>45</v>
      </c>
      <c r="LS8" s="577"/>
      <c r="LT8" s="61" t="s">
        <v>43</v>
      </c>
      <c r="LU8" s="59" t="s">
        <v>44</v>
      </c>
      <c r="LV8" s="60" t="s">
        <v>45</v>
      </c>
      <c r="LW8" s="42" t="s">
        <v>83</v>
      </c>
      <c r="LX8" s="59" t="s">
        <v>47</v>
      </c>
      <c r="LY8" s="59" t="s">
        <v>48</v>
      </c>
      <c r="LZ8" s="59" t="s">
        <v>49</v>
      </c>
      <c r="MA8" s="59" t="s">
        <v>50</v>
      </c>
      <c r="MB8" s="59" t="s">
        <v>51</v>
      </c>
      <c r="MC8" s="65" t="s">
        <v>45</v>
      </c>
      <c r="MD8" s="577"/>
      <c r="ME8" s="61" t="s">
        <v>43</v>
      </c>
      <c r="MF8" s="59" t="s">
        <v>44</v>
      </c>
      <c r="MG8" s="60" t="s">
        <v>45</v>
      </c>
      <c r="MH8" s="42" t="s">
        <v>83</v>
      </c>
      <c r="MI8" s="59" t="s">
        <v>47</v>
      </c>
      <c r="MJ8" s="59" t="s">
        <v>48</v>
      </c>
      <c r="MK8" s="59" t="s">
        <v>49</v>
      </c>
      <c r="ML8" s="59" t="s">
        <v>50</v>
      </c>
      <c r="MM8" s="59" t="s">
        <v>51</v>
      </c>
      <c r="MN8" s="65" t="s">
        <v>45</v>
      </c>
      <c r="MO8" s="577"/>
      <c r="MP8" s="61" t="s">
        <v>43</v>
      </c>
      <c r="MQ8" s="59" t="s">
        <v>44</v>
      </c>
      <c r="MR8" s="60" t="s">
        <v>45</v>
      </c>
      <c r="MS8" s="42" t="s">
        <v>83</v>
      </c>
      <c r="MT8" s="59" t="s">
        <v>47</v>
      </c>
      <c r="MU8" s="59" t="s">
        <v>48</v>
      </c>
      <c r="MV8" s="59" t="s">
        <v>49</v>
      </c>
      <c r="MW8" s="59" t="s">
        <v>50</v>
      </c>
      <c r="MX8" s="59" t="s">
        <v>51</v>
      </c>
      <c r="MY8" s="65" t="s">
        <v>45</v>
      </c>
      <c r="MZ8" s="577"/>
      <c r="NA8" s="61" t="s">
        <v>43</v>
      </c>
      <c r="NB8" s="59" t="s">
        <v>44</v>
      </c>
      <c r="NC8" s="60" t="s">
        <v>45</v>
      </c>
      <c r="ND8" s="42" t="s">
        <v>83</v>
      </c>
      <c r="NE8" s="59" t="s">
        <v>47</v>
      </c>
      <c r="NF8" s="59" t="s">
        <v>48</v>
      </c>
      <c r="NG8" s="59" t="s">
        <v>49</v>
      </c>
      <c r="NH8" s="59" t="s">
        <v>50</v>
      </c>
      <c r="NI8" s="59" t="s">
        <v>51</v>
      </c>
      <c r="NJ8" s="65" t="s">
        <v>45</v>
      </c>
      <c r="NK8" s="577"/>
      <c r="NL8" s="61" t="s">
        <v>43</v>
      </c>
      <c r="NM8" s="59" t="s">
        <v>44</v>
      </c>
      <c r="NN8" s="60" t="s">
        <v>45</v>
      </c>
      <c r="NO8" s="42" t="s">
        <v>83</v>
      </c>
      <c r="NP8" s="59" t="s">
        <v>47</v>
      </c>
      <c r="NQ8" s="59" t="s">
        <v>48</v>
      </c>
      <c r="NR8" s="59" t="s">
        <v>49</v>
      </c>
      <c r="NS8" s="59" t="s">
        <v>50</v>
      </c>
      <c r="NT8" s="59" t="s">
        <v>51</v>
      </c>
      <c r="NU8" s="65" t="s">
        <v>45</v>
      </c>
      <c r="NV8" s="577"/>
      <c r="NW8" s="61" t="s">
        <v>43</v>
      </c>
      <c r="NX8" s="59" t="s">
        <v>44</v>
      </c>
      <c r="NY8" s="60" t="s">
        <v>45</v>
      </c>
      <c r="NZ8" s="42" t="s">
        <v>83</v>
      </c>
      <c r="OA8" s="59" t="s">
        <v>47</v>
      </c>
      <c r="OB8" s="59" t="s">
        <v>48</v>
      </c>
      <c r="OC8" s="59" t="s">
        <v>49</v>
      </c>
      <c r="OD8" s="59" t="s">
        <v>50</v>
      </c>
      <c r="OE8" s="59" t="s">
        <v>51</v>
      </c>
      <c r="OF8" s="65" t="s">
        <v>45</v>
      </c>
      <c r="OG8" s="577"/>
      <c r="OH8" s="61" t="s">
        <v>43</v>
      </c>
      <c r="OI8" s="59" t="s">
        <v>44</v>
      </c>
      <c r="OJ8" s="60" t="s">
        <v>45</v>
      </c>
      <c r="OK8" s="33" t="s">
        <v>83</v>
      </c>
      <c r="OL8" s="59" t="s">
        <v>47</v>
      </c>
      <c r="OM8" s="59" t="s">
        <v>48</v>
      </c>
      <c r="ON8" s="59" t="s">
        <v>49</v>
      </c>
      <c r="OO8" s="59" t="s">
        <v>50</v>
      </c>
      <c r="OP8" s="59" t="s">
        <v>51</v>
      </c>
      <c r="OQ8" s="65" t="s">
        <v>45</v>
      </c>
      <c r="OR8" s="577"/>
    </row>
    <row r="9" spans="1:408" ht="20.25" customHeight="1" x14ac:dyDescent="0.2">
      <c r="A9" s="403" t="s">
        <v>4</v>
      </c>
      <c r="B9" s="110">
        <v>23703944</v>
      </c>
      <c r="C9" s="185">
        <v>44045105</v>
      </c>
      <c r="D9" s="186">
        <v>67749049</v>
      </c>
      <c r="E9" s="187">
        <v>0</v>
      </c>
      <c r="F9" s="185">
        <v>235414990</v>
      </c>
      <c r="G9" s="185">
        <v>333683260</v>
      </c>
      <c r="H9" s="185">
        <v>277725418</v>
      </c>
      <c r="I9" s="185">
        <v>290824554</v>
      </c>
      <c r="J9" s="185">
        <v>232421103</v>
      </c>
      <c r="K9" s="188">
        <v>1370069325</v>
      </c>
      <c r="L9" s="189">
        <v>1437818374</v>
      </c>
      <c r="M9" s="110">
        <v>6770725</v>
      </c>
      <c r="N9" s="185">
        <v>14485348</v>
      </c>
      <c r="O9" s="190">
        <v>21256073</v>
      </c>
      <c r="P9" s="110">
        <v>0</v>
      </c>
      <c r="Q9" s="185">
        <v>74327012</v>
      </c>
      <c r="R9" s="185">
        <v>111652160</v>
      </c>
      <c r="S9" s="185">
        <v>90847867</v>
      </c>
      <c r="T9" s="185">
        <v>102098117</v>
      </c>
      <c r="U9" s="185">
        <v>104276464</v>
      </c>
      <c r="V9" s="190">
        <v>483201620</v>
      </c>
      <c r="W9" s="189">
        <v>504457693</v>
      </c>
      <c r="X9" s="110">
        <v>0</v>
      </c>
      <c r="Y9" s="185">
        <v>0</v>
      </c>
      <c r="Z9" s="190">
        <v>0</v>
      </c>
      <c r="AA9" s="111">
        <v>0</v>
      </c>
      <c r="AB9" s="191">
        <v>32720333</v>
      </c>
      <c r="AC9" s="191">
        <v>47652772</v>
      </c>
      <c r="AD9" s="191">
        <v>42790618</v>
      </c>
      <c r="AE9" s="191">
        <v>53027436</v>
      </c>
      <c r="AF9" s="191">
        <v>55886057</v>
      </c>
      <c r="AG9" s="190">
        <v>232077216</v>
      </c>
      <c r="AH9" s="189">
        <v>232077216</v>
      </c>
      <c r="AI9" s="192">
        <v>0</v>
      </c>
      <c r="AJ9" s="191">
        <v>78274</v>
      </c>
      <c r="AK9" s="190">
        <v>78274</v>
      </c>
      <c r="AL9" s="111">
        <v>0</v>
      </c>
      <c r="AM9" s="191">
        <v>512554</v>
      </c>
      <c r="AN9" s="188">
        <v>1255639</v>
      </c>
      <c r="AO9" s="191">
        <v>2803356</v>
      </c>
      <c r="AP9" s="191">
        <v>6323838</v>
      </c>
      <c r="AQ9" s="191">
        <v>12843869</v>
      </c>
      <c r="AR9" s="190">
        <v>23739256</v>
      </c>
      <c r="AS9" s="189">
        <v>23817530</v>
      </c>
      <c r="AT9" s="192">
        <v>3436168</v>
      </c>
      <c r="AU9" s="191">
        <v>10144123</v>
      </c>
      <c r="AV9" s="190">
        <v>13580291</v>
      </c>
      <c r="AW9" s="111">
        <v>0</v>
      </c>
      <c r="AX9" s="191">
        <v>26066806</v>
      </c>
      <c r="AY9" s="191">
        <v>41998239</v>
      </c>
      <c r="AZ9" s="191">
        <v>27236922</v>
      </c>
      <c r="BA9" s="191">
        <v>24961023</v>
      </c>
      <c r="BB9" s="191">
        <v>21759079</v>
      </c>
      <c r="BC9" s="190">
        <v>142022069</v>
      </c>
      <c r="BD9" s="193">
        <v>155602360</v>
      </c>
      <c r="BE9" s="192">
        <v>300799</v>
      </c>
      <c r="BF9" s="188">
        <v>1120210</v>
      </c>
      <c r="BG9" s="276">
        <v>1421009</v>
      </c>
      <c r="BH9" s="111">
        <v>0</v>
      </c>
      <c r="BI9" s="191">
        <v>2242498</v>
      </c>
      <c r="BJ9" s="191">
        <v>4333954</v>
      </c>
      <c r="BK9" s="191">
        <v>3201671</v>
      </c>
      <c r="BL9" s="191">
        <v>2571268</v>
      </c>
      <c r="BM9" s="191">
        <v>1486526</v>
      </c>
      <c r="BN9" s="190">
        <v>13835917</v>
      </c>
      <c r="BO9" s="189">
        <v>15256926</v>
      </c>
      <c r="BP9" s="192">
        <v>3033758</v>
      </c>
      <c r="BQ9" s="191">
        <v>3142741</v>
      </c>
      <c r="BR9" s="190">
        <v>6176499</v>
      </c>
      <c r="BS9" s="111">
        <v>0</v>
      </c>
      <c r="BT9" s="191">
        <v>12784821</v>
      </c>
      <c r="BU9" s="191">
        <v>16411556</v>
      </c>
      <c r="BV9" s="191">
        <v>14815300</v>
      </c>
      <c r="BW9" s="191">
        <v>15214552</v>
      </c>
      <c r="BX9" s="191">
        <v>12300933</v>
      </c>
      <c r="BY9" s="190">
        <v>71527162</v>
      </c>
      <c r="BZ9" s="189">
        <v>77703661</v>
      </c>
      <c r="CA9" s="192">
        <v>2087717</v>
      </c>
      <c r="CB9" s="191">
        <v>5387745</v>
      </c>
      <c r="CC9" s="190">
        <v>7475462</v>
      </c>
      <c r="CD9" s="111">
        <v>0</v>
      </c>
      <c r="CE9" s="191">
        <v>66035784</v>
      </c>
      <c r="CF9" s="191">
        <v>83546100</v>
      </c>
      <c r="CG9" s="194">
        <v>53981541</v>
      </c>
      <c r="CH9" s="191">
        <v>39904635</v>
      </c>
      <c r="CI9" s="191">
        <v>19345057</v>
      </c>
      <c r="CJ9" s="190">
        <v>262813117</v>
      </c>
      <c r="CK9" s="189">
        <v>270288579</v>
      </c>
      <c r="CL9" s="110">
        <v>0</v>
      </c>
      <c r="CM9" s="185">
        <v>0</v>
      </c>
      <c r="CN9" s="190">
        <v>0</v>
      </c>
      <c r="CO9" s="111">
        <v>0</v>
      </c>
      <c r="CP9" s="191">
        <v>53699875</v>
      </c>
      <c r="CQ9" s="191">
        <v>60748345</v>
      </c>
      <c r="CR9" s="191">
        <v>37975312</v>
      </c>
      <c r="CS9" s="191">
        <v>26828604</v>
      </c>
      <c r="CT9" s="191">
        <v>13285612</v>
      </c>
      <c r="CU9" s="195">
        <v>192537748</v>
      </c>
      <c r="CV9" s="189">
        <v>192537748</v>
      </c>
      <c r="CW9" s="192">
        <v>2087717</v>
      </c>
      <c r="CX9" s="191">
        <v>5387745</v>
      </c>
      <c r="CY9" s="190">
        <v>7475462</v>
      </c>
      <c r="CZ9" s="111">
        <v>0</v>
      </c>
      <c r="DA9" s="191">
        <v>12335909</v>
      </c>
      <c r="DB9" s="191">
        <v>22797755</v>
      </c>
      <c r="DC9" s="191">
        <v>16006229</v>
      </c>
      <c r="DD9" s="191">
        <v>13076031</v>
      </c>
      <c r="DE9" s="191">
        <v>6059445</v>
      </c>
      <c r="DF9" s="190">
        <v>70275369</v>
      </c>
      <c r="DG9" s="189">
        <v>77750831</v>
      </c>
      <c r="DH9" s="192">
        <v>107830</v>
      </c>
      <c r="DI9" s="191">
        <v>496884</v>
      </c>
      <c r="DJ9" s="276">
        <v>604714</v>
      </c>
      <c r="DK9" s="111">
        <v>0</v>
      </c>
      <c r="DL9" s="191">
        <v>5695132</v>
      </c>
      <c r="DM9" s="191">
        <v>13680692</v>
      </c>
      <c r="DN9" s="191">
        <v>20714667</v>
      </c>
      <c r="DO9" s="191">
        <v>19996390</v>
      </c>
      <c r="DP9" s="191">
        <v>11921556</v>
      </c>
      <c r="DQ9" s="277">
        <v>72008437</v>
      </c>
      <c r="DR9" s="189">
        <v>72613151</v>
      </c>
      <c r="DS9" s="192">
        <v>107830</v>
      </c>
      <c r="DT9" s="191">
        <v>405149</v>
      </c>
      <c r="DU9" s="190">
        <v>512979</v>
      </c>
      <c r="DV9" s="111">
        <v>0</v>
      </c>
      <c r="DW9" s="191">
        <v>4935641</v>
      </c>
      <c r="DX9" s="191">
        <v>11324414</v>
      </c>
      <c r="DY9" s="191">
        <v>18097640</v>
      </c>
      <c r="DZ9" s="191">
        <v>15686382</v>
      </c>
      <c r="EA9" s="191">
        <v>9139487</v>
      </c>
      <c r="EB9" s="190">
        <v>59183564</v>
      </c>
      <c r="EC9" s="189">
        <v>59696543</v>
      </c>
      <c r="ED9" s="192">
        <v>0</v>
      </c>
      <c r="EE9" s="188">
        <v>91735</v>
      </c>
      <c r="EF9" s="190">
        <v>91735</v>
      </c>
      <c r="EG9" s="193">
        <v>0</v>
      </c>
      <c r="EH9" s="191">
        <v>759491</v>
      </c>
      <c r="EI9" s="191">
        <v>2356278</v>
      </c>
      <c r="EJ9" s="191">
        <v>2617027</v>
      </c>
      <c r="EK9" s="191">
        <v>4310008</v>
      </c>
      <c r="EL9" s="194">
        <v>2782069</v>
      </c>
      <c r="EM9" s="188">
        <v>12824873</v>
      </c>
      <c r="EN9" s="189">
        <v>12916608</v>
      </c>
      <c r="EO9" s="192">
        <v>0</v>
      </c>
      <c r="EP9" s="191">
        <v>0</v>
      </c>
      <c r="EQ9" s="188">
        <v>0</v>
      </c>
      <c r="ER9" s="111">
        <v>0</v>
      </c>
      <c r="ES9" s="191">
        <v>0</v>
      </c>
      <c r="ET9" s="191">
        <v>0</v>
      </c>
      <c r="EU9" s="191">
        <v>0</v>
      </c>
      <c r="EV9" s="191">
        <v>0</v>
      </c>
      <c r="EW9" s="191">
        <v>0</v>
      </c>
      <c r="EX9" s="195">
        <v>0</v>
      </c>
      <c r="EY9" s="189">
        <v>0</v>
      </c>
      <c r="EZ9" s="192">
        <v>0</v>
      </c>
      <c r="FA9" s="191">
        <v>0</v>
      </c>
      <c r="FB9" s="188">
        <v>0</v>
      </c>
      <c r="FC9" s="394"/>
      <c r="FD9" s="191">
        <v>0</v>
      </c>
      <c r="FE9" s="191">
        <v>0</v>
      </c>
      <c r="FF9" s="191">
        <v>0</v>
      </c>
      <c r="FG9" s="191">
        <v>0</v>
      </c>
      <c r="FH9" s="191">
        <v>0</v>
      </c>
      <c r="FI9" s="195">
        <v>0</v>
      </c>
      <c r="FJ9" s="189">
        <v>0</v>
      </c>
      <c r="FK9" s="192">
        <v>4618406</v>
      </c>
      <c r="FL9" s="191">
        <v>8084262</v>
      </c>
      <c r="FM9" s="190">
        <v>12702668</v>
      </c>
      <c r="FN9" s="111">
        <v>0</v>
      </c>
      <c r="FO9" s="191">
        <v>10431826</v>
      </c>
      <c r="FP9" s="191">
        <v>28748295</v>
      </c>
      <c r="FQ9" s="191">
        <v>20945212</v>
      </c>
      <c r="FR9" s="191">
        <v>20383890</v>
      </c>
      <c r="FS9" s="191">
        <v>14386609</v>
      </c>
      <c r="FT9" s="190">
        <v>94895832</v>
      </c>
      <c r="FU9" s="189">
        <v>107598500</v>
      </c>
      <c r="FV9" s="192">
        <v>2162092</v>
      </c>
      <c r="FW9" s="191">
        <v>5312302</v>
      </c>
      <c r="FX9" s="188">
        <v>7474394</v>
      </c>
      <c r="FY9" s="193">
        <v>0</v>
      </c>
      <c r="FZ9" s="191">
        <v>8076165</v>
      </c>
      <c r="GA9" s="196">
        <v>25744719</v>
      </c>
      <c r="GB9" s="191">
        <v>18538969</v>
      </c>
      <c r="GC9" s="196">
        <v>18336061</v>
      </c>
      <c r="GD9" s="191">
        <v>13759099</v>
      </c>
      <c r="GE9" s="195">
        <v>84455013</v>
      </c>
      <c r="GF9" s="356">
        <v>91929407</v>
      </c>
      <c r="GG9" s="197">
        <v>189406</v>
      </c>
      <c r="GH9" s="191">
        <v>384051</v>
      </c>
      <c r="GI9" s="196">
        <v>573457</v>
      </c>
      <c r="GJ9" s="187">
        <v>0</v>
      </c>
      <c r="GK9" s="191">
        <v>576995</v>
      </c>
      <c r="GL9" s="188">
        <v>517146</v>
      </c>
      <c r="GM9" s="191">
        <v>483882</v>
      </c>
      <c r="GN9" s="188">
        <v>638029</v>
      </c>
      <c r="GO9" s="191">
        <v>417580</v>
      </c>
      <c r="GP9" s="277">
        <v>2633632</v>
      </c>
      <c r="GQ9" s="189">
        <v>3207089</v>
      </c>
      <c r="GR9" s="188">
        <v>2266908</v>
      </c>
      <c r="GS9" s="191">
        <v>2387909</v>
      </c>
      <c r="GT9" s="190">
        <v>4654817</v>
      </c>
      <c r="GU9" s="188">
        <v>0</v>
      </c>
      <c r="GV9" s="191">
        <v>1778666</v>
      </c>
      <c r="GW9" s="188">
        <v>2486430</v>
      </c>
      <c r="GX9" s="191">
        <v>1922361</v>
      </c>
      <c r="GY9" s="188">
        <v>1409800</v>
      </c>
      <c r="GZ9" s="191">
        <v>209930</v>
      </c>
      <c r="HA9" s="188">
        <v>7807187</v>
      </c>
      <c r="HB9" s="189">
        <v>12462004</v>
      </c>
      <c r="HC9" s="188">
        <v>10119266</v>
      </c>
      <c r="HD9" s="191">
        <v>15590866</v>
      </c>
      <c r="HE9" s="188">
        <v>25710132</v>
      </c>
      <c r="HF9" s="193">
        <v>0</v>
      </c>
      <c r="HG9" s="191">
        <v>78925236</v>
      </c>
      <c r="HH9" s="196">
        <v>96056013</v>
      </c>
      <c r="HI9" s="191">
        <v>91236131</v>
      </c>
      <c r="HJ9" s="196">
        <v>108441522</v>
      </c>
      <c r="HK9" s="191">
        <v>82491417</v>
      </c>
      <c r="HL9" s="195">
        <v>457150319</v>
      </c>
      <c r="HM9" s="188">
        <v>482860451</v>
      </c>
      <c r="HN9" s="368"/>
      <c r="HO9" s="369"/>
      <c r="HP9" s="370"/>
      <c r="HQ9" s="371"/>
      <c r="HR9" s="369"/>
      <c r="HS9" s="371"/>
      <c r="HT9" s="369"/>
      <c r="HU9" s="371"/>
      <c r="HV9" s="369"/>
      <c r="HW9" s="371"/>
      <c r="HX9" s="372"/>
      <c r="HY9" s="132">
        <v>633050</v>
      </c>
      <c r="HZ9" s="133">
        <v>925708</v>
      </c>
      <c r="IA9" s="134">
        <v>1558758</v>
      </c>
      <c r="IB9" s="121">
        <v>0</v>
      </c>
      <c r="IC9" s="133">
        <v>53911703</v>
      </c>
      <c r="ID9" s="135">
        <v>72611022</v>
      </c>
      <c r="IE9" s="136">
        <v>74843591</v>
      </c>
      <c r="IF9" s="133">
        <v>60178474</v>
      </c>
      <c r="IG9" s="136">
        <v>40363859</v>
      </c>
      <c r="IH9" s="137">
        <v>301908649</v>
      </c>
      <c r="II9" s="138">
        <v>303467407</v>
      </c>
      <c r="IJ9" s="258">
        <v>0</v>
      </c>
      <c r="IK9" s="264">
        <v>0</v>
      </c>
      <c r="IL9" s="265">
        <v>0</v>
      </c>
      <c r="IM9" s="139"/>
      <c r="IN9" s="140">
        <v>1340325</v>
      </c>
      <c r="IO9" s="140">
        <v>4071611</v>
      </c>
      <c r="IP9" s="140">
        <v>2086455</v>
      </c>
      <c r="IQ9" s="140">
        <v>5445655</v>
      </c>
      <c r="IR9" s="140">
        <v>4063299</v>
      </c>
      <c r="IS9" s="141">
        <v>17007345</v>
      </c>
      <c r="IT9" s="359">
        <v>17007345</v>
      </c>
      <c r="IU9" s="142">
        <v>0</v>
      </c>
      <c r="IV9" s="140">
        <v>0</v>
      </c>
      <c r="IW9" s="144">
        <v>0</v>
      </c>
      <c r="IX9" s="147"/>
      <c r="IY9" s="140">
        <v>121505</v>
      </c>
      <c r="IZ9" s="140">
        <v>368248</v>
      </c>
      <c r="JA9" s="140">
        <v>812157</v>
      </c>
      <c r="JB9" s="140">
        <v>594156</v>
      </c>
      <c r="JC9" s="140">
        <v>1376012</v>
      </c>
      <c r="JD9" s="144">
        <v>3272078</v>
      </c>
      <c r="JE9" s="145">
        <v>3272078</v>
      </c>
      <c r="JF9" s="142">
        <v>0</v>
      </c>
      <c r="JG9" s="140">
        <v>0</v>
      </c>
      <c r="JH9" s="141">
        <v>0</v>
      </c>
      <c r="JI9" s="143">
        <v>0</v>
      </c>
      <c r="JJ9" s="140">
        <v>25517720</v>
      </c>
      <c r="JK9" s="140">
        <v>23876253</v>
      </c>
      <c r="JL9" s="140">
        <v>19105928</v>
      </c>
      <c r="JM9" s="140">
        <v>11259795</v>
      </c>
      <c r="JN9" s="140">
        <v>5161798</v>
      </c>
      <c r="JO9" s="144">
        <v>84921494</v>
      </c>
      <c r="JP9" s="359">
        <v>84921494</v>
      </c>
      <c r="JQ9" s="142">
        <v>0</v>
      </c>
      <c r="JR9" s="140">
        <v>0</v>
      </c>
      <c r="JS9" s="141">
        <v>0</v>
      </c>
      <c r="JT9" s="143">
        <v>0</v>
      </c>
      <c r="JU9" s="140">
        <v>2899150</v>
      </c>
      <c r="JV9" s="140">
        <v>6774751</v>
      </c>
      <c r="JW9" s="140">
        <v>6000146</v>
      </c>
      <c r="JX9" s="140">
        <v>2701803</v>
      </c>
      <c r="JY9" s="140">
        <v>5041354</v>
      </c>
      <c r="JZ9" s="144">
        <v>23417204</v>
      </c>
      <c r="KA9" s="359">
        <v>23417204</v>
      </c>
      <c r="KB9" s="261">
        <v>633050</v>
      </c>
      <c r="KC9" s="255">
        <v>925708</v>
      </c>
      <c r="KD9" s="144">
        <v>1558758</v>
      </c>
      <c r="KE9" s="143">
        <v>0</v>
      </c>
      <c r="KF9" s="140">
        <v>6923686</v>
      </c>
      <c r="KG9" s="140">
        <v>7914052</v>
      </c>
      <c r="KH9" s="140">
        <v>11139856</v>
      </c>
      <c r="KI9" s="140">
        <v>9311631</v>
      </c>
      <c r="KJ9" s="140">
        <v>3140089</v>
      </c>
      <c r="KK9" s="144">
        <v>38429314</v>
      </c>
      <c r="KL9" s="146">
        <v>39988072</v>
      </c>
      <c r="KM9" s="258">
        <v>0</v>
      </c>
      <c r="KN9" s="264">
        <v>0</v>
      </c>
      <c r="KO9" s="265">
        <v>0</v>
      </c>
      <c r="KP9" s="394"/>
      <c r="KQ9" s="140">
        <v>16103284</v>
      </c>
      <c r="KR9" s="140">
        <v>23794366</v>
      </c>
      <c r="KS9" s="140">
        <v>28598303</v>
      </c>
      <c r="KT9" s="140">
        <v>19343070</v>
      </c>
      <c r="KU9" s="140">
        <v>11436670</v>
      </c>
      <c r="KV9" s="144">
        <v>99275693</v>
      </c>
      <c r="KW9" s="359">
        <v>99275693</v>
      </c>
      <c r="KX9" s="142">
        <v>0</v>
      </c>
      <c r="KY9" s="140">
        <v>0</v>
      </c>
      <c r="KZ9" s="144">
        <v>0</v>
      </c>
      <c r="LA9" s="394"/>
      <c r="LB9" s="140">
        <v>274087</v>
      </c>
      <c r="LC9" s="140">
        <v>1083581</v>
      </c>
      <c r="LD9" s="140">
        <v>1685718</v>
      </c>
      <c r="LE9" s="140">
        <v>1286736</v>
      </c>
      <c r="LF9" s="140">
        <v>1557562</v>
      </c>
      <c r="LG9" s="144">
        <v>5887684</v>
      </c>
      <c r="LH9" s="145">
        <v>5887684</v>
      </c>
      <c r="LI9" s="142">
        <v>0</v>
      </c>
      <c r="LJ9" s="140">
        <v>0</v>
      </c>
      <c r="LK9" s="144">
        <v>0</v>
      </c>
      <c r="LL9" s="394"/>
      <c r="LM9" s="140">
        <v>187810</v>
      </c>
      <c r="LN9" s="140">
        <v>339734</v>
      </c>
      <c r="LO9" s="140">
        <v>1686192</v>
      </c>
      <c r="LP9" s="140">
        <v>4102729</v>
      </c>
      <c r="LQ9" s="140">
        <v>1924047</v>
      </c>
      <c r="LR9" s="144">
        <v>8240512</v>
      </c>
      <c r="LS9" s="359">
        <v>8240512</v>
      </c>
      <c r="LT9" s="142">
        <v>0</v>
      </c>
      <c r="LU9" s="140">
        <v>0</v>
      </c>
      <c r="LV9" s="144">
        <v>0</v>
      </c>
      <c r="LW9" s="394"/>
      <c r="LX9" s="140">
        <v>544136</v>
      </c>
      <c r="LY9" s="140">
        <v>4388426</v>
      </c>
      <c r="LZ9" s="140">
        <v>3728836</v>
      </c>
      <c r="MA9" s="140">
        <v>6132899</v>
      </c>
      <c r="MB9" s="140">
        <v>6663028</v>
      </c>
      <c r="MC9" s="144">
        <v>21457325</v>
      </c>
      <c r="MD9" s="145">
        <v>21457325</v>
      </c>
      <c r="ME9" s="142">
        <v>0</v>
      </c>
      <c r="MF9" s="140">
        <v>0</v>
      </c>
      <c r="MG9" s="144">
        <v>0</v>
      </c>
      <c r="MH9" s="394"/>
      <c r="MI9" s="140">
        <v>13781243</v>
      </c>
      <c r="MJ9" s="140">
        <v>37474256</v>
      </c>
      <c r="MK9" s="140">
        <v>100623969</v>
      </c>
      <c r="ML9" s="140">
        <v>157511851</v>
      </c>
      <c r="MM9" s="140">
        <v>113612604</v>
      </c>
      <c r="MN9" s="144">
        <v>423003923</v>
      </c>
      <c r="MO9" s="146">
        <v>423003923</v>
      </c>
      <c r="MP9" s="142">
        <v>0</v>
      </c>
      <c r="MQ9" s="140">
        <v>0</v>
      </c>
      <c r="MR9" s="144">
        <v>0</v>
      </c>
      <c r="MS9" s="394"/>
      <c r="MT9" s="140">
        <v>927538</v>
      </c>
      <c r="MU9" s="140">
        <v>6999589</v>
      </c>
      <c r="MV9" s="140">
        <v>49456679</v>
      </c>
      <c r="MW9" s="140">
        <v>90987574</v>
      </c>
      <c r="MX9" s="140">
        <v>70002807</v>
      </c>
      <c r="MY9" s="144">
        <v>218374187</v>
      </c>
      <c r="MZ9" s="146">
        <v>218374187</v>
      </c>
      <c r="NA9" s="142">
        <v>0</v>
      </c>
      <c r="NB9" s="140">
        <v>0</v>
      </c>
      <c r="NC9" s="144">
        <v>0</v>
      </c>
      <c r="ND9" s="394"/>
      <c r="NE9" s="140">
        <v>12674031</v>
      </c>
      <c r="NF9" s="140">
        <v>30246759</v>
      </c>
      <c r="NG9" s="140">
        <v>49201858</v>
      </c>
      <c r="NH9" s="140">
        <v>59851773</v>
      </c>
      <c r="NI9" s="140">
        <v>34940005</v>
      </c>
      <c r="NJ9" s="144">
        <v>186914426</v>
      </c>
      <c r="NK9" s="359">
        <v>186914426</v>
      </c>
      <c r="NL9" s="142">
        <v>0</v>
      </c>
      <c r="NM9" s="140">
        <v>0</v>
      </c>
      <c r="NN9" s="144">
        <v>0</v>
      </c>
      <c r="NO9" s="394"/>
      <c r="NP9" s="140">
        <v>0</v>
      </c>
      <c r="NQ9" s="140">
        <v>0</v>
      </c>
      <c r="NR9" s="140">
        <v>705337</v>
      </c>
      <c r="NS9" s="140">
        <v>3809822</v>
      </c>
      <c r="NT9" s="140">
        <v>5192503</v>
      </c>
      <c r="NU9" s="144">
        <v>9707662</v>
      </c>
      <c r="NV9" s="145">
        <v>9707662</v>
      </c>
      <c r="NW9" s="142">
        <v>0</v>
      </c>
      <c r="NX9" s="140">
        <v>0</v>
      </c>
      <c r="NY9" s="144">
        <v>0</v>
      </c>
      <c r="NZ9" s="394"/>
      <c r="OA9" s="140">
        <v>179674</v>
      </c>
      <c r="OB9" s="140">
        <v>227908</v>
      </c>
      <c r="OC9" s="140">
        <v>1260095</v>
      </c>
      <c r="OD9" s="140">
        <v>2862682</v>
      </c>
      <c r="OE9" s="140">
        <v>3477289</v>
      </c>
      <c r="OF9" s="144">
        <v>8007648</v>
      </c>
      <c r="OG9" s="145">
        <v>8007648</v>
      </c>
      <c r="OH9" s="142">
        <v>24336994</v>
      </c>
      <c r="OI9" s="140">
        <v>44970813</v>
      </c>
      <c r="OJ9" s="141">
        <v>69307807</v>
      </c>
      <c r="OK9" s="143">
        <v>0</v>
      </c>
      <c r="OL9" s="140">
        <v>303107936</v>
      </c>
      <c r="OM9" s="140">
        <v>443768538</v>
      </c>
      <c r="ON9" s="140">
        <v>453192978</v>
      </c>
      <c r="OO9" s="140">
        <v>508514879</v>
      </c>
      <c r="OP9" s="140">
        <v>386397566</v>
      </c>
      <c r="OQ9" s="144">
        <v>2094981897</v>
      </c>
      <c r="OR9" s="146">
        <v>2164289704</v>
      </c>
    </row>
    <row r="10" spans="1:408" ht="20.25" customHeight="1" x14ac:dyDescent="0.2">
      <c r="A10" s="130" t="s">
        <v>5</v>
      </c>
      <c r="B10" s="113">
        <v>10596156</v>
      </c>
      <c r="C10" s="117">
        <v>22548006</v>
      </c>
      <c r="D10" s="116">
        <v>33144162</v>
      </c>
      <c r="E10" s="112">
        <v>0</v>
      </c>
      <c r="F10" s="117">
        <v>94192149</v>
      </c>
      <c r="G10" s="117">
        <v>167901748</v>
      </c>
      <c r="H10" s="117">
        <v>125614358</v>
      </c>
      <c r="I10" s="117">
        <v>121290268</v>
      </c>
      <c r="J10" s="117">
        <v>104461785</v>
      </c>
      <c r="K10" s="112">
        <v>613460308</v>
      </c>
      <c r="L10" s="119">
        <v>646604470</v>
      </c>
      <c r="M10" s="113">
        <v>3114599</v>
      </c>
      <c r="N10" s="117">
        <v>7980561</v>
      </c>
      <c r="O10" s="116">
        <v>11095160</v>
      </c>
      <c r="P10" s="113">
        <v>0</v>
      </c>
      <c r="Q10" s="117">
        <v>30420691</v>
      </c>
      <c r="R10" s="117">
        <v>59520918</v>
      </c>
      <c r="S10" s="117">
        <v>40597564</v>
      </c>
      <c r="T10" s="117">
        <v>43324023</v>
      </c>
      <c r="U10" s="117">
        <v>48378446</v>
      </c>
      <c r="V10" s="116">
        <v>222241642</v>
      </c>
      <c r="W10" s="119">
        <v>233336802</v>
      </c>
      <c r="X10" s="113">
        <v>0</v>
      </c>
      <c r="Y10" s="117">
        <v>0</v>
      </c>
      <c r="Z10" s="116">
        <v>0</v>
      </c>
      <c r="AA10" s="113">
        <v>0</v>
      </c>
      <c r="AB10" s="117">
        <v>13333052</v>
      </c>
      <c r="AC10" s="117">
        <v>24011668</v>
      </c>
      <c r="AD10" s="117">
        <v>17845581</v>
      </c>
      <c r="AE10" s="117">
        <v>20618098</v>
      </c>
      <c r="AF10" s="117">
        <v>26341345</v>
      </c>
      <c r="AG10" s="116">
        <v>102149744</v>
      </c>
      <c r="AH10" s="119">
        <v>102149744</v>
      </c>
      <c r="AI10" s="113">
        <v>0</v>
      </c>
      <c r="AJ10" s="117">
        <v>28465</v>
      </c>
      <c r="AK10" s="116">
        <v>28465</v>
      </c>
      <c r="AL10" s="113">
        <v>0</v>
      </c>
      <c r="AM10" s="117">
        <v>12197</v>
      </c>
      <c r="AN10" s="117">
        <v>445817</v>
      </c>
      <c r="AO10" s="117">
        <v>896637</v>
      </c>
      <c r="AP10" s="117">
        <v>3004978</v>
      </c>
      <c r="AQ10" s="117">
        <v>5473120</v>
      </c>
      <c r="AR10" s="116">
        <v>9832749</v>
      </c>
      <c r="AS10" s="119">
        <v>9861214</v>
      </c>
      <c r="AT10" s="113">
        <v>1573401</v>
      </c>
      <c r="AU10" s="117">
        <v>5666833</v>
      </c>
      <c r="AV10" s="116">
        <v>7240234</v>
      </c>
      <c r="AW10" s="113">
        <v>0</v>
      </c>
      <c r="AX10" s="117">
        <v>11039551</v>
      </c>
      <c r="AY10" s="117">
        <v>24707344</v>
      </c>
      <c r="AZ10" s="117">
        <v>13826512</v>
      </c>
      <c r="BA10" s="117">
        <v>11978916</v>
      </c>
      <c r="BB10" s="117">
        <v>10891354</v>
      </c>
      <c r="BC10" s="116">
        <v>72443677</v>
      </c>
      <c r="BD10" s="119">
        <v>79683911</v>
      </c>
      <c r="BE10" s="113">
        <v>177024</v>
      </c>
      <c r="BF10" s="117">
        <v>673646</v>
      </c>
      <c r="BG10" s="115">
        <v>850670</v>
      </c>
      <c r="BH10" s="114">
        <v>0</v>
      </c>
      <c r="BI10" s="117">
        <v>657434</v>
      </c>
      <c r="BJ10" s="117">
        <v>2118727</v>
      </c>
      <c r="BK10" s="117">
        <v>1367869</v>
      </c>
      <c r="BL10" s="117">
        <v>1426778</v>
      </c>
      <c r="BM10" s="117">
        <v>503540</v>
      </c>
      <c r="BN10" s="116">
        <v>6074348</v>
      </c>
      <c r="BO10" s="119">
        <v>6925018</v>
      </c>
      <c r="BP10" s="113">
        <v>1364174</v>
      </c>
      <c r="BQ10" s="117">
        <v>1611617</v>
      </c>
      <c r="BR10" s="116">
        <v>2975791</v>
      </c>
      <c r="BS10" s="113">
        <v>0</v>
      </c>
      <c r="BT10" s="117">
        <v>5378457</v>
      </c>
      <c r="BU10" s="117">
        <v>8237362</v>
      </c>
      <c r="BV10" s="117">
        <v>6660965</v>
      </c>
      <c r="BW10" s="117">
        <v>6295253</v>
      </c>
      <c r="BX10" s="117">
        <v>5169087</v>
      </c>
      <c r="BY10" s="116">
        <v>31741124</v>
      </c>
      <c r="BZ10" s="119">
        <v>34716915</v>
      </c>
      <c r="CA10" s="113">
        <v>1244167</v>
      </c>
      <c r="CB10" s="117">
        <v>2989678</v>
      </c>
      <c r="CC10" s="116">
        <v>4233845</v>
      </c>
      <c r="CD10" s="113">
        <v>0</v>
      </c>
      <c r="CE10" s="117">
        <v>22948928</v>
      </c>
      <c r="CF10" s="117">
        <v>37855866</v>
      </c>
      <c r="CG10" s="117">
        <v>23592790</v>
      </c>
      <c r="CH10" s="117">
        <v>14847306</v>
      </c>
      <c r="CI10" s="117">
        <v>8884421</v>
      </c>
      <c r="CJ10" s="116">
        <v>108129311</v>
      </c>
      <c r="CK10" s="119">
        <v>112363156</v>
      </c>
      <c r="CL10" s="113">
        <v>0</v>
      </c>
      <c r="CM10" s="117">
        <v>0</v>
      </c>
      <c r="CN10" s="116">
        <v>0</v>
      </c>
      <c r="CO10" s="114">
        <v>0</v>
      </c>
      <c r="CP10" s="117">
        <v>18468444</v>
      </c>
      <c r="CQ10" s="117">
        <v>25817336</v>
      </c>
      <c r="CR10" s="117">
        <v>15846799</v>
      </c>
      <c r="CS10" s="117">
        <v>8991420</v>
      </c>
      <c r="CT10" s="117">
        <v>5741561</v>
      </c>
      <c r="CU10" s="116">
        <v>74865560</v>
      </c>
      <c r="CV10" s="119">
        <v>74865560</v>
      </c>
      <c r="CW10" s="113">
        <v>1244167</v>
      </c>
      <c r="CX10" s="117">
        <v>2989678</v>
      </c>
      <c r="CY10" s="116">
        <v>4233845</v>
      </c>
      <c r="CZ10" s="113">
        <v>0</v>
      </c>
      <c r="DA10" s="117">
        <v>4480484</v>
      </c>
      <c r="DB10" s="117">
        <v>12038530</v>
      </c>
      <c r="DC10" s="117">
        <v>7745991</v>
      </c>
      <c r="DD10" s="117">
        <v>5855886</v>
      </c>
      <c r="DE10" s="117">
        <v>3142860</v>
      </c>
      <c r="DF10" s="116">
        <v>33263751</v>
      </c>
      <c r="DG10" s="119">
        <v>37497596</v>
      </c>
      <c r="DH10" s="113">
        <v>0</v>
      </c>
      <c r="DI10" s="117">
        <v>258460</v>
      </c>
      <c r="DJ10" s="115">
        <v>258460</v>
      </c>
      <c r="DK10" s="114">
        <v>0</v>
      </c>
      <c r="DL10" s="117">
        <v>2378562</v>
      </c>
      <c r="DM10" s="117">
        <v>6302620</v>
      </c>
      <c r="DN10" s="117">
        <v>9204324</v>
      </c>
      <c r="DO10" s="117">
        <v>8632913</v>
      </c>
      <c r="DP10" s="117">
        <v>4804790</v>
      </c>
      <c r="DQ10" s="116">
        <v>31323209</v>
      </c>
      <c r="DR10" s="119">
        <v>31581669</v>
      </c>
      <c r="DS10" s="113">
        <v>0</v>
      </c>
      <c r="DT10" s="117">
        <v>166725</v>
      </c>
      <c r="DU10" s="116">
        <v>166725</v>
      </c>
      <c r="DV10" s="113">
        <v>0</v>
      </c>
      <c r="DW10" s="117">
        <v>1938062</v>
      </c>
      <c r="DX10" s="117">
        <v>5026413</v>
      </c>
      <c r="DY10" s="117">
        <v>7921553</v>
      </c>
      <c r="DZ10" s="117">
        <v>5942525</v>
      </c>
      <c r="EA10" s="117">
        <v>2709631</v>
      </c>
      <c r="EB10" s="116">
        <v>23538184</v>
      </c>
      <c r="EC10" s="119">
        <v>23704909</v>
      </c>
      <c r="ED10" s="113">
        <v>0</v>
      </c>
      <c r="EE10" s="115">
        <v>91735</v>
      </c>
      <c r="EF10" s="116">
        <v>91735</v>
      </c>
      <c r="EG10" s="113">
        <v>0</v>
      </c>
      <c r="EH10" s="117">
        <v>440500</v>
      </c>
      <c r="EI10" s="117">
        <v>1276207</v>
      </c>
      <c r="EJ10" s="117">
        <v>1282771</v>
      </c>
      <c r="EK10" s="117">
        <v>2690388</v>
      </c>
      <c r="EL10" s="117">
        <v>2095159</v>
      </c>
      <c r="EM10" s="115">
        <v>7785025</v>
      </c>
      <c r="EN10" s="119">
        <v>7876760</v>
      </c>
      <c r="EO10" s="113">
        <v>0</v>
      </c>
      <c r="EP10" s="117">
        <v>0</v>
      </c>
      <c r="EQ10" s="115">
        <v>0</v>
      </c>
      <c r="ER10" s="114">
        <v>0</v>
      </c>
      <c r="ES10" s="117">
        <v>0</v>
      </c>
      <c r="ET10" s="117">
        <v>0</v>
      </c>
      <c r="EU10" s="117">
        <v>0</v>
      </c>
      <c r="EV10" s="117">
        <v>0</v>
      </c>
      <c r="EW10" s="117">
        <v>0</v>
      </c>
      <c r="EX10" s="116">
        <v>0</v>
      </c>
      <c r="EY10" s="119">
        <v>0</v>
      </c>
      <c r="EZ10" s="113">
        <v>0</v>
      </c>
      <c r="FA10" s="117">
        <v>0</v>
      </c>
      <c r="FB10" s="115">
        <v>0</v>
      </c>
      <c r="FC10" s="395"/>
      <c r="FD10" s="117">
        <v>0</v>
      </c>
      <c r="FE10" s="117">
        <v>0</v>
      </c>
      <c r="FF10" s="117">
        <v>0</v>
      </c>
      <c r="FG10" s="117">
        <v>0</v>
      </c>
      <c r="FH10" s="117">
        <v>0</v>
      </c>
      <c r="FI10" s="116">
        <v>0</v>
      </c>
      <c r="FJ10" s="119">
        <v>0</v>
      </c>
      <c r="FK10" s="113">
        <v>1734909</v>
      </c>
      <c r="FL10" s="117">
        <v>4091515</v>
      </c>
      <c r="FM10" s="116">
        <v>5826424</v>
      </c>
      <c r="FN10" s="113">
        <v>0</v>
      </c>
      <c r="FO10" s="117">
        <v>3368213</v>
      </c>
      <c r="FP10" s="117">
        <v>13108485</v>
      </c>
      <c r="FQ10" s="117">
        <v>8755290</v>
      </c>
      <c r="FR10" s="117">
        <v>8624263</v>
      </c>
      <c r="FS10" s="117">
        <v>6313395</v>
      </c>
      <c r="FT10" s="116">
        <v>40169646</v>
      </c>
      <c r="FU10" s="119">
        <v>45996070</v>
      </c>
      <c r="FV10" s="118">
        <v>682474</v>
      </c>
      <c r="FW10" s="117">
        <v>2340008</v>
      </c>
      <c r="FX10" s="115">
        <v>3022482</v>
      </c>
      <c r="FY10" s="114">
        <v>0</v>
      </c>
      <c r="FZ10" s="117">
        <v>2306590</v>
      </c>
      <c r="GA10" s="117">
        <v>11653887</v>
      </c>
      <c r="GB10" s="117">
        <v>7934882</v>
      </c>
      <c r="GC10" s="117">
        <v>7885244</v>
      </c>
      <c r="GD10" s="117">
        <v>6028759</v>
      </c>
      <c r="GE10" s="116">
        <v>35809362</v>
      </c>
      <c r="GF10" s="357">
        <v>38831844</v>
      </c>
      <c r="GG10" s="118">
        <v>30106</v>
      </c>
      <c r="GH10" s="117">
        <v>166317</v>
      </c>
      <c r="GI10" s="115">
        <v>196423</v>
      </c>
      <c r="GJ10" s="114">
        <v>0</v>
      </c>
      <c r="GK10" s="117">
        <v>158063</v>
      </c>
      <c r="GL10" s="117">
        <v>234251</v>
      </c>
      <c r="GM10" s="117">
        <v>188938</v>
      </c>
      <c r="GN10" s="117">
        <v>170619</v>
      </c>
      <c r="GO10" s="117">
        <v>204906</v>
      </c>
      <c r="GP10" s="116">
        <v>956777</v>
      </c>
      <c r="GQ10" s="119">
        <v>1153200</v>
      </c>
      <c r="GR10" s="113">
        <v>1022329</v>
      </c>
      <c r="GS10" s="117">
        <v>1585190</v>
      </c>
      <c r="GT10" s="116">
        <v>2607519</v>
      </c>
      <c r="GU10" s="113">
        <v>0</v>
      </c>
      <c r="GV10" s="117">
        <v>903560</v>
      </c>
      <c r="GW10" s="117">
        <v>1220347</v>
      </c>
      <c r="GX10" s="117">
        <v>631470</v>
      </c>
      <c r="GY10" s="117">
        <v>568400</v>
      </c>
      <c r="GZ10" s="117">
        <v>79730</v>
      </c>
      <c r="HA10" s="115">
        <v>3403507</v>
      </c>
      <c r="HB10" s="119">
        <v>6011026</v>
      </c>
      <c r="HC10" s="113">
        <v>4502481</v>
      </c>
      <c r="HD10" s="117">
        <v>7227792</v>
      </c>
      <c r="HE10" s="115">
        <v>11730273</v>
      </c>
      <c r="HF10" s="114">
        <v>0</v>
      </c>
      <c r="HG10" s="117">
        <v>35075755</v>
      </c>
      <c r="HH10" s="117">
        <v>51113859</v>
      </c>
      <c r="HI10" s="117">
        <v>43464390</v>
      </c>
      <c r="HJ10" s="117">
        <v>45861763</v>
      </c>
      <c r="HK10" s="117">
        <v>36080733</v>
      </c>
      <c r="HL10" s="116">
        <v>211596500</v>
      </c>
      <c r="HM10" s="112">
        <v>223326773</v>
      </c>
      <c r="HN10" s="373"/>
      <c r="HO10" s="374"/>
      <c r="HP10" s="375"/>
      <c r="HQ10" s="376"/>
      <c r="HR10" s="374"/>
      <c r="HS10" s="374"/>
      <c r="HT10" s="374"/>
      <c r="HU10" s="374"/>
      <c r="HV10" s="374"/>
      <c r="HW10" s="377"/>
      <c r="HX10" s="378"/>
      <c r="HY10" s="148">
        <v>355927</v>
      </c>
      <c r="HZ10" s="149">
        <v>326814</v>
      </c>
      <c r="IA10" s="150">
        <v>682741</v>
      </c>
      <c r="IB10" s="151">
        <v>0</v>
      </c>
      <c r="IC10" s="152">
        <v>20807765</v>
      </c>
      <c r="ID10" s="153">
        <v>30770073</v>
      </c>
      <c r="IE10" s="154">
        <v>33146082</v>
      </c>
      <c r="IF10" s="152">
        <v>23042093</v>
      </c>
      <c r="IG10" s="154">
        <v>15716237</v>
      </c>
      <c r="IH10" s="155">
        <v>123482250</v>
      </c>
      <c r="II10" s="156">
        <v>124164991</v>
      </c>
      <c r="IJ10" s="259">
        <v>0</v>
      </c>
      <c r="IK10" s="266">
        <v>0</v>
      </c>
      <c r="IL10" s="267">
        <v>0</v>
      </c>
      <c r="IM10" s="157"/>
      <c r="IN10" s="123">
        <v>415700</v>
      </c>
      <c r="IO10" s="123">
        <v>2511067</v>
      </c>
      <c r="IP10" s="123">
        <v>1116867</v>
      </c>
      <c r="IQ10" s="123">
        <v>1865875</v>
      </c>
      <c r="IR10" s="123">
        <v>713350</v>
      </c>
      <c r="IS10" s="158">
        <v>6622859</v>
      </c>
      <c r="IT10" s="360">
        <v>6622859</v>
      </c>
      <c r="IU10" s="159">
        <v>0</v>
      </c>
      <c r="IV10" s="123">
        <v>0</v>
      </c>
      <c r="IW10" s="124">
        <v>0</v>
      </c>
      <c r="IX10" s="161"/>
      <c r="IY10" s="123">
        <v>112458</v>
      </c>
      <c r="IZ10" s="123">
        <v>307956</v>
      </c>
      <c r="JA10" s="123">
        <v>668666</v>
      </c>
      <c r="JB10" s="123">
        <v>474970</v>
      </c>
      <c r="JC10" s="123">
        <v>861159</v>
      </c>
      <c r="JD10" s="124">
        <v>2425209</v>
      </c>
      <c r="JE10" s="125">
        <v>2425209</v>
      </c>
      <c r="JF10" s="159">
        <v>0</v>
      </c>
      <c r="JG10" s="123">
        <v>0</v>
      </c>
      <c r="JH10" s="158">
        <v>0</v>
      </c>
      <c r="JI10" s="122">
        <v>0</v>
      </c>
      <c r="JJ10" s="123">
        <v>9460609</v>
      </c>
      <c r="JK10" s="123">
        <v>11385707</v>
      </c>
      <c r="JL10" s="123">
        <v>8120240</v>
      </c>
      <c r="JM10" s="123">
        <v>5616963</v>
      </c>
      <c r="JN10" s="123">
        <v>2406339</v>
      </c>
      <c r="JO10" s="124">
        <v>36989858</v>
      </c>
      <c r="JP10" s="360">
        <v>36989858</v>
      </c>
      <c r="JQ10" s="159">
        <v>0</v>
      </c>
      <c r="JR10" s="123">
        <v>0</v>
      </c>
      <c r="JS10" s="158">
        <v>0</v>
      </c>
      <c r="JT10" s="122">
        <v>0</v>
      </c>
      <c r="JU10" s="123">
        <v>1525573</v>
      </c>
      <c r="JV10" s="123">
        <v>3975570</v>
      </c>
      <c r="JW10" s="123">
        <v>2954636</v>
      </c>
      <c r="JX10" s="123">
        <v>1441026</v>
      </c>
      <c r="JY10" s="123">
        <v>3670647</v>
      </c>
      <c r="JZ10" s="124">
        <v>13567452</v>
      </c>
      <c r="KA10" s="360">
        <v>13567452</v>
      </c>
      <c r="KB10" s="262">
        <v>355927</v>
      </c>
      <c r="KC10" s="256">
        <v>326814</v>
      </c>
      <c r="KD10" s="124">
        <v>682741</v>
      </c>
      <c r="KE10" s="122">
        <v>0</v>
      </c>
      <c r="KF10" s="123">
        <v>3104457</v>
      </c>
      <c r="KG10" s="123">
        <v>2512576</v>
      </c>
      <c r="KH10" s="123">
        <v>5534676</v>
      </c>
      <c r="KI10" s="123">
        <v>4104428</v>
      </c>
      <c r="KJ10" s="123">
        <v>1593109</v>
      </c>
      <c r="KK10" s="124">
        <v>16849246</v>
      </c>
      <c r="KL10" s="160">
        <v>17531987</v>
      </c>
      <c r="KM10" s="259">
        <v>0</v>
      </c>
      <c r="KN10" s="266">
        <v>0</v>
      </c>
      <c r="KO10" s="267">
        <v>0</v>
      </c>
      <c r="KP10" s="395"/>
      <c r="KQ10" s="123">
        <v>6035819</v>
      </c>
      <c r="KR10" s="123">
        <v>8839542</v>
      </c>
      <c r="KS10" s="123">
        <v>13418118</v>
      </c>
      <c r="KT10" s="123">
        <v>6780270</v>
      </c>
      <c r="KU10" s="123">
        <v>3111561</v>
      </c>
      <c r="KV10" s="124">
        <v>38185310</v>
      </c>
      <c r="KW10" s="360">
        <v>38185310</v>
      </c>
      <c r="KX10" s="159">
        <v>0</v>
      </c>
      <c r="KY10" s="123">
        <v>0</v>
      </c>
      <c r="KZ10" s="124">
        <v>0</v>
      </c>
      <c r="LA10" s="395"/>
      <c r="LB10" s="123">
        <v>0</v>
      </c>
      <c r="LC10" s="123">
        <v>0</v>
      </c>
      <c r="LD10" s="123">
        <v>0</v>
      </c>
      <c r="LE10" s="123">
        <v>0</v>
      </c>
      <c r="LF10" s="123">
        <v>0</v>
      </c>
      <c r="LG10" s="124">
        <v>0</v>
      </c>
      <c r="LH10" s="125">
        <v>0</v>
      </c>
      <c r="LI10" s="159">
        <v>0</v>
      </c>
      <c r="LJ10" s="123">
        <v>0</v>
      </c>
      <c r="LK10" s="124">
        <v>0</v>
      </c>
      <c r="LL10" s="395"/>
      <c r="LM10" s="123">
        <v>0</v>
      </c>
      <c r="LN10" s="123">
        <v>0</v>
      </c>
      <c r="LO10" s="123">
        <v>0</v>
      </c>
      <c r="LP10" s="123">
        <v>466342</v>
      </c>
      <c r="LQ10" s="123">
        <v>0</v>
      </c>
      <c r="LR10" s="124">
        <v>466342</v>
      </c>
      <c r="LS10" s="360">
        <v>466342</v>
      </c>
      <c r="LT10" s="159">
        <v>0</v>
      </c>
      <c r="LU10" s="123">
        <v>0</v>
      </c>
      <c r="LV10" s="124">
        <v>0</v>
      </c>
      <c r="LW10" s="395"/>
      <c r="LX10" s="123">
        <v>153149</v>
      </c>
      <c r="LY10" s="123">
        <v>1237655</v>
      </c>
      <c r="LZ10" s="123">
        <v>1332879</v>
      </c>
      <c r="MA10" s="123">
        <v>2292219</v>
      </c>
      <c r="MB10" s="123">
        <v>3360072</v>
      </c>
      <c r="MC10" s="124">
        <v>8375974</v>
      </c>
      <c r="MD10" s="125">
        <v>8375974</v>
      </c>
      <c r="ME10" s="159">
        <v>0</v>
      </c>
      <c r="MF10" s="123">
        <v>0</v>
      </c>
      <c r="MG10" s="124">
        <v>0</v>
      </c>
      <c r="MH10" s="395"/>
      <c r="MI10" s="123">
        <v>6422941</v>
      </c>
      <c r="MJ10" s="123">
        <v>20622808</v>
      </c>
      <c r="MK10" s="123">
        <v>48976239</v>
      </c>
      <c r="ML10" s="123">
        <v>72075695</v>
      </c>
      <c r="MM10" s="123">
        <v>55504752</v>
      </c>
      <c r="MN10" s="124">
        <v>203602435</v>
      </c>
      <c r="MO10" s="160">
        <v>203602435</v>
      </c>
      <c r="MP10" s="159">
        <v>0</v>
      </c>
      <c r="MQ10" s="123">
        <v>0</v>
      </c>
      <c r="MR10" s="124">
        <v>0</v>
      </c>
      <c r="MS10" s="395"/>
      <c r="MT10" s="123">
        <v>734781</v>
      </c>
      <c r="MU10" s="123">
        <v>4064420</v>
      </c>
      <c r="MV10" s="123">
        <v>24242051</v>
      </c>
      <c r="MW10" s="123">
        <v>39666066</v>
      </c>
      <c r="MX10" s="123">
        <v>33847944</v>
      </c>
      <c r="MY10" s="124">
        <v>102555262</v>
      </c>
      <c r="MZ10" s="160">
        <v>102555262</v>
      </c>
      <c r="NA10" s="159">
        <v>0</v>
      </c>
      <c r="NB10" s="123">
        <v>0</v>
      </c>
      <c r="NC10" s="124">
        <v>0</v>
      </c>
      <c r="ND10" s="395"/>
      <c r="NE10" s="123">
        <v>5688160</v>
      </c>
      <c r="NF10" s="123">
        <v>16330480</v>
      </c>
      <c r="NG10" s="123">
        <v>24240523</v>
      </c>
      <c r="NH10" s="123">
        <v>30240158</v>
      </c>
      <c r="NI10" s="123">
        <v>18792630</v>
      </c>
      <c r="NJ10" s="124">
        <v>95291951</v>
      </c>
      <c r="NK10" s="360">
        <v>95291951</v>
      </c>
      <c r="NL10" s="159">
        <v>0</v>
      </c>
      <c r="NM10" s="123">
        <v>0</v>
      </c>
      <c r="NN10" s="124">
        <v>0</v>
      </c>
      <c r="NO10" s="395"/>
      <c r="NP10" s="123">
        <v>0</v>
      </c>
      <c r="NQ10" s="123">
        <v>0</v>
      </c>
      <c r="NR10" s="123">
        <v>208583</v>
      </c>
      <c r="NS10" s="123">
        <v>1125932</v>
      </c>
      <c r="NT10" s="123">
        <v>1506455</v>
      </c>
      <c r="NU10" s="124">
        <v>2840970</v>
      </c>
      <c r="NV10" s="125">
        <v>2840970</v>
      </c>
      <c r="NW10" s="159">
        <v>0</v>
      </c>
      <c r="NX10" s="123">
        <v>0</v>
      </c>
      <c r="NY10" s="124">
        <v>0</v>
      </c>
      <c r="NZ10" s="395"/>
      <c r="OA10" s="123">
        <v>0</v>
      </c>
      <c r="OB10" s="123">
        <v>227908</v>
      </c>
      <c r="OC10" s="123">
        <v>285082</v>
      </c>
      <c r="OD10" s="123">
        <v>1043539</v>
      </c>
      <c r="OE10" s="123">
        <v>1357723</v>
      </c>
      <c r="OF10" s="124">
        <v>2914252</v>
      </c>
      <c r="OG10" s="125">
        <v>2914252</v>
      </c>
      <c r="OH10" s="159">
        <v>10952083</v>
      </c>
      <c r="OI10" s="123">
        <v>22874820</v>
      </c>
      <c r="OJ10" s="158">
        <v>33826903</v>
      </c>
      <c r="OK10" s="122">
        <v>0</v>
      </c>
      <c r="OL10" s="123">
        <v>121422855</v>
      </c>
      <c r="OM10" s="123">
        <v>219294629</v>
      </c>
      <c r="ON10" s="123">
        <v>207736679</v>
      </c>
      <c r="OO10" s="123">
        <v>216408056</v>
      </c>
      <c r="OP10" s="123">
        <v>175682774</v>
      </c>
      <c r="OQ10" s="124">
        <v>940544993</v>
      </c>
      <c r="OR10" s="160">
        <v>974371896</v>
      </c>
    </row>
    <row r="11" spans="1:408" ht="20.25" customHeight="1" x14ac:dyDescent="0.2">
      <c r="A11" s="130" t="s">
        <v>6</v>
      </c>
      <c r="B11" s="113">
        <v>3289126</v>
      </c>
      <c r="C11" s="117">
        <v>5562123</v>
      </c>
      <c r="D11" s="116">
        <v>8851249</v>
      </c>
      <c r="E11" s="112">
        <v>0</v>
      </c>
      <c r="F11" s="117">
        <v>42453123</v>
      </c>
      <c r="G11" s="117">
        <v>49702969</v>
      </c>
      <c r="H11" s="117">
        <v>44272982</v>
      </c>
      <c r="I11" s="117">
        <v>51892808</v>
      </c>
      <c r="J11" s="117">
        <v>40645763</v>
      </c>
      <c r="K11" s="112">
        <v>228967645</v>
      </c>
      <c r="L11" s="119">
        <v>237818894</v>
      </c>
      <c r="M11" s="113">
        <v>969776</v>
      </c>
      <c r="N11" s="117">
        <v>2413822</v>
      </c>
      <c r="O11" s="116">
        <v>3383598</v>
      </c>
      <c r="P11" s="113">
        <v>0</v>
      </c>
      <c r="Q11" s="117">
        <v>15476982</v>
      </c>
      <c r="R11" s="117">
        <v>17733512</v>
      </c>
      <c r="S11" s="117">
        <v>14979540</v>
      </c>
      <c r="T11" s="117">
        <v>17663449</v>
      </c>
      <c r="U11" s="117">
        <v>16297499</v>
      </c>
      <c r="V11" s="116">
        <v>82150982</v>
      </c>
      <c r="W11" s="119">
        <v>85534580</v>
      </c>
      <c r="X11" s="113">
        <v>0</v>
      </c>
      <c r="Y11" s="117">
        <v>0</v>
      </c>
      <c r="Z11" s="116">
        <v>0</v>
      </c>
      <c r="AA11" s="113">
        <v>0</v>
      </c>
      <c r="AB11" s="117">
        <v>6905101</v>
      </c>
      <c r="AC11" s="117">
        <v>8191088</v>
      </c>
      <c r="AD11" s="117">
        <v>6675151</v>
      </c>
      <c r="AE11" s="117">
        <v>9427694</v>
      </c>
      <c r="AF11" s="117">
        <v>8958937</v>
      </c>
      <c r="AG11" s="116">
        <v>40157971</v>
      </c>
      <c r="AH11" s="119">
        <v>40157971</v>
      </c>
      <c r="AI11" s="113">
        <v>0</v>
      </c>
      <c r="AJ11" s="117">
        <v>49809</v>
      </c>
      <c r="AK11" s="116">
        <v>49809</v>
      </c>
      <c r="AL11" s="113">
        <v>0</v>
      </c>
      <c r="AM11" s="117">
        <v>21047</v>
      </c>
      <c r="AN11" s="117">
        <v>138482</v>
      </c>
      <c r="AO11" s="117">
        <v>833840</v>
      </c>
      <c r="AP11" s="117">
        <v>1060324</v>
      </c>
      <c r="AQ11" s="117">
        <v>1672116</v>
      </c>
      <c r="AR11" s="116">
        <v>3725809</v>
      </c>
      <c r="AS11" s="119">
        <v>3775618</v>
      </c>
      <c r="AT11" s="113">
        <v>527804</v>
      </c>
      <c r="AU11" s="117">
        <v>1711950</v>
      </c>
      <c r="AV11" s="116">
        <v>2239754</v>
      </c>
      <c r="AW11" s="113">
        <v>0</v>
      </c>
      <c r="AX11" s="117">
        <v>5433923</v>
      </c>
      <c r="AY11" s="117">
        <v>5799444</v>
      </c>
      <c r="AZ11" s="117">
        <v>4478019</v>
      </c>
      <c r="BA11" s="117">
        <v>4005255</v>
      </c>
      <c r="BB11" s="117">
        <v>3140148</v>
      </c>
      <c r="BC11" s="116">
        <v>22856789</v>
      </c>
      <c r="BD11" s="119">
        <v>25096543</v>
      </c>
      <c r="BE11" s="113">
        <v>19984</v>
      </c>
      <c r="BF11" s="117">
        <v>111838</v>
      </c>
      <c r="BG11" s="115">
        <v>131822</v>
      </c>
      <c r="BH11" s="114">
        <v>0</v>
      </c>
      <c r="BI11" s="117">
        <v>658707</v>
      </c>
      <c r="BJ11" s="117">
        <v>623499</v>
      </c>
      <c r="BK11" s="117">
        <v>447169</v>
      </c>
      <c r="BL11" s="117">
        <v>347528</v>
      </c>
      <c r="BM11" s="117">
        <v>127922</v>
      </c>
      <c r="BN11" s="116">
        <v>2204825</v>
      </c>
      <c r="BO11" s="119">
        <v>2336647</v>
      </c>
      <c r="BP11" s="113">
        <v>421988</v>
      </c>
      <c r="BQ11" s="117">
        <v>540225</v>
      </c>
      <c r="BR11" s="116">
        <v>962213</v>
      </c>
      <c r="BS11" s="113">
        <v>0</v>
      </c>
      <c r="BT11" s="117">
        <v>2458204</v>
      </c>
      <c r="BU11" s="117">
        <v>2980999</v>
      </c>
      <c r="BV11" s="117">
        <v>2545361</v>
      </c>
      <c r="BW11" s="117">
        <v>2822648</v>
      </c>
      <c r="BX11" s="117">
        <v>2398376</v>
      </c>
      <c r="BY11" s="116">
        <v>13205588</v>
      </c>
      <c r="BZ11" s="119">
        <v>14167801</v>
      </c>
      <c r="CA11" s="113">
        <v>134050</v>
      </c>
      <c r="CB11" s="117">
        <v>282617</v>
      </c>
      <c r="CC11" s="116">
        <v>416667</v>
      </c>
      <c r="CD11" s="113">
        <v>0</v>
      </c>
      <c r="CE11" s="117">
        <v>11682346</v>
      </c>
      <c r="CF11" s="117">
        <v>11447638</v>
      </c>
      <c r="CG11" s="117">
        <v>7045778</v>
      </c>
      <c r="CH11" s="117">
        <v>7824616</v>
      </c>
      <c r="CI11" s="117">
        <v>3289491</v>
      </c>
      <c r="CJ11" s="116">
        <v>41289869</v>
      </c>
      <c r="CK11" s="119">
        <v>41706536</v>
      </c>
      <c r="CL11" s="113">
        <v>0</v>
      </c>
      <c r="CM11" s="117">
        <v>0</v>
      </c>
      <c r="CN11" s="116">
        <v>0</v>
      </c>
      <c r="CO11" s="114">
        <v>0</v>
      </c>
      <c r="CP11" s="117">
        <v>9834620</v>
      </c>
      <c r="CQ11" s="117">
        <v>8536385</v>
      </c>
      <c r="CR11" s="117">
        <v>5519794</v>
      </c>
      <c r="CS11" s="117">
        <v>5582299</v>
      </c>
      <c r="CT11" s="117">
        <v>2546239</v>
      </c>
      <c r="CU11" s="116">
        <v>32019337</v>
      </c>
      <c r="CV11" s="119">
        <v>32019337</v>
      </c>
      <c r="CW11" s="113">
        <v>134050</v>
      </c>
      <c r="CX11" s="117">
        <v>282617</v>
      </c>
      <c r="CY11" s="116">
        <v>416667</v>
      </c>
      <c r="CZ11" s="113">
        <v>0</v>
      </c>
      <c r="DA11" s="117">
        <v>1847726</v>
      </c>
      <c r="DB11" s="117">
        <v>2911253</v>
      </c>
      <c r="DC11" s="117">
        <v>1525984</v>
      </c>
      <c r="DD11" s="117">
        <v>2242317</v>
      </c>
      <c r="DE11" s="117">
        <v>743252</v>
      </c>
      <c r="DF11" s="116">
        <v>9270532</v>
      </c>
      <c r="DG11" s="119">
        <v>9687199</v>
      </c>
      <c r="DH11" s="113">
        <v>0</v>
      </c>
      <c r="DI11" s="117">
        <v>0</v>
      </c>
      <c r="DJ11" s="115">
        <v>0</v>
      </c>
      <c r="DK11" s="114">
        <v>0</v>
      </c>
      <c r="DL11" s="117">
        <v>865364</v>
      </c>
      <c r="DM11" s="117">
        <v>1913643</v>
      </c>
      <c r="DN11" s="117">
        <v>2861603</v>
      </c>
      <c r="DO11" s="117">
        <v>3116878</v>
      </c>
      <c r="DP11" s="117">
        <v>2180585</v>
      </c>
      <c r="DQ11" s="116">
        <v>10938073</v>
      </c>
      <c r="DR11" s="119">
        <v>10938073</v>
      </c>
      <c r="DS11" s="113">
        <v>0</v>
      </c>
      <c r="DT11" s="117">
        <v>0</v>
      </c>
      <c r="DU11" s="116">
        <v>0</v>
      </c>
      <c r="DV11" s="113">
        <v>0</v>
      </c>
      <c r="DW11" s="117">
        <v>710470</v>
      </c>
      <c r="DX11" s="117">
        <v>1697021</v>
      </c>
      <c r="DY11" s="117">
        <v>2568286</v>
      </c>
      <c r="DZ11" s="117">
        <v>2624478</v>
      </c>
      <c r="EA11" s="117">
        <v>1964143</v>
      </c>
      <c r="EB11" s="116">
        <v>9564398</v>
      </c>
      <c r="EC11" s="119">
        <v>9564398</v>
      </c>
      <c r="ED11" s="113">
        <v>0</v>
      </c>
      <c r="EE11" s="115">
        <v>0</v>
      </c>
      <c r="EF11" s="116">
        <v>0</v>
      </c>
      <c r="EG11" s="113">
        <v>0</v>
      </c>
      <c r="EH11" s="117">
        <v>154894</v>
      </c>
      <c r="EI11" s="117">
        <v>216622</v>
      </c>
      <c r="EJ11" s="117">
        <v>293317</v>
      </c>
      <c r="EK11" s="117">
        <v>492400</v>
      </c>
      <c r="EL11" s="117">
        <v>216442</v>
      </c>
      <c r="EM11" s="115">
        <v>1373675</v>
      </c>
      <c r="EN11" s="119">
        <v>1373675</v>
      </c>
      <c r="EO11" s="113">
        <v>0</v>
      </c>
      <c r="EP11" s="117">
        <v>0</v>
      </c>
      <c r="EQ11" s="115">
        <v>0</v>
      </c>
      <c r="ER11" s="114">
        <v>0</v>
      </c>
      <c r="ES11" s="117">
        <v>0</v>
      </c>
      <c r="ET11" s="117">
        <v>0</v>
      </c>
      <c r="EU11" s="117">
        <v>0</v>
      </c>
      <c r="EV11" s="117">
        <v>0</v>
      </c>
      <c r="EW11" s="117">
        <v>0</v>
      </c>
      <c r="EX11" s="116">
        <v>0</v>
      </c>
      <c r="EY11" s="119">
        <v>0</v>
      </c>
      <c r="EZ11" s="113">
        <v>0</v>
      </c>
      <c r="FA11" s="117">
        <v>0</v>
      </c>
      <c r="FB11" s="115">
        <v>0</v>
      </c>
      <c r="FC11" s="395"/>
      <c r="FD11" s="117">
        <v>0</v>
      </c>
      <c r="FE11" s="117">
        <v>0</v>
      </c>
      <c r="FF11" s="117">
        <v>0</v>
      </c>
      <c r="FG11" s="117">
        <v>0</v>
      </c>
      <c r="FH11" s="117">
        <v>0</v>
      </c>
      <c r="FI11" s="116">
        <v>0</v>
      </c>
      <c r="FJ11" s="119">
        <v>0</v>
      </c>
      <c r="FK11" s="113">
        <v>700626</v>
      </c>
      <c r="FL11" s="117">
        <v>889349</v>
      </c>
      <c r="FM11" s="116">
        <v>1589975</v>
      </c>
      <c r="FN11" s="113">
        <v>0</v>
      </c>
      <c r="FO11" s="117">
        <v>2118704</v>
      </c>
      <c r="FP11" s="117">
        <v>4235553</v>
      </c>
      <c r="FQ11" s="117">
        <v>3260354</v>
      </c>
      <c r="FR11" s="117">
        <v>3740578</v>
      </c>
      <c r="FS11" s="117">
        <v>1810914</v>
      </c>
      <c r="FT11" s="116">
        <v>15166103</v>
      </c>
      <c r="FU11" s="119">
        <v>16756078</v>
      </c>
      <c r="FV11" s="118">
        <v>355117</v>
      </c>
      <c r="FW11" s="117">
        <v>684939</v>
      </c>
      <c r="FX11" s="115">
        <v>1040056</v>
      </c>
      <c r="FY11" s="114">
        <v>0</v>
      </c>
      <c r="FZ11" s="117">
        <v>1635858</v>
      </c>
      <c r="GA11" s="117">
        <v>3746442</v>
      </c>
      <c r="GB11" s="117">
        <v>2954028</v>
      </c>
      <c r="GC11" s="117">
        <v>2934914</v>
      </c>
      <c r="GD11" s="117">
        <v>1810914</v>
      </c>
      <c r="GE11" s="116">
        <v>13082156</v>
      </c>
      <c r="GF11" s="357">
        <v>14122212</v>
      </c>
      <c r="GG11" s="118">
        <v>40708</v>
      </c>
      <c r="GH11" s="117">
        <v>132310</v>
      </c>
      <c r="GI11" s="115">
        <v>173018</v>
      </c>
      <c r="GJ11" s="114">
        <v>0</v>
      </c>
      <c r="GK11" s="117">
        <v>120505</v>
      </c>
      <c r="GL11" s="117">
        <v>103698</v>
      </c>
      <c r="GM11" s="117">
        <v>51064</v>
      </c>
      <c r="GN11" s="117">
        <v>407364</v>
      </c>
      <c r="GO11" s="117">
        <v>0</v>
      </c>
      <c r="GP11" s="116">
        <v>682631</v>
      </c>
      <c r="GQ11" s="119">
        <v>855649</v>
      </c>
      <c r="GR11" s="113">
        <v>304801</v>
      </c>
      <c r="GS11" s="117">
        <v>72100</v>
      </c>
      <c r="GT11" s="116">
        <v>376901</v>
      </c>
      <c r="GU11" s="113">
        <v>0</v>
      </c>
      <c r="GV11" s="117">
        <v>362341</v>
      </c>
      <c r="GW11" s="117">
        <v>385413</v>
      </c>
      <c r="GX11" s="117">
        <v>255262</v>
      </c>
      <c r="GY11" s="117">
        <v>398300</v>
      </c>
      <c r="GZ11" s="117">
        <v>0</v>
      </c>
      <c r="HA11" s="115">
        <v>1401316</v>
      </c>
      <c r="HB11" s="119">
        <v>1778217</v>
      </c>
      <c r="HC11" s="113">
        <v>1484674</v>
      </c>
      <c r="HD11" s="117">
        <v>1976335</v>
      </c>
      <c r="HE11" s="115">
        <v>3461009</v>
      </c>
      <c r="HF11" s="114">
        <v>0</v>
      </c>
      <c r="HG11" s="117">
        <v>12309727</v>
      </c>
      <c r="HH11" s="117">
        <v>14372623</v>
      </c>
      <c r="HI11" s="117">
        <v>16125707</v>
      </c>
      <c r="HJ11" s="117">
        <v>19547287</v>
      </c>
      <c r="HK11" s="117">
        <v>17067274</v>
      </c>
      <c r="HL11" s="116">
        <v>79422618</v>
      </c>
      <c r="HM11" s="112">
        <v>82883627</v>
      </c>
      <c r="HN11" s="373"/>
      <c r="HO11" s="374"/>
      <c r="HP11" s="375"/>
      <c r="HQ11" s="376"/>
      <c r="HR11" s="374"/>
      <c r="HS11" s="374"/>
      <c r="HT11" s="374"/>
      <c r="HU11" s="374"/>
      <c r="HV11" s="374"/>
      <c r="HW11" s="377"/>
      <c r="HX11" s="378"/>
      <c r="HY11" s="148">
        <v>70729</v>
      </c>
      <c r="HZ11" s="149">
        <v>262018</v>
      </c>
      <c r="IA11" s="150">
        <v>332747</v>
      </c>
      <c r="IB11" s="162">
        <v>0</v>
      </c>
      <c r="IC11" s="149">
        <v>11433262</v>
      </c>
      <c r="ID11" s="163">
        <v>15074236</v>
      </c>
      <c r="IE11" s="150">
        <v>15400506</v>
      </c>
      <c r="IF11" s="149">
        <v>11284017</v>
      </c>
      <c r="IG11" s="150">
        <v>7332658</v>
      </c>
      <c r="IH11" s="164">
        <v>60524679</v>
      </c>
      <c r="II11" s="156">
        <v>60857426</v>
      </c>
      <c r="IJ11" s="259">
        <v>0</v>
      </c>
      <c r="IK11" s="266">
        <v>0</v>
      </c>
      <c r="IL11" s="267">
        <v>0</v>
      </c>
      <c r="IM11" s="157"/>
      <c r="IN11" s="123">
        <v>614509</v>
      </c>
      <c r="IO11" s="123">
        <v>632592</v>
      </c>
      <c r="IP11" s="123">
        <v>328436</v>
      </c>
      <c r="IQ11" s="123">
        <v>1426343</v>
      </c>
      <c r="IR11" s="123">
        <v>1286247</v>
      </c>
      <c r="IS11" s="158">
        <v>4288127</v>
      </c>
      <c r="IT11" s="360">
        <v>4288127</v>
      </c>
      <c r="IU11" s="159">
        <v>0</v>
      </c>
      <c r="IV11" s="123">
        <v>0</v>
      </c>
      <c r="IW11" s="124">
        <v>0</v>
      </c>
      <c r="IX11" s="161"/>
      <c r="IY11" s="123">
        <v>0</v>
      </c>
      <c r="IZ11" s="123">
        <v>60292</v>
      </c>
      <c r="JA11" s="123">
        <v>120264</v>
      </c>
      <c r="JB11" s="123">
        <v>101622</v>
      </c>
      <c r="JC11" s="123">
        <v>496523</v>
      </c>
      <c r="JD11" s="124">
        <v>778701</v>
      </c>
      <c r="JE11" s="125">
        <v>778701</v>
      </c>
      <c r="JF11" s="159">
        <v>0</v>
      </c>
      <c r="JG11" s="123">
        <v>0</v>
      </c>
      <c r="JH11" s="158">
        <v>0</v>
      </c>
      <c r="JI11" s="122">
        <v>0</v>
      </c>
      <c r="JJ11" s="123">
        <v>4692520</v>
      </c>
      <c r="JK11" s="123">
        <v>3265158</v>
      </c>
      <c r="JL11" s="123">
        <v>2823460</v>
      </c>
      <c r="JM11" s="123">
        <v>1561091</v>
      </c>
      <c r="JN11" s="123">
        <v>1329761</v>
      </c>
      <c r="JO11" s="124">
        <v>13671990</v>
      </c>
      <c r="JP11" s="360">
        <v>13671990</v>
      </c>
      <c r="JQ11" s="159">
        <v>0</v>
      </c>
      <c r="JR11" s="123">
        <v>0</v>
      </c>
      <c r="JS11" s="158">
        <v>0</v>
      </c>
      <c r="JT11" s="122">
        <v>0</v>
      </c>
      <c r="JU11" s="123">
        <v>689621</v>
      </c>
      <c r="JV11" s="123">
        <v>1652818</v>
      </c>
      <c r="JW11" s="123">
        <v>1642300</v>
      </c>
      <c r="JX11" s="123">
        <v>606770</v>
      </c>
      <c r="JY11" s="123">
        <v>472501</v>
      </c>
      <c r="JZ11" s="124">
        <v>5064010</v>
      </c>
      <c r="KA11" s="360">
        <v>5064010</v>
      </c>
      <c r="KB11" s="262">
        <v>70729</v>
      </c>
      <c r="KC11" s="256">
        <v>262018</v>
      </c>
      <c r="KD11" s="124">
        <v>332747</v>
      </c>
      <c r="KE11" s="122">
        <v>0</v>
      </c>
      <c r="KF11" s="123">
        <v>1367449</v>
      </c>
      <c r="KG11" s="123">
        <v>1218160</v>
      </c>
      <c r="KH11" s="123">
        <v>1806788</v>
      </c>
      <c r="KI11" s="123">
        <v>1154976</v>
      </c>
      <c r="KJ11" s="123">
        <v>241145</v>
      </c>
      <c r="KK11" s="124">
        <v>5788518</v>
      </c>
      <c r="KL11" s="160">
        <v>6121265</v>
      </c>
      <c r="KM11" s="259">
        <v>0</v>
      </c>
      <c r="KN11" s="266">
        <v>0</v>
      </c>
      <c r="KO11" s="267">
        <v>0</v>
      </c>
      <c r="KP11" s="395"/>
      <c r="KQ11" s="123">
        <v>3587842</v>
      </c>
      <c r="KR11" s="123">
        <v>6414795</v>
      </c>
      <c r="KS11" s="123">
        <v>6190481</v>
      </c>
      <c r="KT11" s="123">
        <v>2788123</v>
      </c>
      <c r="KU11" s="123">
        <v>2637595</v>
      </c>
      <c r="KV11" s="124">
        <v>21618836</v>
      </c>
      <c r="KW11" s="360">
        <v>21618836</v>
      </c>
      <c r="KX11" s="159">
        <v>0</v>
      </c>
      <c r="KY11" s="123">
        <v>0</v>
      </c>
      <c r="KZ11" s="124">
        <v>0</v>
      </c>
      <c r="LA11" s="395"/>
      <c r="LB11" s="123">
        <v>0</v>
      </c>
      <c r="LC11" s="123">
        <v>0</v>
      </c>
      <c r="LD11" s="123">
        <v>0</v>
      </c>
      <c r="LE11" s="123">
        <v>0</v>
      </c>
      <c r="LF11" s="123">
        <v>0</v>
      </c>
      <c r="LG11" s="124">
        <v>0</v>
      </c>
      <c r="LH11" s="125">
        <v>0</v>
      </c>
      <c r="LI11" s="159">
        <v>0</v>
      </c>
      <c r="LJ11" s="123">
        <v>0</v>
      </c>
      <c r="LK11" s="124">
        <v>0</v>
      </c>
      <c r="LL11" s="395"/>
      <c r="LM11" s="123">
        <v>187810</v>
      </c>
      <c r="LN11" s="123">
        <v>0</v>
      </c>
      <c r="LO11" s="123">
        <v>1163094</v>
      </c>
      <c r="LP11" s="123">
        <v>2017513</v>
      </c>
      <c r="LQ11" s="123">
        <v>286202</v>
      </c>
      <c r="LR11" s="124">
        <v>3654619</v>
      </c>
      <c r="LS11" s="360">
        <v>3654619</v>
      </c>
      <c r="LT11" s="159">
        <v>0</v>
      </c>
      <c r="LU11" s="123">
        <v>0</v>
      </c>
      <c r="LV11" s="124">
        <v>0</v>
      </c>
      <c r="LW11" s="395"/>
      <c r="LX11" s="123">
        <v>293511</v>
      </c>
      <c r="LY11" s="123">
        <v>1830421</v>
      </c>
      <c r="LZ11" s="123">
        <v>1325683</v>
      </c>
      <c r="MA11" s="123">
        <v>1627579</v>
      </c>
      <c r="MB11" s="123">
        <v>582684</v>
      </c>
      <c r="MC11" s="124">
        <v>5659878</v>
      </c>
      <c r="MD11" s="125">
        <v>5659878</v>
      </c>
      <c r="ME11" s="159">
        <v>0</v>
      </c>
      <c r="MF11" s="123">
        <v>0</v>
      </c>
      <c r="MG11" s="124">
        <v>0</v>
      </c>
      <c r="MH11" s="395"/>
      <c r="MI11" s="123">
        <v>1701721</v>
      </c>
      <c r="MJ11" s="123">
        <v>5652053</v>
      </c>
      <c r="MK11" s="123">
        <v>11149849</v>
      </c>
      <c r="ML11" s="123">
        <v>23018186</v>
      </c>
      <c r="MM11" s="123">
        <v>15479174</v>
      </c>
      <c r="MN11" s="124">
        <v>57000983</v>
      </c>
      <c r="MO11" s="160">
        <v>57000983</v>
      </c>
      <c r="MP11" s="159">
        <v>0</v>
      </c>
      <c r="MQ11" s="123">
        <v>0</v>
      </c>
      <c r="MR11" s="124">
        <v>0</v>
      </c>
      <c r="MS11" s="395"/>
      <c r="MT11" s="123">
        <v>0</v>
      </c>
      <c r="MU11" s="123">
        <v>1549887</v>
      </c>
      <c r="MV11" s="123">
        <v>5646943</v>
      </c>
      <c r="MW11" s="123">
        <v>9573476</v>
      </c>
      <c r="MX11" s="123">
        <v>8077141</v>
      </c>
      <c r="MY11" s="124">
        <v>24847447</v>
      </c>
      <c r="MZ11" s="160">
        <v>24847447</v>
      </c>
      <c r="NA11" s="159">
        <v>0</v>
      </c>
      <c r="NB11" s="123">
        <v>0</v>
      </c>
      <c r="NC11" s="124">
        <v>0</v>
      </c>
      <c r="ND11" s="395"/>
      <c r="NE11" s="123">
        <v>1701721</v>
      </c>
      <c r="NF11" s="123">
        <v>4102166</v>
      </c>
      <c r="NG11" s="123">
        <v>4688111</v>
      </c>
      <c r="NH11" s="123">
        <v>10668596</v>
      </c>
      <c r="NI11" s="123">
        <v>4291840</v>
      </c>
      <c r="NJ11" s="124">
        <v>25452434</v>
      </c>
      <c r="NK11" s="360">
        <v>25452434</v>
      </c>
      <c r="NL11" s="159">
        <v>0</v>
      </c>
      <c r="NM11" s="123">
        <v>0</v>
      </c>
      <c r="NN11" s="124">
        <v>0</v>
      </c>
      <c r="NO11" s="395"/>
      <c r="NP11" s="123">
        <v>0</v>
      </c>
      <c r="NQ11" s="123">
        <v>0</v>
      </c>
      <c r="NR11" s="123">
        <v>255467</v>
      </c>
      <c r="NS11" s="123">
        <v>2465606</v>
      </c>
      <c r="NT11" s="123">
        <v>2823084</v>
      </c>
      <c r="NU11" s="124">
        <v>5544157</v>
      </c>
      <c r="NV11" s="125">
        <v>5544157</v>
      </c>
      <c r="NW11" s="159">
        <v>0</v>
      </c>
      <c r="NX11" s="123">
        <v>0</v>
      </c>
      <c r="NY11" s="124">
        <v>0</v>
      </c>
      <c r="NZ11" s="395"/>
      <c r="OA11" s="123">
        <v>0</v>
      </c>
      <c r="OB11" s="123">
        <v>0</v>
      </c>
      <c r="OC11" s="123">
        <v>559328</v>
      </c>
      <c r="OD11" s="123">
        <v>310508</v>
      </c>
      <c r="OE11" s="123">
        <v>287109</v>
      </c>
      <c r="OF11" s="124">
        <v>1156945</v>
      </c>
      <c r="OG11" s="125">
        <v>1156945</v>
      </c>
      <c r="OH11" s="159">
        <v>3359855</v>
      </c>
      <c r="OI11" s="123">
        <v>5824141</v>
      </c>
      <c r="OJ11" s="158">
        <v>9183996</v>
      </c>
      <c r="OK11" s="122">
        <v>0</v>
      </c>
      <c r="OL11" s="123">
        <v>55588106</v>
      </c>
      <c r="OM11" s="123">
        <v>70429258</v>
      </c>
      <c r="ON11" s="123">
        <v>70823337</v>
      </c>
      <c r="OO11" s="123">
        <v>86195011</v>
      </c>
      <c r="OP11" s="123">
        <v>63457595</v>
      </c>
      <c r="OQ11" s="124">
        <v>346493307</v>
      </c>
      <c r="OR11" s="160">
        <v>355677303</v>
      </c>
    </row>
    <row r="12" spans="1:408" ht="20.25" customHeight="1" x14ac:dyDescent="0.2">
      <c r="A12" s="130" t="s">
        <v>14</v>
      </c>
      <c r="B12" s="113">
        <v>1195107</v>
      </c>
      <c r="C12" s="117">
        <v>2773415</v>
      </c>
      <c r="D12" s="116">
        <v>3968522</v>
      </c>
      <c r="E12" s="112">
        <v>0</v>
      </c>
      <c r="F12" s="117">
        <v>11893598</v>
      </c>
      <c r="G12" s="117">
        <v>16577378</v>
      </c>
      <c r="H12" s="117">
        <v>17963562</v>
      </c>
      <c r="I12" s="117">
        <v>19202564</v>
      </c>
      <c r="J12" s="117">
        <v>12038553</v>
      </c>
      <c r="K12" s="115">
        <v>77675655</v>
      </c>
      <c r="L12" s="119">
        <v>81644177</v>
      </c>
      <c r="M12" s="113">
        <v>279235</v>
      </c>
      <c r="N12" s="117">
        <v>889322</v>
      </c>
      <c r="O12" s="116">
        <v>1168557</v>
      </c>
      <c r="P12" s="113">
        <v>0</v>
      </c>
      <c r="Q12" s="117">
        <v>3680160</v>
      </c>
      <c r="R12" s="117">
        <v>4466370</v>
      </c>
      <c r="S12" s="117">
        <v>5891098</v>
      </c>
      <c r="T12" s="117">
        <v>6339947</v>
      </c>
      <c r="U12" s="117">
        <v>5165127</v>
      </c>
      <c r="V12" s="116">
        <v>25542702</v>
      </c>
      <c r="W12" s="119">
        <v>26711259</v>
      </c>
      <c r="X12" s="113">
        <v>0</v>
      </c>
      <c r="Y12" s="117">
        <v>0</v>
      </c>
      <c r="Z12" s="116">
        <v>0</v>
      </c>
      <c r="AA12" s="113">
        <v>0</v>
      </c>
      <c r="AB12" s="117">
        <v>1557412</v>
      </c>
      <c r="AC12" s="117">
        <v>2040868</v>
      </c>
      <c r="AD12" s="117">
        <v>2940766</v>
      </c>
      <c r="AE12" s="117">
        <v>2809057</v>
      </c>
      <c r="AF12" s="117">
        <v>2552273</v>
      </c>
      <c r="AG12" s="116">
        <v>11900376</v>
      </c>
      <c r="AH12" s="119">
        <v>11900376</v>
      </c>
      <c r="AI12" s="113">
        <v>0</v>
      </c>
      <c r="AJ12" s="117">
        <v>0</v>
      </c>
      <c r="AK12" s="116">
        <v>0</v>
      </c>
      <c r="AL12" s="113">
        <v>0</v>
      </c>
      <c r="AM12" s="117">
        <v>19492</v>
      </c>
      <c r="AN12" s="117">
        <v>0</v>
      </c>
      <c r="AO12" s="117">
        <v>123370</v>
      </c>
      <c r="AP12" s="117">
        <v>535196</v>
      </c>
      <c r="AQ12" s="117">
        <v>886476</v>
      </c>
      <c r="AR12" s="116">
        <v>1564534</v>
      </c>
      <c r="AS12" s="119">
        <v>1564534</v>
      </c>
      <c r="AT12" s="113">
        <v>98257</v>
      </c>
      <c r="AU12" s="117">
        <v>578262</v>
      </c>
      <c r="AV12" s="116">
        <v>676519</v>
      </c>
      <c r="AW12" s="113">
        <v>0</v>
      </c>
      <c r="AX12" s="117">
        <v>1361986</v>
      </c>
      <c r="AY12" s="117">
        <v>1663560</v>
      </c>
      <c r="AZ12" s="117">
        <v>1670921</v>
      </c>
      <c r="BA12" s="117">
        <v>1897906</v>
      </c>
      <c r="BB12" s="117">
        <v>1032699</v>
      </c>
      <c r="BC12" s="116">
        <v>7627072</v>
      </c>
      <c r="BD12" s="119">
        <v>8303591</v>
      </c>
      <c r="BE12" s="113">
        <v>0</v>
      </c>
      <c r="BF12" s="117">
        <v>71730</v>
      </c>
      <c r="BG12" s="115">
        <v>71730</v>
      </c>
      <c r="BH12" s="114">
        <v>0</v>
      </c>
      <c r="BI12" s="117">
        <v>17435</v>
      </c>
      <c r="BJ12" s="117">
        <v>151696</v>
      </c>
      <c r="BK12" s="117">
        <v>159626</v>
      </c>
      <c r="BL12" s="117">
        <v>73960</v>
      </c>
      <c r="BM12" s="117">
        <v>14560</v>
      </c>
      <c r="BN12" s="116">
        <v>417277</v>
      </c>
      <c r="BO12" s="119">
        <v>489007</v>
      </c>
      <c r="BP12" s="113">
        <v>180978</v>
      </c>
      <c r="BQ12" s="117">
        <v>239330</v>
      </c>
      <c r="BR12" s="116">
        <v>420308</v>
      </c>
      <c r="BS12" s="113">
        <v>0</v>
      </c>
      <c r="BT12" s="117">
        <v>723835</v>
      </c>
      <c r="BU12" s="117">
        <v>610246</v>
      </c>
      <c r="BV12" s="117">
        <v>996415</v>
      </c>
      <c r="BW12" s="117">
        <v>1023828</v>
      </c>
      <c r="BX12" s="117">
        <v>679119</v>
      </c>
      <c r="BY12" s="116">
        <v>4033443</v>
      </c>
      <c r="BZ12" s="119">
        <v>4453751</v>
      </c>
      <c r="CA12" s="113">
        <v>53775</v>
      </c>
      <c r="CB12" s="117">
        <v>201738</v>
      </c>
      <c r="CC12" s="116">
        <v>255513</v>
      </c>
      <c r="CD12" s="113">
        <v>0</v>
      </c>
      <c r="CE12" s="117">
        <v>4284842</v>
      </c>
      <c r="CF12" s="117">
        <v>4996773</v>
      </c>
      <c r="CG12" s="117">
        <v>4153020</v>
      </c>
      <c r="CH12" s="117">
        <v>3370069</v>
      </c>
      <c r="CI12" s="117">
        <v>1472345</v>
      </c>
      <c r="CJ12" s="116">
        <v>18277049</v>
      </c>
      <c r="CK12" s="119">
        <v>18532562</v>
      </c>
      <c r="CL12" s="113">
        <v>0</v>
      </c>
      <c r="CM12" s="117">
        <v>0</v>
      </c>
      <c r="CN12" s="116">
        <v>0</v>
      </c>
      <c r="CO12" s="114">
        <v>0</v>
      </c>
      <c r="CP12" s="117">
        <v>4092896</v>
      </c>
      <c r="CQ12" s="117">
        <v>4175888</v>
      </c>
      <c r="CR12" s="117">
        <v>3421134</v>
      </c>
      <c r="CS12" s="117">
        <v>2427847</v>
      </c>
      <c r="CT12" s="117">
        <v>1333994</v>
      </c>
      <c r="CU12" s="116">
        <v>15451759</v>
      </c>
      <c r="CV12" s="119">
        <v>15451759</v>
      </c>
      <c r="CW12" s="113">
        <v>53775</v>
      </c>
      <c r="CX12" s="117">
        <v>201738</v>
      </c>
      <c r="CY12" s="116">
        <v>255513</v>
      </c>
      <c r="CZ12" s="113">
        <v>0</v>
      </c>
      <c r="DA12" s="117">
        <v>191946</v>
      </c>
      <c r="DB12" s="117">
        <v>820885</v>
      </c>
      <c r="DC12" s="117">
        <v>731886</v>
      </c>
      <c r="DD12" s="117">
        <v>942222</v>
      </c>
      <c r="DE12" s="117">
        <v>138351</v>
      </c>
      <c r="DF12" s="116">
        <v>2825290</v>
      </c>
      <c r="DG12" s="119">
        <v>3080803</v>
      </c>
      <c r="DH12" s="113">
        <v>0</v>
      </c>
      <c r="DI12" s="117">
        <v>86902</v>
      </c>
      <c r="DJ12" s="115">
        <v>86902</v>
      </c>
      <c r="DK12" s="114">
        <v>0</v>
      </c>
      <c r="DL12" s="117">
        <v>211882</v>
      </c>
      <c r="DM12" s="117">
        <v>980031</v>
      </c>
      <c r="DN12" s="117">
        <v>1339992</v>
      </c>
      <c r="DO12" s="117">
        <v>2277981</v>
      </c>
      <c r="DP12" s="117">
        <v>1012722</v>
      </c>
      <c r="DQ12" s="116">
        <v>5822608</v>
      </c>
      <c r="DR12" s="119">
        <v>5909510</v>
      </c>
      <c r="DS12" s="113">
        <v>0</v>
      </c>
      <c r="DT12" s="117">
        <v>86902</v>
      </c>
      <c r="DU12" s="116">
        <v>86902</v>
      </c>
      <c r="DV12" s="113">
        <v>0</v>
      </c>
      <c r="DW12" s="117">
        <v>211882</v>
      </c>
      <c r="DX12" s="117">
        <v>878067</v>
      </c>
      <c r="DY12" s="117">
        <v>1272138</v>
      </c>
      <c r="DZ12" s="117">
        <v>1862454</v>
      </c>
      <c r="EA12" s="117">
        <v>1012722</v>
      </c>
      <c r="EB12" s="116">
        <v>5237263</v>
      </c>
      <c r="EC12" s="119">
        <v>5324165</v>
      </c>
      <c r="ED12" s="113">
        <v>0</v>
      </c>
      <c r="EE12" s="115">
        <v>0</v>
      </c>
      <c r="EF12" s="116">
        <v>0</v>
      </c>
      <c r="EG12" s="113">
        <v>0</v>
      </c>
      <c r="EH12" s="117">
        <v>0</v>
      </c>
      <c r="EI12" s="117">
        <v>101964</v>
      </c>
      <c r="EJ12" s="117">
        <v>67854</v>
      </c>
      <c r="EK12" s="117">
        <v>415527</v>
      </c>
      <c r="EL12" s="117">
        <v>0</v>
      </c>
      <c r="EM12" s="115">
        <v>585345</v>
      </c>
      <c r="EN12" s="119">
        <v>585345</v>
      </c>
      <c r="EO12" s="113">
        <v>0</v>
      </c>
      <c r="EP12" s="117">
        <v>0</v>
      </c>
      <c r="EQ12" s="115">
        <v>0</v>
      </c>
      <c r="ER12" s="114">
        <v>0</v>
      </c>
      <c r="ES12" s="117">
        <v>0</v>
      </c>
      <c r="ET12" s="117">
        <v>0</v>
      </c>
      <c r="EU12" s="117">
        <v>0</v>
      </c>
      <c r="EV12" s="117">
        <v>0</v>
      </c>
      <c r="EW12" s="117">
        <v>0</v>
      </c>
      <c r="EX12" s="116">
        <v>0</v>
      </c>
      <c r="EY12" s="119">
        <v>0</v>
      </c>
      <c r="EZ12" s="113">
        <v>0</v>
      </c>
      <c r="FA12" s="117">
        <v>0</v>
      </c>
      <c r="FB12" s="115">
        <v>0</v>
      </c>
      <c r="FC12" s="395"/>
      <c r="FD12" s="117">
        <v>0</v>
      </c>
      <c r="FE12" s="117">
        <v>0</v>
      </c>
      <c r="FF12" s="117">
        <v>0</v>
      </c>
      <c r="FG12" s="117">
        <v>0</v>
      </c>
      <c r="FH12" s="117">
        <v>0</v>
      </c>
      <c r="FI12" s="116">
        <v>0</v>
      </c>
      <c r="FJ12" s="119">
        <v>0</v>
      </c>
      <c r="FK12" s="113">
        <v>361478</v>
      </c>
      <c r="FL12" s="117">
        <v>425040</v>
      </c>
      <c r="FM12" s="116">
        <v>786518</v>
      </c>
      <c r="FN12" s="113">
        <v>0</v>
      </c>
      <c r="FO12" s="117">
        <v>493776</v>
      </c>
      <c r="FP12" s="117">
        <v>1862179</v>
      </c>
      <c r="FQ12" s="117">
        <v>1408232</v>
      </c>
      <c r="FR12" s="117">
        <v>1664991</v>
      </c>
      <c r="FS12" s="117">
        <v>1082578</v>
      </c>
      <c r="FT12" s="116">
        <v>6511756</v>
      </c>
      <c r="FU12" s="119">
        <v>7298274</v>
      </c>
      <c r="FV12" s="118">
        <v>119819</v>
      </c>
      <c r="FW12" s="117">
        <v>413140</v>
      </c>
      <c r="FX12" s="115">
        <v>532959</v>
      </c>
      <c r="FY12" s="114">
        <v>0</v>
      </c>
      <c r="FZ12" s="117">
        <v>444024</v>
      </c>
      <c r="GA12" s="117">
        <v>1722224</v>
      </c>
      <c r="GB12" s="117">
        <v>1246245</v>
      </c>
      <c r="GC12" s="117">
        <v>1464959</v>
      </c>
      <c r="GD12" s="117">
        <v>1019746</v>
      </c>
      <c r="GE12" s="116">
        <v>5897198</v>
      </c>
      <c r="GF12" s="357">
        <v>6430157</v>
      </c>
      <c r="GG12" s="118">
        <v>77369</v>
      </c>
      <c r="GH12" s="117">
        <v>11900</v>
      </c>
      <c r="GI12" s="115">
        <v>89269</v>
      </c>
      <c r="GJ12" s="114">
        <v>0</v>
      </c>
      <c r="GK12" s="117">
        <v>49752</v>
      </c>
      <c r="GL12" s="117">
        <v>26625</v>
      </c>
      <c r="GM12" s="117">
        <v>21588</v>
      </c>
      <c r="GN12" s="117">
        <v>16632</v>
      </c>
      <c r="GO12" s="117">
        <v>62832</v>
      </c>
      <c r="GP12" s="116">
        <v>177429</v>
      </c>
      <c r="GQ12" s="119">
        <v>266698</v>
      </c>
      <c r="GR12" s="113">
        <v>164290</v>
      </c>
      <c r="GS12" s="117">
        <v>0</v>
      </c>
      <c r="GT12" s="116">
        <v>164290</v>
      </c>
      <c r="GU12" s="113">
        <v>0</v>
      </c>
      <c r="GV12" s="117">
        <v>0</v>
      </c>
      <c r="GW12" s="117">
        <v>113330</v>
      </c>
      <c r="GX12" s="117">
        <v>140399</v>
      </c>
      <c r="GY12" s="117">
        <v>183400</v>
      </c>
      <c r="GZ12" s="117">
        <v>0</v>
      </c>
      <c r="HA12" s="115">
        <v>437129</v>
      </c>
      <c r="HB12" s="119">
        <v>601419</v>
      </c>
      <c r="HC12" s="113">
        <v>500619</v>
      </c>
      <c r="HD12" s="117">
        <v>1170413</v>
      </c>
      <c r="HE12" s="115">
        <v>1671032</v>
      </c>
      <c r="HF12" s="114">
        <v>0</v>
      </c>
      <c r="HG12" s="117">
        <v>3222938</v>
      </c>
      <c r="HH12" s="117">
        <v>4272025</v>
      </c>
      <c r="HI12" s="117">
        <v>5171220</v>
      </c>
      <c r="HJ12" s="117">
        <v>5549576</v>
      </c>
      <c r="HK12" s="117">
        <v>3305781</v>
      </c>
      <c r="HL12" s="116">
        <v>21521540</v>
      </c>
      <c r="HM12" s="112">
        <v>23192572</v>
      </c>
      <c r="HN12" s="373"/>
      <c r="HO12" s="374"/>
      <c r="HP12" s="375"/>
      <c r="HQ12" s="376"/>
      <c r="HR12" s="374"/>
      <c r="HS12" s="374"/>
      <c r="HT12" s="374"/>
      <c r="HU12" s="374"/>
      <c r="HV12" s="374"/>
      <c r="HW12" s="377"/>
      <c r="HX12" s="378"/>
      <c r="HY12" s="148">
        <v>37227</v>
      </c>
      <c r="HZ12" s="149">
        <v>0</v>
      </c>
      <c r="IA12" s="150">
        <v>37227</v>
      </c>
      <c r="IB12" s="151">
        <v>0</v>
      </c>
      <c r="IC12" s="152">
        <v>3960054</v>
      </c>
      <c r="ID12" s="153">
        <v>5372167</v>
      </c>
      <c r="IE12" s="154">
        <v>4237989</v>
      </c>
      <c r="IF12" s="152">
        <v>3101942</v>
      </c>
      <c r="IG12" s="154">
        <v>1814189</v>
      </c>
      <c r="IH12" s="155">
        <v>18486341</v>
      </c>
      <c r="II12" s="156">
        <v>18523568</v>
      </c>
      <c r="IJ12" s="259">
        <v>0</v>
      </c>
      <c r="IK12" s="266">
        <v>0</v>
      </c>
      <c r="IL12" s="267">
        <v>0</v>
      </c>
      <c r="IM12" s="157"/>
      <c r="IN12" s="123">
        <v>0</v>
      </c>
      <c r="IO12" s="123">
        <v>108523</v>
      </c>
      <c r="IP12" s="123">
        <v>169667</v>
      </c>
      <c r="IQ12" s="123">
        <v>340427</v>
      </c>
      <c r="IR12" s="123">
        <v>609042</v>
      </c>
      <c r="IS12" s="158">
        <v>1227659</v>
      </c>
      <c r="IT12" s="360">
        <v>1227659</v>
      </c>
      <c r="IU12" s="159">
        <v>0</v>
      </c>
      <c r="IV12" s="123">
        <v>0</v>
      </c>
      <c r="IW12" s="124">
        <v>0</v>
      </c>
      <c r="IX12" s="161"/>
      <c r="IY12" s="123">
        <v>0</v>
      </c>
      <c r="IZ12" s="123">
        <v>0</v>
      </c>
      <c r="JA12" s="123">
        <v>0</v>
      </c>
      <c r="JB12" s="123">
        <v>8839</v>
      </c>
      <c r="JC12" s="123">
        <v>0</v>
      </c>
      <c r="JD12" s="124">
        <v>8839</v>
      </c>
      <c r="JE12" s="125">
        <v>8839</v>
      </c>
      <c r="JF12" s="159">
        <v>0</v>
      </c>
      <c r="JG12" s="123">
        <v>0</v>
      </c>
      <c r="JH12" s="158">
        <v>0</v>
      </c>
      <c r="JI12" s="122">
        <v>0</v>
      </c>
      <c r="JJ12" s="123">
        <v>1801702</v>
      </c>
      <c r="JK12" s="123">
        <v>2057302</v>
      </c>
      <c r="JL12" s="123">
        <v>1345740</v>
      </c>
      <c r="JM12" s="123">
        <v>272651</v>
      </c>
      <c r="JN12" s="123">
        <v>274685</v>
      </c>
      <c r="JO12" s="124">
        <v>5752080</v>
      </c>
      <c r="JP12" s="360">
        <v>5752080</v>
      </c>
      <c r="JQ12" s="159">
        <v>0</v>
      </c>
      <c r="JR12" s="123">
        <v>0</v>
      </c>
      <c r="JS12" s="158">
        <v>0</v>
      </c>
      <c r="JT12" s="122">
        <v>0</v>
      </c>
      <c r="JU12" s="123">
        <v>82089</v>
      </c>
      <c r="JV12" s="123">
        <v>62195</v>
      </c>
      <c r="JW12" s="123">
        <v>10946</v>
      </c>
      <c r="JX12" s="123">
        <v>8894</v>
      </c>
      <c r="JY12" s="123">
        <v>150880</v>
      </c>
      <c r="JZ12" s="124">
        <v>315004</v>
      </c>
      <c r="KA12" s="360">
        <v>315004</v>
      </c>
      <c r="KB12" s="262">
        <v>37227</v>
      </c>
      <c r="KC12" s="256">
        <v>0</v>
      </c>
      <c r="KD12" s="124">
        <v>37227</v>
      </c>
      <c r="KE12" s="122">
        <v>0</v>
      </c>
      <c r="KF12" s="123">
        <v>178273</v>
      </c>
      <c r="KG12" s="123">
        <v>710191</v>
      </c>
      <c r="KH12" s="123">
        <v>941447</v>
      </c>
      <c r="KI12" s="123">
        <v>192504</v>
      </c>
      <c r="KJ12" s="123">
        <v>109161</v>
      </c>
      <c r="KK12" s="124">
        <v>2131576</v>
      </c>
      <c r="KL12" s="160">
        <v>2168803</v>
      </c>
      <c r="KM12" s="259">
        <v>0</v>
      </c>
      <c r="KN12" s="266">
        <v>0</v>
      </c>
      <c r="KO12" s="267">
        <v>0</v>
      </c>
      <c r="KP12" s="395"/>
      <c r="KQ12" s="123">
        <v>1777972</v>
      </c>
      <c r="KR12" s="123">
        <v>1764086</v>
      </c>
      <c r="KS12" s="123">
        <v>1770189</v>
      </c>
      <c r="KT12" s="123">
        <v>2022621</v>
      </c>
      <c r="KU12" s="123">
        <v>670421</v>
      </c>
      <c r="KV12" s="124">
        <v>8005289</v>
      </c>
      <c r="KW12" s="360">
        <v>8005289</v>
      </c>
      <c r="KX12" s="159">
        <v>0</v>
      </c>
      <c r="KY12" s="123">
        <v>0</v>
      </c>
      <c r="KZ12" s="124">
        <v>0</v>
      </c>
      <c r="LA12" s="395"/>
      <c r="LB12" s="123">
        <v>0</v>
      </c>
      <c r="LC12" s="123">
        <v>0</v>
      </c>
      <c r="LD12" s="123">
        <v>0</v>
      </c>
      <c r="LE12" s="123">
        <v>0</v>
      </c>
      <c r="LF12" s="123">
        <v>0</v>
      </c>
      <c r="LG12" s="124">
        <v>0</v>
      </c>
      <c r="LH12" s="125">
        <v>0</v>
      </c>
      <c r="LI12" s="159">
        <v>0</v>
      </c>
      <c r="LJ12" s="123">
        <v>0</v>
      </c>
      <c r="LK12" s="124">
        <v>0</v>
      </c>
      <c r="LL12" s="395"/>
      <c r="LM12" s="123">
        <v>0</v>
      </c>
      <c r="LN12" s="123">
        <v>182059</v>
      </c>
      <c r="LO12" s="123">
        <v>0</v>
      </c>
      <c r="LP12" s="123">
        <v>0</v>
      </c>
      <c r="LQ12" s="123">
        <v>0</v>
      </c>
      <c r="LR12" s="124">
        <v>182059</v>
      </c>
      <c r="LS12" s="360">
        <v>182059</v>
      </c>
      <c r="LT12" s="159">
        <v>0</v>
      </c>
      <c r="LU12" s="123">
        <v>0</v>
      </c>
      <c r="LV12" s="124">
        <v>0</v>
      </c>
      <c r="LW12" s="395"/>
      <c r="LX12" s="123">
        <v>120018</v>
      </c>
      <c r="LY12" s="123">
        <v>487811</v>
      </c>
      <c r="LZ12" s="123">
        <v>0</v>
      </c>
      <c r="MA12" s="123">
        <v>256006</v>
      </c>
      <c r="MB12" s="123">
        <v>0</v>
      </c>
      <c r="MC12" s="124">
        <v>863835</v>
      </c>
      <c r="MD12" s="125">
        <v>863835</v>
      </c>
      <c r="ME12" s="159">
        <v>0</v>
      </c>
      <c r="MF12" s="123">
        <v>0</v>
      </c>
      <c r="MG12" s="124">
        <v>0</v>
      </c>
      <c r="MH12" s="395"/>
      <c r="MI12" s="123">
        <v>325744</v>
      </c>
      <c r="MJ12" s="123">
        <v>1629710</v>
      </c>
      <c r="MK12" s="123">
        <v>6028008</v>
      </c>
      <c r="ML12" s="123">
        <v>10221875</v>
      </c>
      <c r="MM12" s="123">
        <v>5184504</v>
      </c>
      <c r="MN12" s="124">
        <v>23389841</v>
      </c>
      <c r="MO12" s="160">
        <v>23389841</v>
      </c>
      <c r="MP12" s="159">
        <v>0</v>
      </c>
      <c r="MQ12" s="123">
        <v>0</v>
      </c>
      <c r="MR12" s="124">
        <v>0</v>
      </c>
      <c r="MS12" s="395"/>
      <c r="MT12" s="123">
        <v>0</v>
      </c>
      <c r="MU12" s="123">
        <v>0</v>
      </c>
      <c r="MV12" s="123">
        <v>3776304</v>
      </c>
      <c r="MW12" s="123">
        <v>7154593</v>
      </c>
      <c r="MX12" s="123">
        <v>4182440</v>
      </c>
      <c r="MY12" s="124">
        <v>15113337</v>
      </c>
      <c r="MZ12" s="160">
        <v>15113337</v>
      </c>
      <c r="NA12" s="159">
        <v>0</v>
      </c>
      <c r="NB12" s="123">
        <v>0</v>
      </c>
      <c r="NC12" s="124">
        <v>0</v>
      </c>
      <c r="ND12" s="395"/>
      <c r="NE12" s="123">
        <v>325744</v>
      </c>
      <c r="NF12" s="123">
        <v>1629710</v>
      </c>
      <c r="NG12" s="123">
        <v>1947603</v>
      </c>
      <c r="NH12" s="123">
        <v>2752485</v>
      </c>
      <c r="NI12" s="123">
        <v>649928</v>
      </c>
      <c r="NJ12" s="124">
        <v>7305470</v>
      </c>
      <c r="NK12" s="360">
        <v>7305470</v>
      </c>
      <c r="NL12" s="159">
        <v>0</v>
      </c>
      <c r="NM12" s="123">
        <v>0</v>
      </c>
      <c r="NN12" s="124">
        <v>0</v>
      </c>
      <c r="NO12" s="395"/>
      <c r="NP12" s="123">
        <v>0</v>
      </c>
      <c r="NQ12" s="123">
        <v>0</v>
      </c>
      <c r="NR12" s="123">
        <v>0</v>
      </c>
      <c r="NS12" s="123">
        <v>0</v>
      </c>
      <c r="NT12" s="123">
        <v>0</v>
      </c>
      <c r="NU12" s="124">
        <v>0</v>
      </c>
      <c r="NV12" s="125">
        <v>0</v>
      </c>
      <c r="NW12" s="159">
        <v>0</v>
      </c>
      <c r="NX12" s="123">
        <v>0</v>
      </c>
      <c r="NY12" s="124">
        <v>0</v>
      </c>
      <c r="NZ12" s="395"/>
      <c r="OA12" s="123">
        <v>0</v>
      </c>
      <c r="OB12" s="123">
        <v>0</v>
      </c>
      <c r="OC12" s="123">
        <v>304101</v>
      </c>
      <c r="OD12" s="123">
        <v>314797</v>
      </c>
      <c r="OE12" s="123">
        <v>352136</v>
      </c>
      <c r="OF12" s="124">
        <v>971034</v>
      </c>
      <c r="OG12" s="125">
        <v>971034</v>
      </c>
      <c r="OH12" s="159">
        <v>1232334</v>
      </c>
      <c r="OI12" s="123">
        <v>2773415</v>
      </c>
      <c r="OJ12" s="158">
        <v>4005749</v>
      </c>
      <c r="OK12" s="122">
        <v>0</v>
      </c>
      <c r="OL12" s="123">
        <v>16179396</v>
      </c>
      <c r="OM12" s="123">
        <v>23579255</v>
      </c>
      <c r="ON12" s="123">
        <v>28229559</v>
      </c>
      <c r="OO12" s="123">
        <v>32526381</v>
      </c>
      <c r="OP12" s="123">
        <v>19037246</v>
      </c>
      <c r="OQ12" s="124">
        <v>119551837</v>
      </c>
      <c r="OR12" s="160">
        <v>123557586</v>
      </c>
    </row>
    <row r="13" spans="1:408" ht="20.25" customHeight="1" x14ac:dyDescent="0.2">
      <c r="A13" s="130" t="s">
        <v>7</v>
      </c>
      <c r="B13" s="113">
        <v>750334</v>
      </c>
      <c r="C13" s="117">
        <v>838792</v>
      </c>
      <c r="D13" s="116">
        <v>1589126</v>
      </c>
      <c r="E13" s="112">
        <v>0</v>
      </c>
      <c r="F13" s="117">
        <v>11012970</v>
      </c>
      <c r="G13" s="117">
        <v>10513572</v>
      </c>
      <c r="H13" s="117">
        <v>9246297</v>
      </c>
      <c r="I13" s="117">
        <v>7552637</v>
      </c>
      <c r="J13" s="117">
        <v>7005120</v>
      </c>
      <c r="K13" s="112">
        <v>45330596</v>
      </c>
      <c r="L13" s="119">
        <v>46919722</v>
      </c>
      <c r="M13" s="113">
        <v>136528</v>
      </c>
      <c r="N13" s="117">
        <v>103339</v>
      </c>
      <c r="O13" s="116">
        <v>239867</v>
      </c>
      <c r="P13" s="113">
        <v>0</v>
      </c>
      <c r="Q13" s="117">
        <v>2749489</v>
      </c>
      <c r="R13" s="117">
        <v>3593976</v>
      </c>
      <c r="S13" s="117">
        <v>2452257</v>
      </c>
      <c r="T13" s="117">
        <v>1980993</v>
      </c>
      <c r="U13" s="117">
        <v>3329063</v>
      </c>
      <c r="V13" s="116">
        <v>14105778</v>
      </c>
      <c r="W13" s="119">
        <v>14345645</v>
      </c>
      <c r="X13" s="113">
        <v>0</v>
      </c>
      <c r="Y13" s="117">
        <v>0</v>
      </c>
      <c r="Z13" s="116">
        <v>0</v>
      </c>
      <c r="AA13" s="113">
        <v>0</v>
      </c>
      <c r="AB13" s="117">
        <v>1197050</v>
      </c>
      <c r="AC13" s="117">
        <v>1524300</v>
      </c>
      <c r="AD13" s="117">
        <v>1474260</v>
      </c>
      <c r="AE13" s="117">
        <v>862888</v>
      </c>
      <c r="AF13" s="117">
        <v>2017047</v>
      </c>
      <c r="AG13" s="116">
        <v>7075545</v>
      </c>
      <c r="AH13" s="119">
        <v>7075545</v>
      </c>
      <c r="AI13" s="113">
        <v>0</v>
      </c>
      <c r="AJ13" s="117">
        <v>0</v>
      </c>
      <c r="AK13" s="116">
        <v>0</v>
      </c>
      <c r="AL13" s="113">
        <v>0</v>
      </c>
      <c r="AM13" s="117">
        <v>82620</v>
      </c>
      <c r="AN13" s="117">
        <v>101264</v>
      </c>
      <c r="AO13" s="117">
        <v>50632</v>
      </c>
      <c r="AP13" s="117">
        <v>111171</v>
      </c>
      <c r="AQ13" s="117">
        <v>476815</v>
      </c>
      <c r="AR13" s="116">
        <v>822502</v>
      </c>
      <c r="AS13" s="119">
        <v>822502</v>
      </c>
      <c r="AT13" s="113">
        <v>0</v>
      </c>
      <c r="AU13" s="117">
        <v>37021</v>
      </c>
      <c r="AV13" s="116">
        <v>37021</v>
      </c>
      <c r="AW13" s="113">
        <v>0</v>
      </c>
      <c r="AX13" s="117">
        <v>764127</v>
      </c>
      <c r="AY13" s="117">
        <v>1288162</v>
      </c>
      <c r="AZ13" s="117">
        <v>409114</v>
      </c>
      <c r="BA13" s="117">
        <v>486486</v>
      </c>
      <c r="BB13" s="117">
        <v>490836</v>
      </c>
      <c r="BC13" s="116">
        <v>3438725</v>
      </c>
      <c r="BD13" s="119">
        <v>3475746</v>
      </c>
      <c r="BE13" s="113">
        <v>0</v>
      </c>
      <c r="BF13" s="117">
        <v>0</v>
      </c>
      <c r="BG13" s="115">
        <v>0</v>
      </c>
      <c r="BH13" s="114">
        <v>0</v>
      </c>
      <c r="BI13" s="117">
        <v>175323</v>
      </c>
      <c r="BJ13" s="117">
        <v>201744</v>
      </c>
      <c r="BK13" s="117">
        <v>37484</v>
      </c>
      <c r="BL13" s="117">
        <v>79616</v>
      </c>
      <c r="BM13" s="117">
        <v>58303</v>
      </c>
      <c r="BN13" s="116">
        <v>552470</v>
      </c>
      <c r="BO13" s="119">
        <v>552470</v>
      </c>
      <c r="BP13" s="113">
        <v>136528</v>
      </c>
      <c r="BQ13" s="117">
        <v>66318</v>
      </c>
      <c r="BR13" s="116">
        <v>202846</v>
      </c>
      <c r="BS13" s="113">
        <v>0</v>
      </c>
      <c r="BT13" s="117">
        <v>530369</v>
      </c>
      <c r="BU13" s="117">
        <v>478506</v>
      </c>
      <c r="BV13" s="117">
        <v>480767</v>
      </c>
      <c r="BW13" s="117">
        <v>440832</v>
      </c>
      <c r="BX13" s="117">
        <v>286062</v>
      </c>
      <c r="BY13" s="116">
        <v>2216536</v>
      </c>
      <c r="BZ13" s="119">
        <v>2419382</v>
      </c>
      <c r="CA13" s="113">
        <v>0</v>
      </c>
      <c r="CB13" s="117">
        <v>100802</v>
      </c>
      <c r="CC13" s="116">
        <v>100802</v>
      </c>
      <c r="CD13" s="113">
        <v>0</v>
      </c>
      <c r="CE13" s="117">
        <v>3467687</v>
      </c>
      <c r="CF13" s="117">
        <v>2443227</v>
      </c>
      <c r="CG13" s="117">
        <v>1198411</v>
      </c>
      <c r="CH13" s="117">
        <v>580681</v>
      </c>
      <c r="CI13" s="117">
        <v>486931</v>
      </c>
      <c r="CJ13" s="116">
        <v>8176937</v>
      </c>
      <c r="CK13" s="119">
        <v>8277739</v>
      </c>
      <c r="CL13" s="113">
        <v>0</v>
      </c>
      <c r="CM13" s="117">
        <v>0</v>
      </c>
      <c r="CN13" s="116">
        <v>0</v>
      </c>
      <c r="CO13" s="114">
        <v>0</v>
      </c>
      <c r="CP13" s="117">
        <v>2485798</v>
      </c>
      <c r="CQ13" s="117">
        <v>1786416</v>
      </c>
      <c r="CR13" s="117">
        <v>703364</v>
      </c>
      <c r="CS13" s="117">
        <v>418463</v>
      </c>
      <c r="CT13" s="117">
        <v>164797</v>
      </c>
      <c r="CU13" s="116">
        <v>5558838</v>
      </c>
      <c r="CV13" s="119">
        <v>5558838</v>
      </c>
      <c r="CW13" s="113">
        <v>0</v>
      </c>
      <c r="CX13" s="117">
        <v>100802</v>
      </c>
      <c r="CY13" s="116">
        <v>100802</v>
      </c>
      <c r="CZ13" s="113">
        <v>0</v>
      </c>
      <c r="DA13" s="117">
        <v>981889</v>
      </c>
      <c r="DB13" s="117">
        <v>656811</v>
      </c>
      <c r="DC13" s="117">
        <v>495047</v>
      </c>
      <c r="DD13" s="117">
        <v>162218</v>
      </c>
      <c r="DE13" s="117">
        <v>322134</v>
      </c>
      <c r="DF13" s="116">
        <v>2618099</v>
      </c>
      <c r="DG13" s="119">
        <v>2718901</v>
      </c>
      <c r="DH13" s="113">
        <v>0</v>
      </c>
      <c r="DI13" s="117">
        <v>0</v>
      </c>
      <c r="DJ13" s="115">
        <v>0</v>
      </c>
      <c r="DK13" s="114">
        <v>0</v>
      </c>
      <c r="DL13" s="117">
        <v>343008</v>
      </c>
      <c r="DM13" s="117">
        <v>444836</v>
      </c>
      <c r="DN13" s="117">
        <v>797962</v>
      </c>
      <c r="DO13" s="117">
        <v>228530</v>
      </c>
      <c r="DP13" s="117">
        <v>288355</v>
      </c>
      <c r="DQ13" s="116">
        <v>2102691</v>
      </c>
      <c r="DR13" s="119">
        <v>2102691</v>
      </c>
      <c r="DS13" s="113">
        <v>0</v>
      </c>
      <c r="DT13" s="117">
        <v>0</v>
      </c>
      <c r="DU13" s="116">
        <v>0</v>
      </c>
      <c r="DV13" s="113">
        <v>0</v>
      </c>
      <c r="DW13" s="117">
        <v>289727</v>
      </c>
      <c r="DX13" s="117">
        <v>405950</v>
      </c>
      <c r="DY13" s="117">
        <v>677572</v>
      </c>
      <c r="DZ13" s="117">
        <v>228530</v>
      </c>
      <c r="EA13" s="117">
        <v>245688</v>
      </c>
      <c r="EB13" s="116">
        <v>1847467</v>
      </c>
      <c r="EC13" s="119">
        <v>1847467</v>
      </c>
      <c r="ED13" s="113">
        <v>0</v>
      </c>
      <c r="EE13" s="115">
        <v>0</v>
      </c>
      <c r="EF13" s="116">
        <v>0</v>
      </c>
      <c r="EG13" s="113">
        <v>0</v>
      </c>
      <c r="EH13" s="117">
        <v>53281</v>
      </c>
      <c r="EI13" s="117">
        <v>38886</v>
      </c>
      <c r="EJ13" s="117">
        <v>120390</v>
      </c>
      <c r="EK13" s="117">
        <v>0</v>
      </c>
      <c r="EL13" s="117">
        <v>42667</v>
      </c>
      <c r="EM13" s="115">
        <v>255224</v>
      </c>
      <c r="EN13" s="119">
        <v>255224</v>
      </c>
      <c r="EO13" s="113">
        <v>0</v>
      </c>
      <c r="EP13" s="117">
        <v>0</v>
      </c>
      <c r="EQ13" s="115">
        <v>0</v>
      </c>
      <c r="ER13" s="114">
        <v>0</v>
      </c>
      <c r="ES13" s="117">
        <v>0</v>
      </c>
      <c r="ET13" s="117">
        <v>0</v>
      </c>
      <c r="EU13" s="117">
        <v>0</v>
      </c>
      <c r="EV13" s="117">
        <v>0</v>
      </c>
      <c r="EW13" s="117">
        <v>0</v>
      </c>
      <c r="EX13" s="116">
        <v>0</v>
      </c>
      <c r="EY13" s="119">
        <v>0</v>
      </c>
      <c r="EZ13" s="113">
        <v>0</v>
      </c>
      <c r="FA13" s="117">
        <v>0</v>
      </c>
      <c r="FB13" s="115">
        <v>0</v>
      </c>
      <c r="FC13" s="395"/>
      <c r="FD13" s="117">
        <v>0</v>
      </c>
      <c r="FE13" s="117">
        <v>0</v>
      </c>
      <c r="FF13" s="117">
        <v>0</v>
      </c>
      <c r="FG13" s="117">
        <v>0</v>
      </c>
      <c r="FH13" s="117">
        <v>0</v>
      </c>
      <c r="FI13" s="116">
        <v>0</v>
      </c>
      <c r="FJ13" s="119">
        <v>0</v>
      </c>
      <c r="FK13" s="113">
        <v>42665</v>
      </c>
      <c r="FL13" s="117">
        <v>79044</v>
      </c>
      <c r="FM13" s="116">
        <v>121709</v>
      </c>
      <c r="FN13" s="113">
        <v>0</v>
      </c>
      <c r="FO13" s="117">
        <v>470659</v>
      </c>
      <c r="FP13" s="117">
        <v>1105377</v>
      </c>
      <c r="FQ13" s="117">
        <v>1057063</v>
      </c>
      <c r="FR13" s="117">
        <v>357140</v>
      </c>
      <c r="FS13" s="117">
        <v>417718</v>
      </c>
      <c r="FT13" s="116">
        <v>3407957</v>
      </c>
      <c r="FU13" s="119">
        <v>3529666</v>
      </c>
      <c r="FV13" s="118">
        <v>42665</v>
      </c>
      <c r="FW13" s="117">
        <v>79044</v>
      </c>
      <c r="FX13" s="115">
        <v>121709</v>
      </c>
      <c r="FY13" s="114">
        <v>0</v>
      </c>
      <c r="FZ13" s="117">
        <v>369152</v>
      </c>
      <c r="GA13" s="117">
        <v>1035097</v>
      </c>
      <c r="GB13" s="117">
        <v>518063</v>
      </c>
      <c r="GC13" s="117">
        <v>357140</v>
      </c>
      <c r="GD13" s="117">
        <v>417718</v>
      </c>
      <c r="GE13" s="116">
        <v>2697170</v>
      </c>
      <c r="GF13" s="357">
        <v>2818879</v>
      </c>
      <c r="GG13" s="118">
        <v>0</v>
      </c>
      <c r="GH13" s="117">
        <v>0</v>
      </c>
      <c r="GI13" s="115">
        <v>0</v>
      </c>
      <c r="GJ13" s="114">
        <v>0</v>
      </c>
      <c r="GK13" s="117">
        <v>45507</v>
      </c>
      <c r="GL13" s="117">
        <v>0</v>
      </c>
      <c r="GM13" s="117">
        <v>0</v>
      </c>
      <c r="GN13" s="117">
        <v>0</v>
      </c>
      <c r="GO13" s="117">
        <v>0</v>
      </c>
      <c r="GP13" s="116">
        <v>45507</v>
      </c>
      <c r="GQ13" s="119">
        <v>45507</v>
      </c>
      <c r="GR13" s="113">
        <v>0</v>
      </c>
      <c r="GS13" s="117">
        <v>0</v>
      </c>
      <c r="GT13" s="116">
        <v>0</v>
      </c>
      <c r="GU13" s="113">
        <v>0</v>
      </c>
      <c r="GV13" s="117">
        <v>56000</v>
      </c>
      <c r="GW13" s="117">
        <v>70280</v>
      </c>
      <c r="GX13" s="117">
        <v>539000</v>
      </c>
      <c r="GY13" s="117">
        <v>0</v>
      </c>
      <c r="GZ13" s="117">
        <v>0</v>
      </c>
      <c r="HA13" s="115">
        <v>665280</v>
      </c>
      <c r="HB13" s="119">
        <v>665280</v>
      </c>
      <c r="HC13" s="113">
        <v>571141</v>
      </c>
      <c r="HD13" s="117">
        <v>555607</v>
      </c>
      <c r="HE13" s="115">
        <v>1126748</v>
      </c>
      <c r="HF13" s="114">
        <v>0</v>
      </c>
      <c r="HG13" s="117">
        <v>3982127</v>
      </c>
      <c r="HH13" s="117">
        <v>2926156</v>
      </c>
      <c r="HI13" s="117">
        <v>3740604</v>
      </c>
      <c r="HJ13" s="117">
        <v>4405293</v>
      </c>
      <c r="HK13" s="117">
        <v>2483053</v>
      </c>
      <c r="HL13" s="116">
        <v>17537233</v>
      </c>
      <c r="HM13" s="112">
        <v>18663981</v>
      </c>
      <c r="HN13" s="373"/>
      <c r="HO13" s="374"/>
      <c r="HP13" s="375"/>
      <c r="HQ13" s="376"/>
      <c r="HR13" s="374"/>
      <c r="HS13" s="374"/>
      <c r="HT13" s="374"/>
      <c r="HU13" s="374"/>
      <c r="HV13" s="374"/>
      <c r="HW13" s="377"/>
      <c r="HX13" s="378"/>
      <c r="HY13" s="148">
        <v>0</v>
      </c>
      <c r="HZ13" s="149">
        <v>0</v>
      </c>
      <c r="IA13" s="150">
        <v>0</v>
      </c>
      <c r="IB13" s="162">
        <v>0</v>
      </c>
      <c r="IC13" s="149">
        <v>1701587</v>
      </c>
      <c r="ID13" s="163">
        <v>1547400</v>
      </c>
      <c r="IE13" s="150">
        <v>3402327</v>
      </c>
      <c r="IF13" s="149">
        <v>1895912</v>
      </c>
      <c r="IG13" s="150">
        <v>809651</v>
      </c>
      <c r="IH13" s="164">
        <v>9356877</v>
      </c>
      <c r="II13" s="156">
        <v>9356877</v>
      </c>
      <c r="IJ13" s="259">
        <v>0</v>
      </c>
      <c r="IK13" s="266">
        <v>0</v>
      </c>
      <c r="IL13" s="267">
        <v>0</v>
      </c>
      <c r="IM13" s="157"/>
      <c r="IN13" s="123">
        <v>0</v>
      </c>
      <c r="IO13" s="123">
        <v>0</v>
      </c>
      <c r="IP13" s="123">
        <v>174050</v>
      </c>
      <c r="IQ13" s="123">
        <v>0</v>
      </c>
      <c r="IR13" s="123">
        <v>0</v>
      </c>
      <c r="IS13" s="158">
        <v>174050</v>
      </c>
      <c r="IT13" s="360">
        <v>174050</v>
      </c>
      <c r="IU13" s="159">
        <v>0</v>
      </c>
      <c r="IV13" s="123">
        <v>0</v>
      </c>
      <c r="IW13" s="124">
        <v>0</v>
      </c>
      <c r="IX13" s="161"/>
      <c r="IY13" s="123">
        <v>0</v>
      </c>
      <c r="IZ13" s="123">
        <v>0</v>
      </c>
      <c r="JA13" s="123">
        <v>0</v>
      </c>
      <c r="JB13" s="123">
        <v>0</v>
      </c>
      <c r="JC13" s="123">
        <v>0</v>
      </c>
      <c r="JD13" s="124">
        <v>0</v>
      </c>
      <c r="JE13" s="125">
        <v>0</v>
      </c>
      <c r="JF13" s="159">
        <v>0</v>
      </c>
      <c r="JG13" s="123">
        <v>0</v>
      </c>
      <c r="JH13" s="158">
        <v>0</v>
      </c>
      <c r="JI13" s="122">
        <v>0</v>
      </c>
      <c r="JJ13" s="123">
        <v>753966</v>
      </c>
      <c r="JK13" s="123">
        <v>566486</v>
      </c>
      <c r="JL13" s="123">
        <v>734835</v>
      </c>
      <c r="JM13" s="123">
        <v>694156</v>
      </c>
      <c r="JN13" s="123">
        <v>129446</v>
      </c>
      <c r="JO13" s="124">
        <v>2878889</v>
      </c>
      <c r="JP13" s="360">
        <v>2878889</v>
      </c>
      <c r="JQ13" s="159">
        <v>0</v>
      </c>
      <c r="JR13" s="123">
        <v>0</v>
      </c>
      <c r="JS13" s="158">
        <v>0</v>
      </c>
      <c r="JT13" s="122">
        <v>0</v>
      </c>
      <c r="JU13" s="123">
        <v>188531</v>
      </c>
      <c r="JV13" s="123">
        <v>273198</v>
      </c>
      <c r="JW13" s="123">
        <v>383234</v>
      </c>
      <c r="JX13" s="123">
        <v>493830</v>
      </c>
      <c r="JY13" s="123">
        <v>147101</v>
      </c>
      <c r="JZ13" s="124">
        <v>1485894</v>
      </c>
      <c r="KA13" s="360">
        <v>1485894</v>
      </c>
      <c r="KB13" s="262">
        <v>0</v>
      </c>
      <c r="KC13" s="256">
        <v>0</v>
      </c>
      <c r="KD13" s="124">
        <v>0</v>
      </c>
      <c r="KE13" s="122">
        <v>0</v>
      </c>
      <c r="KF13" s="123">
        <v>0</v>
      </c>
      <c r="KG13" s="123">
        <v>274794</v>
      </c>
      <c r="KH13" s="123">
        <v>181345</v>
      </c>
      <c r="KI13" s="123">
        <v>197097</v>
      </c>
      <c r="KJ13" s="123">
        <v>0</v>
      </c>
      <c r="KK13" s="124">
        <v>653236</v>
      </c>
      <c r="KL13" s="160">
        <v>653236</v>
      </c>
      <c r="KM13" s="259">
        <v>0</v>
      </c>
      <c r="KN13" s="266">
        <v>0</v>
      </c>
      <c r="KO13" s="267">
        <v>0</v>
      </c>
      <c r="KP13" s="395"/>
      <c r="KQ13" s="123">
        <v>759090</v>
      </c>
      <c r="KR13" s="123">
        <v>432922</v>
      </c>
      <c r="KS13" s="123">
        <v>1928863</v>
      </c>
      <c r="KT13" s="123">
        <v>290602</v>
      </c>
      <c r="KU13" s="123">
        <v>222455</v>
      </c>
      <c r="KV13" s="124">
        <v>3633932</v>
      </c>
      <c r="KW13" s="360">
        <v>3633932</v>
      </c>
      <c r="KX13" s="159">
        <v>0</v>
      </c>
      <c r="KY13" s="123">
        <v>0</v>
      </c>
      <c r="KZ13" s="124">
        <v>0</v>
      </c>
      <c r="LA13" s="395"/>
      <c r="LB13" s="123">
        <v>0</v>
      </c>
      <c r="LC13" s="123">
        <v>0</v>
      </c>
      <c r="LD13" s="123">
        <v>0</v>
      </c>
      <c r="LE13" s="123">
        <v>0</v>
      </c>
      <c r="LF13" s="123">
        <v>0</v>
      </c>
      <c r="LG13" s="124">
        <v>0</v>
      </c>
      <c r="LH13" s="125">
        <v>0</v>
      </c>
      <c r="LI13" s="159">
        <v>0</v>
      </c>
      <c r="LJ13" s="123">
        <v>0</v>
      </c>
      <c r="LK13" s="124">
        <v>0</v>
      </c>
      <c r="LL13" s="395"/>
      <c r="LM13" s="123">
        <v>0</v>
      </c>
      <c r="LN13" s="123">
        <v>0</v>
      </c>
      <c r="LO13" s="123">
        <v>0</v>
      </c>
      <c r="LP13" s="123">
        <v>0</v>
      </c>
      <c r="LQ13" s="123">
        <v>0</v>
      </c>
      <c r="LR13" s="124">
        <v>0</v>
      </c>
      <c r="LS13" s="360">
        <v>0</v>
      </c>
      <c r="LT13" s="159">
        <v>0</v>
      </c>
      <c r="LU13" s="123">
        <v>0</v>
      </c>
      <c r="LV13" s="124">
        <v>0</v>
      </c>
      <c r="LW13" s="395"/>
      <c r="LX13" s="123">
        <v>0</v>
      </c>
      <c r="LY13" s="123">
        <v>0</v>
      </c>
      <c r="LZ13" s="123">
        <v>0</v>
      </c>
      <c r="MA13" s="123">
        <v>220227</v>
      </c>
      <c r="MB13" s="123">
        <v>310649</v>
      </c>
      <c r="MC13" s="124">
        <v>530876</v>
      </c>
      <c r="MD13" s="125">
        <v>530876</v>
      </c>
      <c r="ME13" s="159">
        <v>0</v>
      </c>
      <c r="MF13" s="123">
        <v>0</v>
      </c>
      <c r="MG13" s="124">
        <v>0</v>
      </c>
      <c r="MH13" s="395"/>
      <c r="MI13" s="123">
        <v>0</v>
      </c>
      <c r="MJ13" s="123">
        <v>1278575</v>
      </c>
      <c r="MK13" s="123">
        <v>1853988</v>
      </c>
      <c r="ML13" s="123">
        <v>5009923</v>
      </c>
      <c r="MM13" s="123">
        <v>3783802</v>
      </c>
      <c r="MN13" s="124">
        <v>11926288</v>
      </c>
      <c r="MO13" s="160">
        <v>11926288</v>
      </c>
      <c r="MP13" s="159">
        <v>0</v>
      </c>
      <c r="MQ13" s="123">
        <v>0</v>
      </c>
      <c r="MR13" s="124">
        <v>0</v>
      </c>
      <c r="MS13" s="395"/>
      <c r="MT13" s="123">
        <v>0</v>
      </c>
      <c r="MU13" s="123">
        <v>197864</v>
      </c>
      <c r="MV13" s="123">
        <v>433346</v>
      </c>
      <c r="MW13" s="123">
        <v>4104909</v>
      </c>
      <c r="MX13" s="123">
        <v>2979557</v>
      </c>
      <c r="MY13" s="124">
        <v>7715676</v>
      </c>
      <c r="MZ13" s="160">
        <v>7715676</v>
      </c>
      <c r="NA13" s="159">
        <v>0</v>
      </c>
      <c r="NB13" s="123">
        <v>0</v>
      </c>
      <c r="NC13" s="124">
        <v>0</v>
      </c>
      <c r="ND13" s="395"/>
      <c r="NE13" s="123">
        <v>0</v>
      </c>
      <c r="NF13" s="123">
        <v>1080711</v>
      </c>
      <c r="NG13" s="123">
        <v>1420642</v>
      </c>
      <c r="NH13" s="123">
        <v>905014</v>
      </c>
      <c r="NI13" s="123">
        <v>804245</v>
      </c>
      <c r="NJ13" s="124">
        <v>4210612</v>
      </c>
      <c r="NK13" s="360">
        <v>4210612</v>
      </c>
      <c r="NL13" s="159">
        <v>0</v>
      </c>
      <c r="NM13" s="123">
        <v>0</v>
      </c>
      <c r="NN13" s="124">
        <v>0</v>
      </c>
      <c r="NO13" s="395"/>
      <c r="NP13" s="123">
        <v>0</v>
      </c>
      <c r="NQ13" s="123">
        <v>0</v>
      </c>
      <c r="NR13" s="123">
        <v>0</v>
      </c>
      <c r="NS13" s="123">
        <v>0</v>
      </c>
      <c r="NT13" s="123">
        <v>0</v>
      </c>
      <c r="NU13" s="124">
        <v>0</v>
      </c>
      <c r="NV13" s="125">
        <v>0</v>
      </c>
      <c r="NW13" s="159">
        <v>0</v>
      </c>
      <c r="NX13" s="123">
        <v>0</v>
      </c>
      <c r="NY13" s="124">
        <v>0</v>
      </c>
      <c r="NZ13" s="395"/>
      <c r="OA13" s="123">
        <v>0</v>
      </c>
      <c r="OB13" s="123">
        <v>0</v>
      </c>
      <c r="OC13" s="123">
        <v>0</v>
      </c>
      <c r="OD13" s="123">
        <v>0</v>
      </c>
      <c r="OE13" s="123">
        <v>0</v>
      </c>
      <c r="OF13" s="124">
        <v>0</v>
      </c>
      <c r="OG13" s="125">
        <v>0</v>
      </c>
      <c r="OH13" s="159">
        <v>750334</v>
      </c>
      <c r="OI13" s="123">
        <v>838792</v>
      </c>
      <c r="OJ13" s="158">
        <v>1589126</v>
      </c>
      <c r="OK13" s="122">
        <v>0</v>
      </c>
      <c r="OL13" s="123">
        <v>12714557</v>
      </c>
      <c r="OM13" s="123">
        <v>13339547</v>
      </c>
      <c r="ON13" s="123">
        <v>14502612</v>
      </c>
      <c r="OO13" s="123">
        <v>14458472</v>
      </c>
      <c r="OP13" s="123">
        <v>11598573</v>
      </c>
      <c r="OQ13" s="124">
        <v>66613761</v>
      </c>
      <c r="OR13" s="160">
        <v>68202887</v>
      </c>
    </row>
    <row r="14" spans="1:408" ht="20.25" customHeight="1" x14ac:dyDescent="0.2">
      <c r="A14" s="130" t="s">
        <v>8</v>
      </c>
      <c r="B14" s="113">
        <v>451220</v>
      </c>
      <c r="C14" s="117">
        <v>261568</v>
      </c>
      <c r="D14" s="116">
        <v>712788</v>
      </c>
      <c r="E14" s="112">
        <v>0</v>
      </c>
      <c r="F14" s="117">
        <v>4154982</v>
      </c>
      <c r="G14" s="117">
        <v>5615572</v>
      </c>
      <c r="H14" s="117">
        <v>3759573</v>
      </c>
      <c r="I14" s="117">
        <v>6046942</v>
      </c>
      <c r="J14" s="117">
        <v>3746073</v>
      </c>
      <c r="K14" s="112">
        <v>23323142</v>
      </c>
      <c r="L14" s="119">
        <v>24035930</v>
      </c>
      <c r="M14" s="113">
        <v>89920</v>
      </c>
      <c r="N14" s="117">
        <v>58018</v>
      </c>
      <c r="O14" s="116">
        <v>147938</v>
      </c>
      <c r="P14" s="113">
        <v>0</v>
      </c>
      <c r="Q14" s="117">
        <v>950250</v>
      </c>
      <c r="R14" s="117">
        <v>1694956</v>
      </c>
      <c r="S14" s="117">
        <v>858948</v>
      </c>
      <c r="T14" s="117">
        <v>2160065</v>
      </c>
      <c r="U14" s="117">
        <v>979198</v>
      </c>
      <c r="V14" s="116">
        <v>6643417</v>
      </c>
      <c r="W14" s="119">
        <v>6791355</v>
      </c>
      <c r="X14" s="113">
        <v>0</v>
      </c>
      <c r="Y14" s="117">
        <v>0</v>
      </c>
      <c r="Z14" s="116">
        <v>0</v>
      </c>
      <c r="AA14" s="113">
        <v>0</v>
      </c>
      <c r="AB14" s="117">
        <v>615375</v>
      </c>
      <c r="AC14" s="117">
        <v>927386</v>
      </c>
      <c r="AD14" s="117">
        <v>217184</v>
      </c>
      <c r="AE14" s="117">
        <v>946112</v>
      </c>
      <c r="AF14" s="117">
        <v>338620</v>
      </c>
      <c r="AG14" s="116">
        <v>3044677</v>
      </c>
      <c r="AH14" s="119">
        <v>3044677</v>
      </c>
      <c r="AI14" s="113">
        <v>0</v>
      </c>
      <c r="AJ14" s="117">
        <v>0</v>
      </c>
      <c r="AK14" s="116">
        <v>0</v>
      </c>
      <c r="AL14" s="113">
        <v>0</v>
      </c>
      <c r="AM14" s="117">
        <v>0</v>
      </c>
      <c r="AN14" s="117">
        <v>0</v>
      </c>
      <c r="AO14" s="117">
        <v>50632</v>
      </c>
      <c r="AP14" s="117">
        <v>356737</v>
      </c>
      <c r="AQ14" s="117">
        <v>143476</v>
      </c>
      <c r="AR14" s="116">
        <v>550845</v>
      </c>
      <c r="AS14" s="119">
        <v>550845</v>
      </c>
      <c r="AT14" s="113">
        <v>39163</v>
      </c>
      <c r="AU14" s="117">
        <v>8463</v>
      </c>
      <c r="AV14" s="116">
        <v>47626</v>
      </c>
      <c r="AW14" s="113">
        <v>0</v>
      </c>
      <c r="AX14" s="117">
        <v>251946</v>
      </c>
      <c r="AY14" s="117">
        <v>438244</v>
      </c>
      <c r="AZ14" s="117">
        <v>233877</v>
      </c>
      <c r="BA14" s="117">
        <v>377717</v>
      </c>
      <c r="BB14" s="117">
        <v>269726</v>
      </c>
      <c r="BC14" s="116">
        <v>1571510</v>
      </c>
      <c r="BD14" s="119">
        <v>1619136</v>
      </c>
      <c r="BE14" s="113">
        <v>0</v>
      </c>
      <c r="BF14" s="117">
        <v>36983</v>
      </c>
      <c r="BG14" s="115">
        <v>36983</v>
      </c>
      <c r="BH14" s="114">
        <v>0</v>
      </c>
      <c r="BI14" s="117">
        <v>0</v>
      </c>
      <c r="BJ14" s="117">
        <v>126914</v>
      </c>
      <c r="BK14" s="117">
        <v>219425</v>
      </c>
      <c r="BL14" s="117">
        <v>105132</v>
      </c>
      <c r="BM14" s="117">
        <v>47497</v>
      </c>
      <c r="BN14" s="116">
        <v>498968</v>
      </c>
      <c r="BO14" s="119">
        <v>535951</v>
      </c>
      <c r="BP14" s="113">
        <v>50757</v>
      </c>
      <c r="BQ14" s="117">
        <v>12572</v>
      </c>
      <c r="BR14" s="116">
        <v>63329</v>
      </c>
      <c r="BS14" s="113">
        <v>0</v>
      </c>
      <c r="BT14" s="117">
        <v>82929</v>
      </c>
      <c r="BU14" s="117">
        <v>202412</v>
      </c>
      <c r="BV14" s="117">
        <v>137830</v>
      </c>
      <c r="BW14" s="117">
        <v>374367</v>
      </c>
      <c r="BX14" s="117">
        <v>179879</v>
      </c>
      <c r="BY14" s="116">
        <v>977417</v>
      </c>
      <c r="BZ14" s="119">
        <v>1040746</v>
      </c>
      <c r="CA14" s="113">
        <v>16822</v>
      </c>
      <c r="CB14" s="117">
        <v>133816</v>
      </c>
      <c r="CC14" s="116">
        <v>150638</v>
      </c>
      <c r="CD14" s="113">
        <v>0</v>
      </c>
      <c r="CE14" s="117">
        <v>1635571</v>
      </c>
      <c r="CF14" s="117">
        <v>1722794</v>
      </c>
      <c r="CG14" s="117">
        <v>787261</v>
      </c>
      <c r="CH14" s="117">
        <v>1396406</v>
      </c>
      <c r="CI14" s="117">
        <v>292971</v>
      </c>
      <c r="CJ14" s="116">
        <v>5835003</v>
      </c>
      <c r="CK14" s="119">
        <v>5985641</v>
      </c>
      <c r="CL14" s="113">
        <v>0</v>
      </c>
      <c r="CM14" s="117">
        <v>0</v>
      </c>
      <c r="CN14" s="116">
        <v>0</v>
      </c>
      <c r="CO14" s="114">
        <v>0</v>
      </c>
      <c r="CP14" s="117">
        <v>971174</v>
      </c>
      <c r="CQ14" s="117">
        <v>1386925</v>
      </c>
      <c r="CR14" s="117">
        <v>473536</v>
      </c>
      <c r="CS14" s="117">
        <v>989639</v>
      </c>
      <c r="CT14" s="117">
        <v>141441</v>
      </c>
      <c r="CU14" s="116">
        <v>3962715</v>
      </c>
      <c r="CV14" s="119">
        <v>3962715</v>
      </c>
      <c r="CW14" s="113">
        <v>16822</v>
      </c>
      <c r="CX14" s="117">
        <v>133816</v>
      </c>
      <c r="CY14" s="116">
        <v>150638</v>
      </c>
      <c r="CZ14" s="113">
        <v>0</v>
      </c>
      <c r="DA14" s="117">
        <v>664397</v>
      </c>
      <c r="DB14" s="117">
        <v>335869</v>
      </c>
      <c r="DC14" s="117">
        <v>313725</v>
      </c>
      <c r="DD14" s="117">
        <v>406767</v>
      </c>
      <c r="DE14" s="117">
        <v>151530</v>
      </c>
      <c r="DF14" s="116">
        <v>1872288</v>
      </c>
      <c r="DG14" s="119">
        <v>2022926</v>
      </c>
      <c r="DH14" s="113">
        <v>0</v>
      </c>
      <c r="DI14" s="117">
        <v>0</v>
      </c>
      <c r="DJ14" s="115">
        <v>0</v>
      </c>
      <c r="DK14" s="114">
        <v>0</v>
      </c>
      <c r="DL14" s="117">
        <v>131170</v>
      </c>
      <c r="DM14" s="117">
        <v>313209</v>
      </c>
      <c r="DN14" s="117">
        <v>81625</v>
      </c>
      <c r="DO14" s="117">
        <v>598757</v>
      </c>
      <c r="DP14" s="117">
        <v>0</v>
      </c>
      <c r="DQ14" s="116">
        <v>1124761</v>
      </c>
      <c r="DR14" s="119">
        <v>1124761</v>
      </c>
      <c r="DS14" s="113">
        <v>0</v>
      </c>
      <c r="DT14" s="117">
        <v>0</v>
      </c>
      <c r="DU14" s="116">
        <v>0</v>
      </c>
      <c r="DV14" s="113">
        <v>0</v>
      </c>
      <c r="DW14" s="117">
        <v>131170</v>
      </c>
      <c r="DX14" s="117">
        <v>313209</v>
      </c>
      <c r="DY14" s="117">
        <v>81625</v>
      </c>
      <c r="DZ14" s="117">
        <v>598757</v>
      </c>
      <c r="EA14" s="117">
        <v>0</v>
      </c>
      <c r="EB14" s="116">
        <v>1124761</v>
      </c>
      <c r="EC14" s="119">
        <v>1124761</v>
      </c>
      <c r="ED14" s="113">
        <v>0</v>
      </c>
      <c r="EE14" s="115">
        <v>0</v>
      </c>
      <c r="EF14" s="116">
        <v>0</v>
      </c>
      <c r="EG14" s="113">
        <v>0</v>
      </c>
      <c r="EH14" s="117">
        <v>0</v>
      </c>
      <c r="EI14" s="117">
        <v>0</v>
      </c>
      <c r="EJ14" s="117">
        <v>0</v>
      </c>
      <c r="EK14" s="117">
        <v>0</v>
      </c>
      <c r="EL14" s="117">
        <v>0</v>
      </c>
      <c r="EM14" s="115">
        <v>0</v>
      </c>
      <c r="EN14" s="119">
        <v>0</v>
      </c>
      <c r="EO14" s="113">
        <v>0</v>
      </c>
      <c r="EP14" s="117">
        <v>0</v>
      </c>
      <c r="EQ14" s="115">
        <v>0</v>
      </c>
      <c r="ER14" s="114">
        <v>0</v>
      </c>
      <c r="ES14" s="117">
        <v>0</v>
      </c>
      <c r="ET14" s="117">
        <v>0</v>
      </c>
      <c r="EU14" s="117">
        <v>0</v>
      </c>
      <c r="EV14" s="117">
        <v>0</v>
      </c>
      <c r="EW14" s="117">
        <v>0</v>
      </c>
      <c r="EX14" s="116">
        <v>0</v>
      </c>
      <c r="EY14" s="119">
        <v>0</v>
      </c>
      <c r="EZ14" s="113">
        <v>0</v>
      </c>
      <c r="FA14" s="117">
        <v>0</v>
      </c>
      <c r="FB14" s="115">
        <v>0</v>
      </c>
      <c r="FC14" s="395"/>
      <c r="FD14" s="117">
        <v>0</v>
      </c>
      <c r="FE14" s="117">
        <v>0</v>
      </c>
      <c r="FF14" s="117">
        <v>0</v>
      </c>
      <c r="FG14" s="117">
        <v>0</v>
      </c>
      <c r="FH14" s="117">
        <v>0</v>
      </c>
      <c r="FI14" s="116">
        <v>0</v>
      </c>
      <c r="FJ14" s="119">
        <v>0</v>
      </c>
      <c r="FK14" s="113">
        <v>97342</v>
      </c>
      <c r="FL14" s="117">
        <v>69734</v>
      </c>
      <c r="FM14" s="116">
        <v>167076</v>
      </c>
      <c r="FN14" s="113">
        <v>0</v>
      </c>
      <c r="FO14" s="117">
        <v>331394</v>
      </c>
      <c r="FP14" s="117">
        <v>540764</v>
      </c>
      <c r="FQ14" s="117">
        <v>477505</v>
      </c>
      <c r="FR14" s="117">
        <v>448931</v>
      </c>
      <c r="FS14" s="117">
        <v>140406</v>
      </c>
      <c r="FT14" s="116">
        <v>1939000</v>
      </c>
      <c r="FU14" s="119">
        <v>2106076</v>
      </c>
      <c r="FV14" s="118">
        <v>97342</v>
      </c>
      <c r="FW14" s="117">
        <v>69734</v>
      </c>
      <c r="FX14" s="115">
        <v>167076</v>
      </c>
      <c r="FY14" s="114">
        <v>0</v>
      </c>
      <c r="FZ14" s="117">
        <v>191394</v>
      </c>
      <c r="GA14" s="117">
        <v>540764</v>
      </c>
      <c r="GB14" s="117">
        <v>303933</v>
      </c>
      <c r="GC14" s="117">
        <v>430031</v>
      </c>
      <c r="GD14" s="117">
        <v>140406</v>
      </c>
      <c r="GE14" s="116">
        <v>1606528</v>
      </c>
      <c r="GF14" s="357">
        <v>1773604</v>
      </c>
      <c r="GG14" s="118">
        <v>0</v>
      </c>
      <c r="GH14" s="117">
        <v>0</v>
      </c>
      <c r="GI14" s="115">
        <v>0</v>
      </c>
      <c r="GJ14" s="114">
        <v>0</v>
      </c>
      <c r="GK14" s="117">
        <v>0</v>
      </c>
      <c r="GL14" s="117">
        <v>0</v>
      </c>
      <c r="GM14" s="117">
        <v>33572</v>
      </c>
      <c r="GN14" s="117">
        <v>0</v>
      </c>
      <c r="GO14" s="117">
        <v>0</v>
      </c>
      <c r="GP14" s="116">
        <v>33572</v>
      </c>
      <c r="GQ14" s="119">
        <v>33572</v>
      </c>
      <c r="GR14" s="113">
        <v>0</v>
      </c>
      <c r="GS14" s="117">
        <v>0</v>
      </c>
      <c r="GT14" s="116">
        <v>0</v>
      </c>
      <c r="GU14" s="113">
        <v>0</v>
      </c>
      <c r="GV14" s="117">
        <v>140000</v>
      </c>
      <c r="GW14" s="117">
        <v>0</v>
      </c>
      <c r="GX14" s="117">
        <v>140000</v>
      </c>
      <c r="GY14" s="117">
        <v>18900</v>
      </c>
      <c r="GZ14" s="117">
        <v>0</v>
      </c>
      <c r="HA14" s="115">
        <v>298900</v>
      </c>
      <c r="HB14" s="119">
        <v>298900</v>
      </c>
      <c r="HC14" s="113">
        <v>247136</v>
      </c>
      <c r="HD14" s="117">
        <v>0</v>
      </c>
      <c r="HE14" s="115">
        <v>247136</v>
      </c>
      <c r="HF14" s="114">
        <v>0</v>
      </c>
      <c r="HG14" s="117">
        <v>1106597</v>
      </c>
      <c r="HH14" s="117">
        <v>1343849</v>
      </c>
      <c r="HI14" s="117">
        <v>1554234</v>
      </c>
      <c r="HJ14" s="117">
        <v>1442783</v>
      </c>
      <c r="HK14" s="117">
        <v>2333498</v>
      </c>
      <c r="HL14" s="116">
        <v>7780961</v>
      </c>
      <c r="HM14" s="112">
        <v>8028097</v>
      </c>
      <c r="HN14" s="373"/>
      <c r="HO14" s="374"/>
      <c r="HP14" s="375"/>
      <c r="HQ14" s="376"/>
      <c r="HR14" s="374"/>
      <c r="HS14" s="374"/>
      <c r="HT14" s="374"/>
      <c r="HU14" s="374"/>
      <c r="HV14" s="374"/>
      <c r="HW14" s="377"/>
      <c r="HX14" s="378"/>
      <c r="HY14" s="148">
        <v>22220</v>
      </c>
      <c r="HZ14" s="149">
        <v>0</v>
      </c>
      <c r="IA14" s="150">
        <v>22220</v>
      </c>
      <c r="IB14" s="151">
        <v>0</v>
      </c>
      <c r="IC14" s="152">
        <v>1063318</v>
      </c>
      <c r="ID14" s="153">
        <v>1846403</v>
      </c>
      <c r="IE14" s="154">
        <v>925507</v>
      </c>
      <c r="IF14" s="152">
        <v>2997031</v>
      </c>
      <c r="IG14" s="154">
        <v>316679</v>
      </c>
      <c r="IH14" s="155">
        <v>7148938</v>
      </c>
      <c r="II14" s="156">
        <v>7171158</v>
      </c>
      <c r="IJ14" s="259">
        <v>0</v>
      </c>
      <c r="IK14" s="266">
        <v>0</v>
      </c>
      <c r="IL14" s="267">
        <v>0</v>
      </c>
      <c r="IM14" s="157"/>
      <c r="IN14" s="123">
        <v>35794</v>
      </c>
      <c r="IO14" s="123">
        <v>122124</v>
      </c>
      <c r="IP14" s="123">
        <v>0</v>
      </c>
      <c r="IQ14" s="123">
        <v>210558</v>
      </c>
      <c r="IR14" s="123">
        <v>0</v>
      </c>
      <c r="IS14" s="158">
        <v>368476</v>
      </c>
      <c r="IT14" s="360">
        <v>368476</v>
      </c>
      <c r="IU14" s="159">
        <v>0</v>
      </c>
      <c r="IV14" s="123">
        <v>0</v>
      </c>
      <c r="IW14" s="124">
        <v>0</v>
      </c>
      <c r="IX14" s="161"/>
      <c r="IY14" s="123">
        <v>0</v>
      </c>
      <c r="IZ14" s="123">
        <v>0</v>
      </c>
      <c r="JA14" s="123">
        <v>0</v>
      </c>
      <c r="JB14" s="123">
        <v>0</v>
      </c>
      <c r="JC14" s="123">
        <v>0</v>
      </c>
      <c r="JD14" s="124">
        <v>0</v>
      </c>
      <c r="JE14" s="125">
        <v>0</v>
      </c>
      <c r="JF14" s="159">
        <v>0</v>
      </c>
      <c r="JG14" s="123">
        <v>0</v>
      </c>
      <c r="JH14" s="158">
        <v>0</v>
      </c>
      <c r="JI14" s="122">
        <v>0</v>
      </c>
      <c r="JJ14" s="123">
        <v>823124</v>
      </c>
      <c r="JK14" s="123">
        <v>1027626</v>
      </c>
      <c r="JL14" s="123">
        <v>712081</v>
      </c>
      <c r="JM14" s="123">
        <v>291929</v>
      </c>
      <c r="JN14" s="123">
        <v>0</v>
      </c>
      <c r="JO14" s="124">
        <v>2854760</v>
      </c>
      <c r="JP14" s="360">
        <v>2854760</v>
      </c>
      <c r="JQ14" s="159">
        <v>0</v>
      </c>
      <c r="JR14" s="123">
        <v>0</v>
      </c>
      <c r="JS14" s="158">
        <v>0</v>
      </c>
      <c r="JT14" s="122">
        <v>0</v>
      </c>
      <c r="JU14" s="123">
        <v>0</v>
      </c>
      <c r="JV14" s="123">
        <v>118949</v>
      </c>
      <c r="JW14" s="123">
        <v>0</v>
      </c>
      <c r="JX14" s="123">
        <v>0</v>
      </c>
      <c r="JY14" s="123">
        <v>0</v>
      </c>
      <c r="JZ14" s="124">
        <v>118949</v>
      </c>
      <c r="KA14" s="360">
        <v>118949</v>
      </c>
      <c r="KB14" s="262">
        <v>22220</v>
      </c>
      <c r="KC14" s="256">
        <v>0</v>
      </c>
      <c r="KD14" s="124">
        <v>22220</v>
      </c>
      <c r="KE14" s="122">
        <v>0</v>
      </c>
      <c r="KF14" s="123">
        <v>204400</v>
      </c>
      <c r="KG14" s="123">
        <v>0</v>
      </c>
      <c r="KH14" s="123">
        <v>213426</v>
      </c>
      <c r="KI14" s="123">
        <v>222709</v>
      </c>
      <c r="KJ14" s="123">
        <v>0</v>
      </c>
      <c r="KK14" s="124">
        <v>640535</v>
      </c>
      <c r="KL14" s="160">
        <v>662755</v>
      </c>
      <c r="KM14" s="259">
        <v>0</v>
      </c>
      <c r="KN14" s="266">
        <v>0</v>
      </c>
      <c r="KO14" s="267">
        <v>0</v>
      </c>
      <c r="KP14" s="395"/>
      <c r="KQ14" s="123">
        <v>0</v>
      </c>
      <c r="KR14" s="123">
        <v>425980</v>
      </c>
      <c r="KS14" s="123">
        <v>0</v>
      </c>
      <c r="KT14" s="123">
        <v>1562426</v>
      </c>
      <c r="KU14" s="123">
        <v>0</v>
      </c>
      <c r="KV14" s="124">
        <v>1988406</v>
      </c>
      <c r="KW14" s="360">
        <v>1988406</v>
      </c>
      <c r="KX14" s="159">
        <v>0</v>
      </c>
      <c r="KY14" s="123">
        <v>0</v>
      </c>
      <c r="KZ14" s="124">
        <v>0</v>
      </c>
      <c r="LA14" s="395"/>
      <c r="LB14" s="123">
        <v>0</v>
      </c>
      <c r="LC14" s="123">
        <v>0</v>
      </c>
      <c r="LD14" s="123">
        <v>0</v>
      </c>
      <c r="LE14" s="123">
        <v>189179</v>
      </c>
      <c r="LF14" s="123">
        <v>84816</v>
      </c>
      <c r="LG14" s="124">
        <v>273995</v>
      </c>
      <c r="LH14" s="125">
        <v>273995</v>
      </c>
      <c r="LI14" s="159">
        <v>0</v>
      </c>
      <c r="LJ14" s="123">
        <v>0</v>
      </c>
      <c r="LK14" s="124">
        <v>0</v>
      </c>
      <c r="LL14" s="395"/>
      <c r="LM14" s="123">
        <v>0</v>
      </c>
      <c r="LN14" s="123">
        <v>0</v>
      </c>
      <c r="LO14" s="123">
        <v>0</v>
      </c>
      <c r="LP14" s="123">
        <v>247429</v>
      </c>
      <c r="LQ14" s="123">
        <v>231863</v>
      </c>
      <c r="LR14" s="124">
        <v>479292</v>
      </c>
      <c r="LS14" s="360">
        <v>479292</v>
      </c>
      <c r="LT14" s="159">
        <v>0</v>
      </c>
      <c r="LU14" s="123">
        <v>0</v>
      </c>
      <c r="LV14" s="124">
        <v>0</v>
      </c>
      <c r="LW14" s="395"/>
      <c r="LX14" s="123">
        <v>0</v>
      </c>
      <c r="LY14" s="123">
        <v>151724</v>
      </c>
      <c r="LZ14" s="123">
        <v>0</v>
      </c>
      <c r="MA14" s="123">
        <v>272801</v>
      </c>
      <c r="MB14" s="123">
        <v>0</v>
      </c>
      <c r="MC14" s="124">
        <v>424525</v>
      </c>
      <c r="MD14" s="125">
        <v>424525</v>
      </c>
      <c r="ME14" s="159">
        <v>0</v>
      </c>
      <c r="MF14" s="123">
        <v>0</v>
      </c>
      <c r="MG14" s="124">
        <v>0</v>
      </c>
      <c r="MH14" s="395"/>
      <c r="MI14" s="123">
        <v>0</v>
      </c>
      <c r="MJ14" s="123">
        <v>644427</v>
      </c>
      <c r="MK14" s="123">
        <v>1010965</v>
      </c>
      <c r="ML14" s="123">
        <v>3508792</v>
      </c>
      <c r="MM14" s="123">
        <v>1488042</v>
      </c>
      <c r="MN14" s="124">
        <v>6652226</v>
      </c>
      <c r="MO14" s="160">
        <v>6652226</v>
      </c>
      <c r="MP14" s="159">
        <v>0</v>
      </c>
      <c r="MQ14" s="123">
        <v>0</v>
      </c>
      <c r="MR14" s="124">
        <v>0</v>
      </c>
      <c r="MS14" s="395"/>
      <c r="MT14" s="123">
        <v>0</v>
      </c>
      <c r="MU14" s="123">
        <v>204483</v>
      </c>
      <c r="MV14" s="123">
        <v>197430</v>
      </c>
      <c r="MW14" s="123">
        <v>1948495</v>
      </c>
      <c r="MX14" s="123">
        <v>1233817</v>
      </c>
      <c r="MY14" s="124">
        <v>3584225</v>
      </c>
      <c r="MZ14" s="160">
        <v>3584225</v>
      </c>
      <c r="NA14" s="159">
        <v>0</v>
      </c>
      <c r="NB14" s="123">
        <v>0</v>
      </c>
      <c r="NC14" s="124">
        <v>0</v>
      </c>
      <c r="ND14" s="395"/>
      <c r="NE14" s="123">
        <v>0</v>
      </c>
      <c r="NF14" s="123">
        <v>439944</v>
      </c>
      <c r="NG14" s="123">
        <v>813535</v>
      </c>
      <c r="NH14" s="123">
        <v>1560297</v>
      </c>
      <c r="NI14" s="123">
        <v>254225</v>
      </c>
      <c r="NJ14" s="124">
        <v>3068001</v>
      </c>
      <c r="NK14" s="360">
        <v>3068001</v>
      </c>
      <c r="NL14" s="159">
        <v>0</v>
      </c>
      <c r="NM14" s="123">
        <v>0</v>
      </c>
      <c r="NN14" s="124">
        <v>0</v>
      </c>
      <c r="NO14" s="395"/>
      <c r="NP14" s="123">
        <v>0</v>
      </c>
      <c r="NQ14" s="123">
        <v>0</v>
      </c>
      <c r="NR14" s="123">
        <v>0</v>
      </c>
      <c r="NS14" s="123">
        <v>0</v>
      </c>
      <c r="NT14" s="123">
        <v>0</v>
      </c>
      <c r="NU14" s="124">
        <v>0</v>
      </c>
      <c r="NV14" s="125">
        <v>0</v>
      </c>
      <c r="NW14" s="159">
        <v>0</v>
      </c>
      <c r="NX14" s="123">
        <v>0</v>
      </c>
      <c r="NY14" s="124">
        <v>0</v>
      </c>
      <c r="NZ14" s="395"/>
      <c r="OA14" s="123">
        <v>0</v>
      </c>
      <c r="OB14" s="123">
        <v>0</v>
      </c>
      <c r="OC14" s="123">
        <v>0</v>
      </c>
      <c r="OD14" s="123">
        <v>0</v>
      </c>
      <c r="OE14" s="123">
        <v>0</v>
      </c>
      <c r="OF14" s="124">
        <v>0</v>
      </c>
      <c r="OG14" s="125">
        <v>0</v>
      </c>
      <c r="OH14" s="159">
        <v>473440</v>
      </c>
      <c r="OI14" s="123">
        <v>261568</v>
      </c>
      <c r="OJ14" s="158">
        <v>735008</v>
      </c>
      <c r="OK14" s="122">
        <v>0</v>
      </c>
      <c r="OL14" s="123">
        <v>5218300</v>
      </c>
      <c r="OM14" s="123">
        <v>8106402</v>
      </c>
      <c r="ON14" s="123">
        <v>5696045</v>
      </c>
      <c r="OO14" s="123">
        <v>12552765</v>
      </c>
      <c r="OP14" s="123">
        <v>5550794</v>
      </c>
      <c r="OQ14" s="124">
        <v>37124306</v>
      </c>
      <c r="OR14" s="160">
        <v>37859314</v>
      </c>
    </row>
    <row r="15" spans="1:408" ht="20.25" customHeight="1" x14ac:dyDescent="0.2">
      <c r="A15" s="130" t="s">
        <v>9</v>
      </c>
      <c r="B15" s="113">
        <v>1523735</v>
      </c>
      <c r="C15" s="117">
        <v>1294206</v>
      </c>
      <c r="D15" s="116">
        <v>2817941</v>
      </c>
      <c r="E15" s="114">
        <v>0</v>
      </c>
      <c r="F15" s="117">
        <v>9951901</v>
      </c>
      <c r="G15" s="117">
        <v>11799520</v>
      </c>
      <c r="H15" s="117">
        <v>11429230</v>
      </c>
      <c r="I15" s="117">
        <v>15073523</v>
      </c>
      <c r="J15" s="117">
        <v>13347875</v>
      </c>
      <c r="K15" s="112">
        <v>61602049</v>
      </c>
      <c r="L15" s="119">
        <v>64419990</v>
      </c>
      <c r="M15" s="113">
        <v>334161</v>
      </c>
      <c r="N15" s="117">
        <v>274843</v>
      </c>
      <c r="O15" s="116">
        <v>609004</v>
      </c>
      <c r="P15" s="113">
        <v>0</v>
      </c>
      <c r="Q15" s="117">
        <v>3639134</v>
      </c>
      <c r="R15" s="117">
        <v>3550276</v>
      </c>
      <c r="S15" s="117">
        <v>4996571</v>
      </c>
      <c r="T15" s="117">
        <v>6651358</v>
      </c>
      <c r="U15" s="117">
        <v>7783059</v>
      </c>
      <c r="V15" s="116">
        <v>26620398</v>
      </c>
      <c r="W15" s="119">
        <v>27229402</v>
      </c>
      <c r="X15" s="113">
        <v>0</v>
      </c>
      <c r="Y15" s="117">
        <v>0</v>
      </c>
      <c r="Z15" s="116">
        <v>0</v>
      </c>
      <c r="AA15" s="113">
        <v>0</v>
      </c>
      <c r="AB15" s="117">
        <v>1442195</v>
      </c>
      <c r="AC15" s="117">
        <v>1509069</v>
      </c>
      <c r="AD15" s="117">
        <v>2734310</v>
      </c>
      <c r="AE15" s="117">
        <v>4485065</v>
      </c>
      <c r="AF15" s="117">
        <v>4578184</v>
      </c>
      <c r="AG15" s="116">
        <v>14748823</v>
      </c>
      <c r="AH15" s="119">
        <v>14748823</v>
      </c>
      <c r="AI15" s="113">
        <v>0</v>
      </c>
      <c r="AJ15" s="117">
        <v>0</v>
      </c>
      <c r="AK15" s="116">
        <v>0</v>
      </c>
      <c r="AL15" s="113">
        <v>0</v>
      </c>
      <c r="AM15" s="117">
        <v>242195</v>
      </c>
      <c r="AN15" s="117">
        <v>0</v>
      </c>
      <c r="AO15" s="117">
        <v>155105</v>
      </c>
      <c r="AP15" s="117">
        <v>177779</v>
      </c>
      <c r="AQ15" s="117">
        <v>1004161</v>
      </c>
      <c r="AR15" s="116">
        <v>1579240</v>
      </c>
      <c r="AS15" s="119">
        <v>1579240</v>
      </c>
      <c r="AT15" s="113">
        <v>134446</v>
      </c>
      <c r="AU15" s="117">
        <v>235496</v>
      </c>
      <c r="AV15" s="116">
        <v>369942</v>
      </c>
      <c r="AW15" s="113">
        <v>0</v>
      </c>
      <c r="AX15" s="117">
        <v>1294658</v>
      </c>
      <c r="AY15" s="117">
        <v>1112031</v>
      </c>
      <c r="AZ15" s="117">
        <v>1227528</v>
      </c>
      <c r="BA15" s="117">
        <v>1027299</v>
      </c>
      <c r="BB15" s="117">
        <v>1267364</v>
      </c>
      <c r="BC15" s="116">
        <v>5928880</v>
      </c>
      <c r="BD15" s="119">
        <v>6298822</v>
      </c>
      <c r="BE15" s="113">
        <v>23273</v>
      </c>
      <c r="BF15" s="117">
        <v>0</v>
      </c>
      <c r="BG15" s="115">
        <v>23273</v>
      </c>
      <c r="BH15" s="114">
        <v>0</v>
      </c>
      <c r="BI15" s="117">
        <v>119658</v>
      </c>
      <c r="BJ15" s="117">
        <v>214798</v>
      </c>
      <c r="BK15" s="117">
        <v>164011</v>
      </c>
      <c r="BL15" s="117">
        <v>148445</v>
      </c>
      <c r="BM15" s="117">
        <v>311379</v>
      </c>
      <c r="BN15" s="116">
        <v>958291</v>
      </c>
      <c r="BO15" s="119">
        <v>981564</v>
      </c>
      <c r="BP15" s="113">
        <v>176442</v>
      </c>
      <c r="BQ15" s="117">
        <v>39347</v>
      </c>
      <c r="BR15" s="116">
        <v>215789</v>
      </c>
      <c r="BS15" s="113">
        <v>0</v>
      </c>
      <c r="BT15" s="117">
        <v>540428</v>
      </c>
      <c r="BU15" s="117">
        <v>714378</v>
      </c>
      <c r="BV15" s="117">
        <v>715617</v>
      </c>
      <c r="BW15" s="117">
        <v>812770</v>
      </c>
      <c r="BX15" s="117">
        <v>621971</v>
      </c>
      <c r="BY15" s="116">
        <v>3405164</v>
      </c>
      <c r="BZ15" s="119">
        <v>3620953</v>
      </c>
      <c r="CA15" s="113">
        <v>72168</v>
      </c>
      <c r="CB15" s="117">
        <v>262142</v>
      </c>
      <c r="CC15" s="116">
        <v>334310</v>
      </c>
      <c r="CD15" s="113">
        <v>0</v>
      </c>
      <c r="CE15" s="117">
        <v>2175109</v>
      </c>
      <c r="CF15" s="117">
        <v>2705491</v>
      </c>
      <c r="CG15" s="117">
        <v>1959810</v>
      </c>
      <c r="CH15" s="117">
        <v>1508175</v>
      </c>
      <c r="CI15" s="117">
        <v>574177</v>
      </c>
      <c r="CJ15" s="116">
        <v>8922762</v>
      </c>
      <c r="CK15" s="119">
        <v>9257072</v>
      </c>
      <c r="CL15" s="113">
        <v>0</v>
      </c>
      <c r="CM15" s="117">
        <v>0</v>
      </c>
      <c r="CN15" s="116">
        <v>0</v>
      </c>
      <c r="CO15" s="114">
        <v>0</v>
      </c>
      <c r="CP15" s="117">
        <v>1817012</v>
      </c>
      <c r="CQ15" s="117">
        <v>2069974</v>
      </c>
      <c r="CR15" s="117">
        <v>1540921</v>
      </c>
      <c r="CS15" s="117">
        <v>1006832</v>
      </c>
      <c r="CT15" s="117">
        <v>497003</v>
      </c>
      <c r="CU15" s="116">
        <v>6931742</v>
      </c>
      <c r="CV15" s="119">
        <v>6931742</v>
      </c>
      <c r="CW15" s="113">
        <v>72168</v>
      </c>
      <c r="CX15" s="117">
        <v>262142</v>
      </c>
      <c r="CY15" s="116">
        <v>334310</v>
      </c>
      <c r="CZ15" s="113">
        <v>0</v>
      </c>
      <c r="DA15" s="117">
        <v>358097</v>
      </c>
      <c r="DB15" s="117">
        <v>635517</v>
      </c>
      <c r="DC15" s="117">
        <v>418889</v>
      </c>
      <c r="DD15" s="117">
        <v>501343</v>
      </c>
      <c r="DE15" s="117">
        <v>77174</v>
      </c>
      <c r="DF15" s="116">
        <v>1991020</v>
      </c>
      <c r="DG15" s="119">
        <v>2325330</v>
      </c>
      <c r="DH15" s="113">
        <v>0</v>
      </c>
      <c r="DI15" s="117">
        <v>0</v>
      </c>
      <c r="DJ15" s="115">
        <v>0</v>
      </c>
      <c r="DK15" s="114">
        <v>0</v>
      </c>
      <c r="DL15" s="117">
        <v>214358</v>
      </c>
      <c r="DM15" s="117">
        <v>776979</v>
      </c>
      <c r="DN15" s="117">
        <v>748735</v>
      </c>
      <c r="DO15" s="117">
        <v>1045002</v>
      </c>
      <c r="DP15" s="117">
        <v>738268</v>
      </c>
      <c r="DQ15" s="116">
        <v>3523342</v>
      </c>
      <c r="DR15" s="119">
        <v>3523342</v>
      </c>
      <c r="DS15" s="113">
        <v>0</v>
      </c>
      <c r="DT15" s="117">
        <v>0</v>
      </c>
      <c r="DU15" s="116">
        <v>0</v>
      </c>
      <c r="DV15" s="113">
        <v>0</v>
      </c>
      <c r="DW15" s="117">
        <v>115847</v>
      </c>
      <c r="DX15" s="117">
        <v>741005</v>
      </c>
      <c r="DY15" s="117">
        <v>545856</v>
      </c>
      <c r="DZ15" s="117">
        <v>1000072</v>
      </c>
      <c r="EA15" s="117">
        <v>589031</v>
      </c>
      <c r="EB15" s="116">
        <v>2991811</v>
      </c>
      <c r="EC15" s="119">
        <v>2991811</v>
      </c>
      <c r="ED15" s="113">
        <v>0</v>
      </c>
      <c r="EE15" s="115">
        <v>0</v>
      </c>
      <c r="EF15" s="116">
        <v>0</v>
      </c>
      <c r="EG15" s="113">
        <v>0</v>
      </c>
      <c r="EH15" s="117">
        <v>98511</v>
      </c>
      <c r="EI15" s="117">
        <v>35974</v>
      </c>
      <c r="EJ15" s="117">
        <v>202879</v>
      </c>
      <c r="EK15" s="117">
        <v>44930</v>
      </c>
      <c r="EL15" s="117">
        <v>149237</v>
      </c>
      <c r="EM15" s="115">
        <v>531531</v>
      </c>
      <c r="EN15" s="119">
        <v>531531</v>
      </c>
      <c r="EO15" s="113">
        <v>0</v>
      </c>
      <c r="EP15" s="117">
        <v>0</v>
      </c>
      <c r="EQ15" s="115">
        <v>0</v>
      </c>
      <c r="ER15" s="114">
        <v>0</v>
      </c>
      <c r="ES15" s="117">
        <v>0</v>
      </c>
      <c r="ET15" s="117">
        <v>0</v>
      </c>
      <c r="EU15" s="117">
        <v>0</v>
      </c>
      <c r="EV15" s="117">
        <v>0</v>
      </c>
      <c r="EW15" s="117">
        <v>0</v>
      </c>
      <c r="EX15" s="116">
        <v>0</v>
      </c>
      <c r="EY15" s="119">
        <v>0</v>
      </c>
      <c r="EZ15" s="113">
        <v>0</v>
      </c>
      <c r="FA15" s="117">
        <v>0</v>
      </c>
      <c r="FB15" s="115">
        <v>0</v>
      </c>
      <c r="FC15" s="395"/>
      <c r="FD15" s="117">
        <v>0</v>
      </c>
      <c r="FE15" s="117">
        <v>0</v>
      </c>
      <c r="FF15" s="117">
        <v>0</v>
      </c>
      <c r="FG15" s="117">
        <v>0</v>
      </c>
      <c r="FH15" s="117">
        <v>0</v>
      </c>
      <c r="FI15" s="116">
        <v>0</v>
      </c>
      <c r="FJ15" s="119">
        <v>0</v>
      </c>
      <c r="FK15" s="113">
        <v>433825</v>
      </c>
      <c r="FL15" s="117">
        <v>265118</v>
      </c>
      <c r="FM15" s="116">
        <v>698943</v>
      </c>
      <c r="FN15" s="113">
        <v>0</v>
      </c>
      <c r="FO15" s="117">
        <v>572061</v>
      </c>
      <c r="FP15" s="117">
        <v>1221549</v>
      </c>
      <c r="FQ15" s="117">
        <v>988563</v>
      </c>
      <c r="FR15" s="117">
        <v>984879</v>
      </c>
      <c r="FS15" s="117">
        <v>950950</v>
      </c>
      <c r="FT15" s="116">
        <v>4718002</v>
      </c>
      <c r="FU15" s="119">
        <v>5416945</v>
      </c>
      <c r="FV15" s="118">
        <v>212492</v>
      </c>
      <c r="FW15" s="117">
        <v>227346</v>
      </c>
      <c r="FX15" s="115">
        <v>439838</v>
      </c>
      <c r="FY15" s="114">
        <v>0</v>
      </c>
      <c r="FZ15" s="117">
        <v>494361</v>
      </c>
      <c r="GA15" s="117">
        <v>1057469</v>
      </c>
      <c r="GB15" s="117">
        <v>968263</v>
      </c>
      <c r="GC15" s="117">
        <v>968247</v>
      </c>
      <c r="GD15" s="117">
        <v>820750</v>
      </c>
      <c r="GE15" s="116">
        <v>4309090</v>
      </c>
      <c r="GF15" s="357">
        <v>4748928</v>
      </c>
      <c r="GG15" s="118">
        <v>0</v>
      </c>
      <c r="GH15" s="117">
        <v>37772</v>
      </c>
      <c r="GI15" s="115">
        <v>37772</v>
      </c>
      <c r="GJ15" s="114">
        <v>0</v>
      </c>
      <c r="GK15" s="117">
        <v>77700</v>
      </c>
      <c r="GL15" s="117">
        <v>19250</v>
      </c>
      <c r="GM15" s="117">
        <v>20300</v>
      </c>
      <c r="GN15" s="117">
        <v>16632</v>
      </c>
      <c r="GO15" s="117">
        <v>0</v>
      </c>
      <c r="GP15" s="116">
        <v>133882</v>
      </c>
      <c r="GQ15" s="119">
        <v>171654</v>
      </c>
      <c r="GR15" s="113">
        <v>221333</v>
      </c>
      <c r="GS15" s="117">
        <v>0</v>
      </c>
      <c r="GT15" s="116">
        <v>221333</v>
      </c>
      <c r="GU15" s="113">
        <v>0</v>
      </c>
      <c r="GV15" s="117">
        <v>0</v>
      </c>
      <c r="GW15" s="117">
        <v>144830</v>
      </c>
      <c r="GX15" s="117">
        <v>0</v>
      </c>
      <c r="GY15" s="117">
        <v>0</v>
      </c>
      <c r="GZ15" s="117">
        <v>130200</v>
      </c>
      <c r="HA15" s="115">
        <v>275030</v>
      </c>
      <c r="HB15" s="119">
        <v>496363</v>
      </c>
      <c r="HC15" s="113">
        <v>683581</v>
      </c>
      <c r="HD15" s="117">
        <v>492103</v>
      </c>
      <c r="HE15" s="115">
        <v>1175684</v>
      </c>
      <c r="HF15" s="114">
        <v>0</v>
      </c>
      <c r="HG15" s="117">
        <v>3351239</v>
      </c>
      <c r="HH15" s="117">
        <v>3545225</v>
      </c>
      <c r="HI15" s="117">
        <v>2735551</v>
      </c>
      <c r="HJ15" s="117">
        <v>4884109</v>
      </c>
      <c r="HK15" s="117">
        <v>3301421</v>
      </c>
      <c r="HL15" s="116">
        <v>17817545</v>
      </c>
      <c r="HM15" s="112">
        <v>18993229</v>
      </c>
      <c r="HN15" s="373"/>
      <c r="HO15" s="374"/>
      <c r="HP15" s="375"/>
      <c r="HQ15" s="376"/>
      <c r="HR15" s="374"/>
      <c r="HS15" s="374"/>
      <c r="HT15" s="374"/>
      <c r="HU15" s="374"/>
      <c r="HV15" s="374"/>
      <c r="HW15" s="377"/>
      <c r="HX15" s="378"/>
      <c r="HY15" s="132">
        <v>37821</v>
      </c>
      <c r="HZ15" s="165">
        <v>137624</v>
      </c>
      <c r="IA15" s="134">
        <v>175445</v>
      </c>
      <c r="IB15" s="162">
        <v>0</v>
      </c>
      <c r="IC15" s="149">
        <v>1292210</v>
      </c>
      <c r="ID15" s="163">
        <v>3203018</v>
      </c>
      <c r="IE15" s="150">
        <v>2963333</v>
      </c>
      <c r="IF15" s="149">
        <v>3450141</v>
      </c>
      <c r="IG15" s="150">
        <v>2122194</v>
      </c>
      <c r="IH15" s="164">
        <v>13030896</v>
      </c>
      <c r="II15" s="138">
        <v>13206341</v>
      </c>
      <c r="IJ15" s="259">
        <v>0</v>
      </c>
      <c r="IK15" s="266">
        <v>0</v>
      </c>
      <c r="IL15" s="267">
        <v>0</v>
      </c>
      <c r="IM15" s="157"/>
      <c r="IN15" s="123">
        <v>0</v>
      </c>
      <c r="IO15" s="123">
        <v>101846</v>
      </c>
      <c r="IP15" s="123">
        <v>0</v>
      </c>
      <c r="IQ15" s="123">
        <v>650293</v>
      </c>
      <c r="IR15" s="123">
        <v>438906</v>
      </c>
      <c r="IS15" s="158">
        <v>1191045</v>
      </c>
      <c r="IT15" s="360">
        <v>1191045</v>
      </c>
      <c r="IU15" s="159">
        <v>0</v>
      </c>
      <c r="IV15" s="123">
        <v>0</v>
      </c>
      <c r="IW15" s="124">
        <v>0</v>
      </c>
      <c r="IX15" s="161"/>
      <c r="IY15" s="123">
        <v>0</v>
      </c>
      <c r="IZ15" s="123">
        <v>0</v>
      </c>
      <c r="JA15" s="123">
        <v>0</v>
      </c>
      <c r="JB15" s="123">
        <v>0</v>
      </c>
      <c r="JC15" s="123">
        <v>0</v>
      </c>
      <c r="JD15" s="124">
        <v>0</v>
      </c>
      <c r="JE15" s="125">
        <v>0</v>
      </c>
      <c r="JF15" s="159">
        <v>0</v>
      </c>
      <c r="JG15" s="123">
        <v>0</v>
      </c>
      <c r="JH15" s="158">
        <v>0</v>
      </c>
      <c r="JI15" s="122">
        <v>0</v>
      </c>
      <c r="JJ15" s="123">
        <v>966790</v>
      </c>
      <c r="JK15" s="123">
        <v>1297088</v>
      </c>
      <c r="JL15" s="123">
        <v>1259739</v>
      </c>
      <c r="JM15" s="123">
        <v>749640</v>
      </c>
      <c r="JN15" s="123">
        <v>113820</v>
      </c>
      <c r="JO15" s="124">
        <v>4387077</v>
      </c>
      <c r="JP15" s="360">
        <v>4387077</v>
      </c>
      <c r="JQ15" s="159">
        <v>0</v>
      </c>
      <c r="JR15" s="123">
        <v>0</v>
      </c>
      <c r="JS15" s="158">
        <v>0</v>
      </c>
      <c r="JT15" s="122">
        <v>0</v>
      </c>
      <c r="JU15" s="123">
        <v>97605</v>
      </c>
      <c r="JV15" s="123">
        <v>33242</v>
      </c>
      <c r="JW15" s="123">
        <v>0</v>
      </c>
      <c r="JX15" s="123">
        <v>0</v>
      </c>
      <c r="JY15" s="123">
        <v>0</v>
      </c>
      <c r="JZ15" s="124">
        <v>130847</v>
      </c>
      <c r="KA15" s="360">
        <v>130847</v>
      </c>
      <c r="KB15" s="262">
        <v>37821</v>
      </c>
      <c r="KC15" s="256">
        <v>137624</v>
      </c>
      <c r="KD15" s="124">
        <v>175445</v>
      </c>
      <c r="KE15" s="122">
        <v>0</v>
      </c>
      <c r="KF15" s="123">
        <v>227815</v>
      </c>
      <c r="KG15" s="123">
        <v>404709</v>
      </c>
      <c r="KH15" s="123">
        <v>605887</v>
      </c>
      <c r="KI15" s="123">
        <v>669871</v>
      </c>
      <c r="KJ15" s="123">
        <v>243509</v>
      </c>
      <c r="KK15" s="124">
        <v>2151791</v>
      </c>
      <c r="KL15" s="160">
        <v>2327236</v>
      </c>
      <c r="KM15" s="259">
        <v>0</v>
      </c>
      <c r="KN15" s="266">
        <v>0</v>
      </c>
      <c r="KO15" s="267">
        <v>0</v>
      </c>
      <c r="KP15" s="395"/>
      <c r="KQ15" s="123">
        <v>0</v>
      </c>
      <c r="KR15" s="123">
        <v>888534</v>
      </c>
      <c r="KS15" s="123">
        <v>660854</v>
      </c>
      <c r="KT15" s="123">
        <v>686137</v>
      </c>
      <c r="KU15" s="123">
        <v>690151</v>
      </c>
      <c r="KV15" s="124">
        <v>2925676</v>
      </c>
      <c r="KW15" s="360">
        <v>2925676</v>
      </c>
      <c r="KX15" s="159">
        <v>0</v>
      </c>
      <c r="KY15" s="123">
        <v>0</v>
      </c>
      <c r="KZ15" s="124">
        <v>0</v>
      </c>
      <c r="LA15" s="395"/>
      <c r="LB15" s="123">
        <v>0</v>
      </c>
      <c r="LC15" s="123">
        <v>315844</v>
      </c>
      <c r="LD15" s="123">
        <v>0</v>
      </c>
      <c r="LE15" s="123">
        <v>192155</v>
      </c>
      <c r="LF15" s="123">
        <v>0</v>
      </c>
      <c r="LG15" s="124">
        <v>507999</v>
      </c>
      <c r="LH15" s="125">
        <v>507999</v>
      </c>
      <c r="LI15" s="159">
        <v>0</v>
      </c>
      <c r="LJ15" s="123">
        <v>0</v>
      </c>
      <c r="LK15" s="124">
        <v>0</v>
      </c>
      <c r="LL15" s="395"/>
      <c r="LM15" s="123">
        <v>0</v>
      </c>
      <c r="LN15" s="123">
        <v>0</v>
      </c>
      <c r="LO15" s="123">
        <v>0</v>
      </c>
      <c r="LP15" s="123">
        <v>0</v>
      </c>
      <c r="LQ15" s="123">
        <v>0</v>
      </c>
      <c r="LR15" s="124">
        <v>0</v>
      </c>
      <c r="LS15" s="360">
        <v>0</v>
      </c>
      <c r="LT15" s="159">
        <v>0</v>
      </c>
      <c r="LU15" s="123">
        <v>0</v>
      </c>
      <c r="LV15" s="124">
        <v>0</v>
      </c>
      <c r="LW15" s="395"/>
      <c r="LX15" s="123">
        <v>0</v>
      </c>
      <c r="LY15" s="123">
        <v>161755</v>
      </c>
      <c r="LZ15" s="123">
        <v>436853</v>
      </c>
      <c r="MA15" s="123">
        <v>502045</v>
      </c>
      <c r="MB15" s="123">
        <v>635808</v>
      </c>
      <c r="MC15" s="124">
        <v>1736461</v>
      </c>
      <c r="MD15" s="125">
        <v>1736461</v>
      </c>
      <c r="ME15" s="159">
        <v>0</v>
      </c>
      <c r="MF15" s="123">
        <v>0</v>
      </c>
      <c r="MG15" s="124">
        <v>0</v>
      </c>
      <c r="MH15" s="395"/>
      <c r="MI15" s="123">
        <v>960828</v>
      </c>
      <c r="MJ15" s="123">
        <v>580345</v>
      </c>
      <c r="MK15" s="123">
        <v>3193451</v>
      </c>
      <c r="ML15" s="123">
        <v>5907571</v>
      </c>
      <c r="MM15" s="123">
        <v>6461093</v>
      </c>
      <c r="MN15" s="124">
        <v>17103288</v>
      </c>
      <c r="MO15" s="160">
        <v>17103288</v>
      </c>
      <c r="MP15" s="159">
        <v>0</v>
      </c>
      <c r="MQ15" s="123">
        <v>0</v>
      </c>
      <c r="MR15" s="124">
        <v>0</v>
      </c>
      <c r="MS15" s="395"/>
      <c r="MT15" s="123">
        <v>0</v>
      </c>
      <c r="MU15" s="123">
        <v>0</v>
      </c>
      <c r="MV15" s="123">
        <v>1333317</v>
      </c>
      <c r="MW15" s="123">
        <v>4264899</v>
      </c>
      <c r="MX15" s="123">
        <v>4542902</v>
      </c>
      <c r="MY15" s="124">
        <v>10141118</v>
      </c>
      <c r="MZ15" s="160">
        <v>10141118</v>
      </c>
      <c r="NA15" s="159">
        <v>0</v>
      </c>
      <c r="NB15" s="123">
        <v>0</v>
      </c>
      <c r="NC15" s="124">
        <v>0</v>
      </c>
      <c r="ND15" s="395"/>
      <c r="NE15" s="123">
        <v>960828</v>
      </c>
      <c r="NF15" s="123">
        <v>580345</v>
      </c>
      <c r="NG15" s="123">
        <v>1860134</v>
      </c>
      <c r="NH15" s="123">
        <v>1642672</v>
      </c>
      <c r="NI15" s="123">
        <v>1918191</v>
      </c>
      <c r="NJ15" s="124">
        <v>6962170</v>
      </c>
      <c r="NK15" s="360">
        <v>6962170</v>
      </c>
      <c r="NL15" s="159">
        <v>0</v>
      </c>
      <c r="NM15" s="123">
        <v>0</v>
      </c>
      <c r="NN15" s="124">
        <v>0</v>
      </c>
      <c r="NO15" s="395"/>
      <c r="NP15" s="123">
        <v>0</v>
      </c>
      <c r="NQ15" s="123">
        <v>0</v>
      </c>
      <c r="NR15" s="123">
        <v>0</v>
      </c>
      <c r="NS15" s="123">
        <v>0</v>
      </c>
      <c r="NT15" s="123">
        <v>0</v>
      </c>
      <c r="NU15" s="124">
        <v>0</v>
      </c>
      <c r="NV15" s="125">
        <v>0</v>
      </c>
      <c r="NW15" s="159">
        <v>0</v>
      </c>
      <c r="NX15" s="123">
        <v>0</v>
      </c>
      <c r="NY15" s="124">
        <v>0</v>
      </c>
      <c r="NZ15" s="395"/>
      <c r="OA15" s="123">
        <v>0</v>
      </c>
      <c r="OB15" s="123">
        <v>0</v>
      </c>
      <c r="OC15" s="123">
        <v>0</v>
      </c>
      <c r="OD15" s="123">
        <v>0</v>
      </c>
      <c r="OE15" s="123">
        <v>0</v>
      </c>
      <c r="OF15" s="124">
        <v>0</v>
      </c>
      <c r="OG15" s="125">
        <v>0</v>
      </c>
      <c r="OH15" s="159">
        <v>1561556</v>
      </c>
      <c r="OI15" s="123">
        <v>1431830</v>
      </c>
      <c r="OJ15" s="158">
        <v>2993386</v>
      </c>
      <c r="OK15" s="122">
        <v>0</v>
      </c>
      <c r="OL15" s="123">
        <v>12204939</v>
      </c>
      <c r="OM15" s="123">
        <v>15582883</v>
      </c>
      <c r="ON15" s="123">
        <v>17586014</v>
      </c>
      <c r="OO15" s="123">
        <v>24431235</v>
      </c>
      <c r="OP15" s="123">
        <v>21931162</v>
      </c>
      <c r="OQ15" s="124">
        <v>91736233</v>
      </c>
      <c r="OR15" s="160">
        <v>94729619</v>
      </c>
    </row>
    <row r="16" spans="1:408" ht="20.25" customHeight="1" x14ac:dyDescent="0.2">
      <c r="A16" s="130" t="s">
        <v>10</v>
      </c>
      <c r="B16" s="113">
        <v>1213582</v>
      </c>
      <c r="C16" s="117">
        <v>2319079</v>
      </c>
      <c r="D16" s="116">
        <v>3532661</v>
      </c>
      <c r="E16" s="188">
        <v>0</v>
      </c>
      <c r="F16" s="117">
        <v>15918264</v>
      </c>
      <c r="G16" s="117">
        <v>14729014</v>
      </c>
      <c r="H16" s="117">
        <v>12170269</v>
      </c>
      <c r="I16" s="117">
        <v>13776158</v>
      </c>
      <c r="J16" s="117">
        <v>11511146</v>
      </c>
      <c r="K16" s="112">
        <v>68104851</v>
      </c>
      <c r="L16" s="119">
        <v>71637512</v>
      </c>
      <c r="M16" s="113">
        <v>369430</v>
      </c>
      <c r="N16" s="117">
        <v>912029</v>
      </c>
      <c r="O16" s="116">
        <v>1281459</v>
      </c>
      <c r="P16" s="113">
        <v>0</v>
      </c>
      <c r="Q16" s="117">
        <v>5346853</v>
      </c>
      <c r="R16" s="117">
        <v>4548960</v>
      </c>
      <c r="S16" s="117">
        <v>4390940</v>
      </c>
      <c r="T16" s="117">
        <v>6265002</v>
      </c>
      <c r="U16" s="117">
        <v>5252356</v>
      </c>
      <c r="V16" s="116">
        <v>25804111</v>
      </c>
      <c r="W16" s="119">
        <v>27085570</v>
      </c>
      <c r="X16" s="113">
        <v>0</v>
      </c>
      <c r="Y16" s="117">
        <v>0</v>
      </c>
      <c r="Z16" s="116">
        <v>0</v>
      </c>
      <c r="AA16" s="113">
        <v>0</v>
      </c>
      <c r="AB16" s="117">
        <v>2544118</v>
      </c>
      <c r="AC16" s="117">
        <v>2084802</v>
      </c>
      <c r="AD16" s="117">
        <v>2555875</v>
      </c>
      <c r="AE16" s="117">
        <v>4276840</v>
      </c>
      <c r="AF16" s="117">
        <v>2948800</v>
      </c>
      <c r="AG16" s="116">
        <v>14410435</v>
      </c>
      <c r="AH16" s="119">
        <v>14410435</v>
      </c>
      <c r="AI16" s="113">
        <v>0</v>
      </c>
      <c r="AJ16" s="117">
        <v>0</v>
      </c>
      <c r="AK16" s="116">
        <v>0</v>
      </c>
      <c r="AL16" s="113">
        <v>0</v>
      </c>
      <c r="AM16" s="117">
        <v>104227</v>
      </c>
      <c r="AN16" s="117">
        <v>101213</v>
      </c>
      <c r="AO16" s="117">
        <v>0</v>
      </c>
      <c r="AP16" s="117">
        <v>52932</v>
      </c>
      <c r="AQ16" s="117">
        <v>617654</v>
      </c>
      <c r="AR16" s="116">
        <v>876026</v>
      </c>
      <c r="AS16" s="119">
        <v>876026</v>
      </c>
      <c r="AT16" s="113">
        <v>183036</v>
      </c>
      <c r="AU16" s="117">
        <v>629282</v>
      </c>
      <c r="AV16" s="116">
        <v>812318</v>
      </c>
      <c r="AW16" s="113">
        <v>0</v>
      </c>
      <c r="AX16" s="117">
        <v>1585887</v>
      </c>
      <c r="AY16" s="117">
        <v>1391420</v>
      </c>
      <c r="AZ16" s="117">
        <v>853273</v>
      </c>
      <c r="BA16" s="117">
        <v>916545</v>
      </c>
      <c r="BB16" s="117">
        <v>678340</v>
      </c>
      <c r="BC16" s="116">
        <v>5425465</v>
      </c>
      <c r="BD16" s="119">
        <v>6237783</v>
      </c>
      <c r="BE16" s="113">
        <v>7439</v>
      </c>
      <c r="BF16" s="117">
        <v>46686</v>
      </c>
      <c r="BG16" s="115">
        <v>54125</v>
      </c>
      <c r="BH16" s="114">
        <v>0</v>
      </c>
      <c r="BI16" s="117">
        <v>39472</v>
      </c>
      <c r="BJ16" s="117">
        <v>100970</v>
      </c>
      <c r="BK16" s="117">
        <v>143073</v>
      </c>
      <c r="BL16" s="117">
        <v>158210</v>
      </c>
      <c r="BM16" s="117">
        <v>32525</v>
      </c>
      <c r="BN16" s="116">
        <v>474250</v>
      </c>
      <c r="BO16" s="119">
        <v>528375</v>
      </c>
      <c r="BP16" s="113">
        <v>178955</v>
      </c>
      <c r="BQ16" s="117">
        <v>236061</v>
      </c>
      <c r="BR16" s="116">
        <v>415016</v>
      </c>
      <c r="BS16" s="113">
        <v>0</v>
      </c>
      <c r="BT16" s="117">
        <v>1073149</v>
      </c>
      <c r="BU16" s="117">
        <v>870555</v>
      </c>
      <c r="BV16" s="117">
        <v>838719</v>
      </c>
      <c r="BW16" s="117">
        <v>860475</v>
      </c>
      <c r="BX16" s="117">
        <v>975037</v>
      </c>
      <c r="BY16" s="116">
        <v>4617935</v>
      </c>
      <c r="BZ16" s="119">
        <v>5032951</v>
      </c>
      <c r="CA16" s="113">
        <v>123817</v>
      </c>
      <c r="CB16" s="117">
        <v>67082</v>
      </c>
      <c r="CC16" s="116">
        <v>190899</v>
      </c>
      <c r="CD16" s="113">
        <v>0</v>
      </c>
      <c r="CE16" s="117">
        <v>4682297</v>
      </c>
      <c r="CF16" s="117">
        <v>4168267</v>
      </c>
      <c r="CG16" s="117">
        <v>1957296</v>
      </c>
      <c r="CH16" s="117">
        <v>1055319</v>
      </c>
      <c r="CI16" s="117">
        <v>435023</v>
      </c>
      <c r="CJ16" s="116">
        <v>12298202</v>
      </c>
      <c r="CK16" s="119">
        <v>12489101</v>
      </c>
      <c r="CL16" s="113">
        <v>0</v>
      </c>
      <c r="CM16" s="117">
        <v>0</v>
      </c>
      <c r="CN16" s="116">
        <v>0</v>
      </c>
      <c r="CO16" s="114">
        <v>0</v>
      </c>
      <c r="CP16" s="117">
        <v>4215780</v>
      </c>
      <c r="CQ16" s="117">
        <v>3754811</v>
      </c>
      <c r="CR16" s="117">
        <v>1676037</v>
      </c>
      <c r="CS16" s="117">
        <v>802996</v>
      </c>
      <c r="CT16" s="117">
        <v>391319</v>
      </c>
      <c r="CU16" s="116">
        <v>10840943</v>
      </c>
      <c r="CV16" s="119">
        <v>10840943</v>
      </c>
      <c r="CW16" s="113">
        <v>123817</v>
      </c>
      <c r="CX16" s="117">
        <v>67082</v>
      </c>
      <c r="CY16" s="116">
        <v>190899</v>
      </c>
      <c r="CZ16" s="113">
        <v>0</v>
      </c>
      <c r="DA16" s="117">
        <v>466517</v>
      </c>
      <c r="DB16" s="117">
        <v>413456</v>
      </c>
      <c r="DC16" s="117">
        <v>281259</v>
      </c>
      <c r="DD16" s="117">
        <v>252323</v>
      </c>
      <c r="DE16" s="117">
        <v>43704</v>
      </c>
      <c r="DF16" s="116">
        <v>1457259</v>
      </c>
      <c r="DG16" s="119">
        <v>1648158</v>
      </c>
      <c r="DH16" s="113">
        <v>107830</v>
      </c>
      <c r="DI16" s="117">
        <v>16781</v>
      </c>
      <c r="DJ16" s="115">
        <v>124611</v>
      </c>
      <c r="DK16" s="114">
        <v>0</v>
      </c>
      <c r="DL16" s="117">
        <v>350488</v>
      </c>
      <c r="DM16" s="117">
        <v>736584</v>
      </c>
      <c r="DN16" s="117">
        <v>1297785</v>
      </c>
      <c r="DO16" s="117">
        <v>828063</v>
      </c>
      <c r="DP16" s="117">
        <v>174960</v>
      </c>
      <c r="DQ16" s="116">
        <v>3387880</v>
      </c>
      <c r="DR16" s="119">
        <v>3512491</v>
      </c>
      <c r="DS16" s="113">
        <v>107830</v>
      </c>
      <c r="DT16" s="117">
        <v>16781</v>
      </c>
      <c r="DU16" s="116">
        <v>124611</v>
      </c>
      <c r="DV16" s="113">
        <v>0</v>
      </c>
      <c r="DW16" s="117">
        <v>346758</v>
      </c>
      <c r="DX16" s="117">
        <v>357769</v>
      </c>
      <c r="DY16" s="117">
        <v>1223253</v>
      </c>
      <c r="DZ16" s="117">
        <v>661380</v>
      </c>
      <c r="EA16" s="117">
        <v>174960</v>
      </c>
      <c r="EB16" s="116">
        <v>2764120</v>
      </c>
      <c r="EC16" s="119">
        <v>2888731</v>
      </c>
      <c r="ED16" s="113">
        <v>0</v>
      </c>
      <c r="EE16" s="115">
        <v>0</v>
      </c>
      <c r="EF16" s="116">
        <v>0</v>
      </c>
      <c r="EG16" s="113">
        <v>0</v>
      </c>
      <c r="EH16" s="117">
        <v>3730</v>
      </c>
      <c r="EI16" s="117">
        <v>378815</v>
      </c>
      <c r="EJ16" s="117">
        <v>74532</v>
      </c>
      <c r="EK16" s="117">
        <v>166683</v>
      </c>
      <c r="EL16" s="117">
        <v>0</v>
      </c>
      <c r="EM16" s="115">
        <v>623760</v>
      </c>
      <c r="EN16" s="119">
        <v>623760</v>
      </c>
      <c r="EO16" s="113">
        <v>0</v>
      </c>
      <c r="EP16" s="117">
        <v>0</v>
      </c>
      <c r="EQ16" s="115">
        <v>0</v>
      </c>
      <c r="ER16" s="114">
        <v>0</v>
      </c>
      <c r="ES16" s="117">
        <v>0</v>
      </c>
      <c r="ET16" s="117">
        <v>0</v>
      </c>
      <c r="EU16" s="117">
        <v>0</v>
      </c>
      <c r="EV16" s="117">
        <v>0</v>
      </c>
      <c r="EW16" s="117">
        <v>0</v>
      </c>
      <c r="EX16" s="116">
        <v>0</v>
      </c>
      <c r="EY16" s="119">
        <v>0</v>
      </c>
      <c r="EZ16" s="113">
        <v>0</v>
      </c>
      <c r="FA16" s="117">
        <v>0</v>
      </c>
      <c r="FB16" s="115">
        <v>0</v>
      </c>
      <c r="FC16" s="395"/>
      <c r="FD16" s="117">
        <v>0</v>
      </c>
      <c r="FE16" s="117">
        <v>0</v>
      </c>
      <c r="FF16" s="117">
        <v>0</v>
      </c>
      <c r="FG16" s="117">
        <v>0</v>
      </c>
      <c r="FH16" s="117">
        <v>0</v>
      </c>
      <c r="FI16" s="116">
        <v>0</v>
      </c>
      <c r="FJ16" s="119">
        <v>0</v>
      </c>
      <c r="FK16" s="113">
        <v>262535</v>
      </c>
      <c r="FL16" s="117">
        <v>465313</v>
      </c>
      <c r="FM16" s="116">
        <v>727848</v>
      </c>
      <c r="FN16" s="113">
        <v>0</v>
      </c>
      <c r="FO16" s="117">
        <v>1046962</v>
      </c>
      <c r="FP16" s="117">
        <v>1363068</v>
      </c>
      <c r="FQ16" s="117">
        <v>857388</v>
      </c>
      <c r="FR16" s="117">
        <v>998711</v>
      </c>
      <c r="FS16" s="117">
        <v>721854</v>
      </c>
      <c r="FT16" s="116">
        <v>4987983</v>
      </c>
      <c r="FU16" s="119">
        <v>5715831</v>
      </c>
      <c r="FV16" s="118">
        <v>204400</v>
      </c>
      <c r="FW16" s="117">
        <v>387359</v>
      </c>
      <c r="FX16" s="115">
        <v>591759</v>
      </c>
      <c r="FY16" s="114">
        <v>0</v>
      </c>
      <c r="FZ16" s="117">
        <v>879991</v>
      </c>
      <c r="GA16" s="117">
        <v>1232868</v>
      </c>
      <c r="GB16" s="117">
        <v>708680</v>
      </c>
      <c r="GC16" s="117">
        <v>858711</v>
      </c>
      <c r="GD16" s="117">
        <v>686434</v>
      </c>
      <c r="GE16" s="116">
        <v>4366684</v>
      </c>
      <c r="GF16" s="357">
        <v>4958443</v>
      </c>
      <c r="GG16" s="118">
        <v>15785</v>
      </c>
      <c r="GH16" s="117">
        <v>0</v>
      </c>
      <c r="GI16" s="115">
        <v>15785</v>
      </c>
      <c r="GJ16" s="114">
        <v>0</v>
      </c>
      <c r="GK16" s="117">
        <v>63371</v>
      </c>
      <c r="GL16" s="117">
        <v>16100</v>
      </c>
      <c r="GM16" s="117">
        <v>38808</v>
      </c>
      <c r="GN16" s="117">
        <v>0</v>
      </c>
      <c r="GO16" s="117">
        <v>35420</v>
      </c>
      <c r="GP16" s="116">
        <v>153699</v>
      </c>
      <c r="GQ16" s="119">
        <v>169484</v>
      </c>
      <c r="GR16" s="113">
        <v>42350</v>
      </c>
      <c r="GS16" s="117">
        <v>77954</v>
      </c>
      <c r="GT16" s="116">
        <v>120304</v>
      </c>
      <c r="GU16" s="113">
        <v>0</v>
      </c>
      <c r="GV16" s="117">
        <v>103600</v>
      </c>
      <c r="GW16" s="117">
        <v>114100</v>
      </c>
      <c r="GX16" s="117">
        <v>109900</v>
      </c>
      <c r="GY16" s="117">
        <v>140000</v>
      </c>
      <c r="GZ16" s="117">
        <v>0</v>
      </c>
      <c r="HA16" s="115">
        <v>467600</v>
      </c>
      <c r="HB16" s="119">
        <v>587904</v>
      </c>
      <c r="HC16" s="113">
        <v>349970</v>
      </c>
      <c r="HD16" s="117">
        <v>857874</v>
      </c>
      <c r="HE16" s="115">
        <v>1207844</v>
      </c>
      <c r="HF16" s="114">
        <v>0</v>
      </c>
      <c r="HG16" s="117">
        <v>4491664</v>
      </c>
      <c r="HH16" s="117">
        <v>3912135</v>
      </c>
      <c r="HI16" s="117">
        <v>3666860</v>
      </c>
      <c r="HJ16" s="117">
        <v>4629063</v>
      </c>
      <c r="HK16" s="117">
        <v>4926953</v>
      </c>
      <c r="HL16" s="116">
        <v>21626675</v>
      </c>
      <c r="HM16" s="112">
        <v>22834519</v>
      </c>
      <c r="HN16" s="373"/>
      <c r="HO16" s="374"/>
      <c r="HP16" s="375"/>
      <c r="HQ16" s="376"/>
      <c r="HR16" s="374"/>
      <c r="HS16" s="374"/>
      <c r="HT16" s="374"/>
      <c r="HU16" s="374"/>
      <c r="HV16" s="374"/>
      <c r="HW16" s="377"/>
      <c r="HX16" s="378"/>
      <c r="HY16" s="166">
        <v>38220</v>
      </c>
      <c r="HZ16" s="152">
        <v>137956</v>
      </c>
      <c r="IA16" s="166">
        <v>176176</v>
      </c>
      <c r="IB16" s="151">
        <v>0</v>
      </c>
      <c r="IC16" s="152">
        <v>3267236</v>
      </c>
      <c r="ID16" s="153">
        <v>2992902</v>
      </c>
      <c r="IE16" s="154">
        <v>4037278</v>
      </c>
      <c r="IF16" s="152">
        <v>4664594</v>
      </c>
      <c r="IG16" s="154">
        <v>4158436</v>
      </c>
      <c r="IH16" s="155">
        <v>19120446</v>
      </c>
      <c r="II16" s="166">
        <v>19296622</v>
      </c>
      <c r="IJ16" s="259">
        <v>0</v>
      </c>
      <c r="IK16" s="266">
        <v>0</v>
      </c>
      <c r="IL16" s="267">
        <v>0</v>
      </c>
      <c r="IM16" s="157"/>
      <c r="IN16" s="123">
        <v>74248</v>
      </c>
      <c r="IO16" s="123">
        <v>216757</v>
      </c>
      <c r="IP16" s="123">
        <v>0</v>
      </c>
      <c r="IQ16" s="123">
        <v>411329</v>
      </c>
      <c r="IR16" s="123">
        <v>355428</v>
      </c>
      <c r="IS16" s="158">
        <v>1057762</v>
      </c>
      <c r="IT16" s="360">
        <v>1057762</v>
      </c>
      <c r="IU16" s="159">
        <v>0</v>
      </c>
      <c r="IV16" s="123">
        <v>0</v>
      </c>
      <c r="IW16" s="124">
        <v>0</v>
      </c>
      <c r="IX16" s="161"/>
      <c r="IY16" s="123">
        <v>0</v>
      </c>
      <c r="IZ16" s="123">
        <v>0</v>
      </c>
      <c r="JA16" s="123">
        <v>9165</v>
      </c>
      <c r="JB16" s="123">
        <v>0</v>
      </c>
      <c r="JC16" s="123">
        <v>18330</v>
      </c>
      <c r="JD16" s="124">
        <v>27495</v>
      </c>
      <c r="JE16" s="125">
        <v>27495</v>
      </c>
      <c r="JF16" s="159">
        <v>0</v>
      </c>
      <c r="JG16" s="123">
        <v>0</v>
      </c>
      <c r="JH16" s="158">
        <v>0</v>
      </c>
      <c r="JI16" s="122">
        <v>0</v>
      </c>
      <c r="JJ16" s="123">
        <v>1596078</v>
      </c>
      <c r="JK16" s="123">
        <v>362660</v>
      </c>
      <c r="JL16" s="123">
        <v>622002</v>
      </c>
      <c r="JM16" s="123">
        <v>230565</v>
      </c>
      <c r="JN16" s="123">
        <v>41493</v>
      </c>
      <c r="JO16" s="124">
        <v>2852798</v>
      </c>
      <c r="JP16" s="360">
        <v>2852798</v>
      </c>
      <c r="JQ16" s="159">
        <v>0</v>
      </c>
      <c r="JR16" s="123">
        <v>0</v>
      </c>
      <c r="JS16" s="158">
        <v>0</v>
      </c>
      <c r="JT16" s="122">
        <v>0</v>
      </c>
      <c r="JU16" s="123">
        <v>104369</v>
      </c>
      <c r="JV16" s="123">
        <v>235521</v>
      </c>
      <c r="JW16" s="123">
        <v>112787</v>
      </c>
      <c r="JX16" s="123">
        <v>82268</v>
      </c>
      <c r="JY16" s="123">
        <v>57792</v>
      </c>
      <c r="JZ16" s="124">
        <v>592737</v>
      </c>
      <c r="KA16" s="360">
        <v>592737</v>
      </c>
      <c r="KB16" s="262">
        <v>38220</v>
      </c>
      <c r="KC16" s="256">
        <v>137956</v>
      </c>
      <c r="KD16" s="124">
        <v>176176</v>
      </c>
      <c r="KE16" s="122">
        <v>0</v>
      </c>
      <c r="KF16" s="123">
        <v>548864</v>
      </c>
      <c r="KG16" s="123">
        <v>308993</v>
      </c>
      <c r="KH16" s="123">
        <v>598615</v>
      </c>
      <c r="KI16" s="123">
        <v>1100814</v>
      </c>
      <c r="KJ16" s="123">
        <v>227061</v>
      </c>
      <c r="KK16" s="124">
        <v>2784347</v>
      </c>
      <c r="KL16" s="160">
        <v>2960523</v>
      </c>
      <c r="KM16" s="259">
        <v>0</v>
      </c>
      <c r="KN16" s="266">
        <v>0</v>
      </c>
      <c r="KO16" s="267">
        <v>0</v>
      </c>
      <c r="KP16" s="395"/>
      <c r="KQ16" s="123">
        <v>829712</v>
      </c>
      <c r="KR16" s="123">
        <v>1409634</v>
      </c>
      <c r="KS16" s="123">
        <v>1111116</v>
      </c>
      <c r="KT16" s="123">
        <v>1357978</v>
      </c>
      <c r="KU16" s="123">
        <v>1387052</v>
      </c>
      <c r="KV16" s="124">
        <v>6095492</v>
      </c>
      <c r="KW16" s="360">
        <v>6095492</v>
      </c>
      <c r="KX16" s="159">
        <v>0</v>
      </c>
      <c r="KY16" s="123">
        <v>0</v>
      </c>
      <c r="KZ16" s="124">
        <v>0</v>
      </c>
      <c r="LA16" s="395"/>
      <c r="LB16" s="123">
        <v>136507</v>
      </c>
      <c r="LC16" s="123">
        <v>459337</v>
      </c>
      <c r="LD16" s="123">
        <v>1341624</v>
      </c>
      <c r="LE16" s="123">
        <v>529406</v>
      </c>
      <c r="LF16" s="123">
        <v>1267934</v>
      </c>
      <c r="LG16" s="124">
        <v>3734808</v>
      </c>
      <c r="LH16" s="125">
        <v>3734808</v>
      </c>
      <c r="LI16" s="159">
        <v>0</v>
      </c>
      <c r="LJ16" s="123">
        <v>0</v>
      </c>
      <c r="LK16" s="124">
        <v>0</v>
      </c>
      <c r="LL16" s="395"/>
      <c r="LM16" s="123">
        <v>0</v>
      </c>
      <c r="LN16" s="123">
        <v>0</v>
      </c>
      <c r="LO16" s="123">
        <v>0</v>
      </c>
      <c r="LP16" s="123">
        <v>913970</v>
      </c>
      <c r="LQ16" s="123">
        <v>500345</v>
      </c>
      <c r="LR16" s="124">
        <v>1414315</v>
      </c>
      <c r="LS16" s="360">
        <v>1414315</v>
      </c>
      <c r="LT16" s="159">
        <v>0</v>
      </c>
      <c r="LU16" s="123">
        <v>0</v>
      </c>
      <c r="LV16" s="124">
        <v>0</v>
      </c>
      <c r="LW16" s="395"/>
      <c r="LX16" s="123">
        <v>-22542</v>
      </c>
      <c r="LY16" s="123">
        <v>0</v>
      </c>
      <c r="LZ16" s="123">
        <v>241969</v>
      </c>
      <c r="MA16" s="123">
        <v>38264</v>
      </c>
      <c r="MB16" s="123">
        <v>303001</v>
      </c>
      <c r="MC16" s="124">
        <v>560692</v>
      </c>
      <c r="MD16" s="125">
        <v>560692</v>
      </c>
      <c r="ME16" s="159">
        <v>0</v>
      </c>
      <c r="MF16" s="123">
        <v>0</v>
      </c>
      <c r="MG16" s="124">
        <v>0</v>
      </c>
      <c r="MH16" s="395"/>
      <c r="MI16" s="123">
        <v>810799</v>
      </c>
      <c r="MJ16" s="123">
        <v>1320328</v>
      </c>
      <c r="MK16" s="123">
        <v>6450918</v>
      </c>
      <c r="ML16" s="123">
        <v>5471355</v>
      </c>
      <c r="MM16" s="123">
        <v>6573632</v>
      </c>
      <c r="MN16" s="124">
        <v>20627032</v>
      </c>
      <c r="MO16" s="160">
        <v>20627032</v>
      </c>
      <c r="MP16" s="159">
        <v>0</v>
      </c>
      <c r="MQ16" s="123">
        <v>0</v>
      </c>
      <c r="MR16" s="124">
        <v>0</v>
      </c>
      <c r="MS16" s="395"/>
      <c r="MT16" s="123">
        <v>0</v>
      </c>
      <c r="MU16" s="123">
        <v>207926</v>
      </c>
      <c r="MV16" s="123">
        <v>3526122</v>
      </c>
      <c r="MW16" s="123">
        <v>4282263</v>
      </c>
      <c r="MX16" s="123">
        <v>4792607</v>
      </c>
      <c r="MY16" s="124">
        <v>12808918</v>
      </c>
      <c r="MZ16" s="160">
        <v>12808918</v>
      </c>
      <c r="NA16" s="159">
        <v>0</v>
      </c>
      <c r="NB16" s="123">
        <v>0</v>
      </c>
      <c r="NC16" s="124">
        <v>0</v>
      </c>
      <c r="ND16" s="395"/>
      <c r="NE16" s="123">
        <v>810799</v>
      </c>
      <c r="NF16" s="123">
        <v>1112402</v>
      </c>
      <c r="NG16" s="123">
        <v>2924796</v>
      </c>
      <c r="NH16" s="123">
        <v>1189092</v>
      </c>
      <c r="NI16" s="123">
        <v>1129681</v>
      </c>
      <c r="NJ16" s="124">
        <v>7166770</v>
      </c>
      <c r="NK16" s="360">
        <v>7166770</v>
      </c>
      <c r="NL16" s="159">
        <v>0</v>
      </c>
      <c r="NM16" s="123">
        <v>0</v>
      </c>
      <c r="NN16" s="124">
        <v>0</v>
      </c>
      <c r="NO16" s="395"/>
      <c r="NP16" s="123">
        <v>0</v>
      </c>
      <c r="NQ16" s="123">
        <v>0</v>
      </c>
      <c r="NR16" s="123">
        <v>0</v>
      </c>
      <c r="NS16" s="123">
        <v>0</v>
      </c>
      <c r="NT16" s="123">
        <v>0</v>
      </c>
      <c r="NU16" s="124">
        <v>0</v>
      </c>
      <c r="NV16" s="125">
        <v>0</v>
      </c>
      <c r="NW16" s="159">
        <v>0</v>
      </c>
      <c r="NX16" s="123">
        <v>0</v>
      </c>
      <c r="NY16" s="124">
        <v>0</v>
      </c>
      <c r="NZ16" s="395"/>
      <c r="OA16" s="123">
        <v>0</v>
      </c>
      <c r="OB16" s="123">
        <v>0</v>
      </c>
      <c r="OC16" s="123">
        <v>0</v>
      </c>
      <c r="OD16" s="123">
        <v>0</v>
      </c>
      <c r="OE16" s="123">
        <v>651344</v>
      </c>
      <c r="OF16" s="124">
        <v>651344</v>
      </c>
      <c r="OG16" s="125">
        <v>651344</v>
      </c>
      <c r="OH16" s="159">
        <v>1251802</v>
      </c>
      <c r="OI16" s="123">
        <v>2457035</v>
      </c>
      <c r="OJ16" s="158">
        <v>3708837</v>
      </c>
      <c r="OK16" s="122">
        <v>0</v>
      </c>
      <c r="OL16" s="123">
        <v>19996299</v>
      </c>
      <c r="OM16" s="123">
        <v>19042244</v>
      </c>
      <c r="ON16" s="123">
        <v>22658465</v>
      </c>
      <c r="OO16" s="123">
        <v>23912107</v>
      </c>
      <c r="OP16" s="123">
        <v>22243214</v>
      </c>
      <c r="OQ16" s="124">
        <v>107852329</v>
      </c>
      <c r="OR16" s="160">
        <v>111561166</v>
      </c>
    </row>
    <row r="17" spans="1:408" ht="20.25" customHeight="1" x14ac:dyDescent="0.2">
      <c r="A17" s="130" t="s">
        <v>11</v>
      </c>
      <c r="B17" s="113">
        <v>413876</v>
      </c>
      <c r="C17" s="117">
        <v>684616</v>
      </c>
      <c r="D17" s="186">
        <v>1098492</v>
      </c>
      <c r="E17" s="114">
        <v>0</v>
      </c>
      <c r="F17" s="117">
        <v>5419273</v>
      </c>
      <c r="G17" s="117">
        <v>3374723</v>
      </c>
      <c r="H17" s="117">
        <v>6184051</v>
      </c>
      <c r="I17" s="117">
        <v>5408198</v>
      </c>
      <c r="J17" s="117">
        <v>5087904</v>
      </c>
      <c r="K17" s="112">
        <v>25474149</v>
      </c>
      <c r="L17" s="119">
        <v>26572641</v>
      </c>
      <c r="M17" s="113">
        <v>137347</v>
      </c>
      <c r="N17" s="117">
        <v>132242</v>
      </c>
      <c r="O17" s="116">
        <v>269589</v>
      </c>
      <c r="P17" s="113">
        <v>0</v>
      </c>
      <c r="Q17" s="117">
        <v>1498552</v>
      </c>
      <c r="R17" s="117">
        <v>856097</v>
      </c>
      <c r="S17" s="117">
        <v>1547845</v>
      </c>
      <c r="T17" s="117">
        <v>1339933</v>
      </c>
      <c r="U17" s="117">
        <v>1775978</v>
      </c>
      <c r="V17" s="116">
        <v>7018405</v>
      </c>
      <c r="W17" s="119">
        <v>7287994</v>
      </c>
      <c r="X17" s="113">
        <v>0</v>
      </c>
      <c r="Y17" s="117">
        <v>0</v>
      </c>
      <c r="Z17" s="116">
        <v>0</v>
      </c>
      <c r="AA17" s="113">
        <v>0</v>
      </c>
      <c r="AB17" s="117">
        <v>571532</v>
      </c>
      <c r="AC17" s="117">
        <v>415647</v>
      </c>
      <c r="AD17" s="117">
        <v>684228</v>
      </c>
      <c r="AE17" s="117">
        <v>713730</v>
      </c>
      <c r="AF17" s="117">
        <v>1017345</v>
      </c>
      <c r="AG17" s="116">
        <v>3402482</v>
      </c>
      <c r="AH17" s="119">
        <v>3402482</v>
      </c>
      <c r="AI17" s="113">
        <v>0</v>
      </c>
      <c r="AJ17" s="117">
        <v>0</v>
      </c>
      <c r="AK17" s="116">
        <v>0</v>
      </c>
      <c r="AL17" s="113">
        <v>0</v>
      </c>
      <c r="AM17" s="117">
        <v>0</v>
      </c>
      <c r="AN17" s="117">
        <v>50632</v>
      </c>
      <c r="AO17" s="117">
        <v>125681</v>
      </c>
      <c r="AP17" s="117">
        <v>184731</v>
      </c>
      <c r="AQ17" s="117">
        <v>182603</v>
      </c>
      <c r="AR17" s="116">
        <v>543647</v>
      </c>
      <c r="AS17" s="119">
        <v>543647</v>
      </c>
      <c r="AT17" s="113">
        <v>88046</v>
      </c>
      <c r="AU17" s="117">
        <v>75901</v>
      </c>
      <c r="AV17" s="116">
        <v>163947</v>
      </c>
      <c r="AW17" s="113">
        <v>0</v>
      </c>
      <c r="AX17" s="117">
        <v>637489</v>
      </c>
      <c r="AY17" s="117">
        <v>261387</v>
      </c>
      <c r="AZ17" s="117">
        <v>373323</v>
      </c>
      <c r="BA17" s="117">
        <v>268292</v>
      </c>
      <c r="BB17" s="117">
        <v>398712</v>
      </c>
      <c r="BC17" s="116">
        <v>1939203</v>
      </c>
      <c r="BD17" s="119">
        <v>2103150</v>
      </c>
      <c r="BE17" s="113">
        <v>0</v>
      </c>
      <c r="BF17" s="117">
        <v>36629</v>
      </c>
      <c r="BG17" s="115">
        <v>36629</v>
      </c>
      <c r="BH17" s="114">
        <v>0</v>
      </c>
      <c r="BI17" s="117">
        <v>118969</v>
      </c>
      <c r="BJ17" s="117">
        <v>18993</v>
      </c>
      <c r="BK17" s="117">
        <v>74078</v>
      </c>
      <c r="BL17" s="117">
        <v>0</v>
      </c>
      <c r="BM17" s="117">
        <v>9157</v>
      </c>
      <c r="BN17" s="116">
        <v>221197</v>
      </c>
      <c r="BO17" s="119">
        <v>257826</v>
      </c>
      <c r="BP17" s="113">
        <v>49301</v>
      </c>
      <c r="BQ17" s="117">
        <v>19712</v>
      </c>
      <c r="BR17" s="116">
        <v>69013</v>
      </c>
      <c r="BS17" s="113">
        <v>0</v>
      </c>
      <c r="BT17" s="117">
        <v>170562</v>
      </c>
      <c r="BU17" s="117">
        <v>109438</v>
      </c>
      <c r="BV17" s="117">
        <v>290535</v>
      </c>
      <c r="BW17" s="117">
        <v>173180</v>
      </c>
      <c r="BX17" s="117">
        <v>168161</v>
      </c>
      <c r="BY17" s="116">
        <v>911876</v>
      </c>
      <c r="BZ17" s="119">
        <v>980889</v>
      </c>
      <c r="CA17" s="113">
        <v>18513</v>
      </c>
      <c r="CB17" s="117">
        <v>137656</v>
      </c>
      <c r="CC17" s="116">
        <v>156169</v>
      </c>
      <c r="CD17" s="113">
        <v>0</v>
      </c>
      <c r="CE17" s="117">
        <v>1380453</v>
      </c>
      <c r="CF17" s="117">
        <v>937791</v>
      </c>
      <c r="CG17" s="117">
        <v>1778624</v>
      </c>
      <c r="CH17" s="117">
        <v>601966</v>
      </c>
      <c r="CI17" s="117">
        <v>692066</v>
      </c>
      <c r="CJ17" s="116">
        <v>5390900</v>
      </c>
      <c r="CK17" s="119">
        <v>5547069</v>
      </c>
      <c r="CL17" s="113">
        <v>0</v>
      </c>
      <c r="CM17" s="117">
        <v>0</v>
      </c>
      <c r="CN17" s="116">
        <v>0</v>
      </c>
      <c r="CO17" s="114">
        <v>0</v>
      </c>
      <c r="CP17" s="117">
        <v>971230</v>
      </c>
      <c r="CQ17" s="117">
        <v>700919</v>
      </c>
      <c r="CR17" s="117">
        <v>1101539</v>
      </c>
      <c r="CS17" s="117">
        <v>349568</v>
      </c>
      <c r="CT17" s="117">
        <v>355118</v>
      </c>
      <c r="CU17" s="116">
        <v>3478374</v>
      </c>
      <c r="CV17" s="119">
        <v>3478374</v>
      </c>
      <c r="CW17" s="113">
        <v>18513</v>
      </c>
      <c r="CX17" s="117">
        <v>137656</v>
      </c>
      <c r="CY17" s="116">
        <v>156169</v>
      </c>
      <c r="CZ17" s="113">
        <v>0</v>
      </c>
      <c r="DA17" s="117">
        <v>409223</v>
      </c>
      <c r="DB17" s="117">
        <v>236872</v>
      </c>
      <c r="DC17" s="117">
        <v>677085</v>
      </c>
      <c r="DD17" s="117">
        <v>252398</v>
      </c>
      <c r="DE17" s="117">
        <v>336948</v>
      </c>
      <c r="DF17" s="116">
        <v>1912526</v>
      </c>
      <c r="DG17" s="119">
        <v>2068695</v>
      </c>
      <c r="DH17" s="113">
        <v>0</v>
      </c>
      <c r="DI17" s="117">
        <v>0</v>
      </c>
      <c r="DJ17" s="115">
        <v>0</v>
      </c>
      <c r="DK17" s="114">
        <v>0</v>
      </c>
      <c r="DL17" s="117">
        <v>124280</v>
      </c>
      <c r="DM17" s="117">
        <v>154987</v>
      </c>
      <c r="DN17" s="117">
        <v>262514</v>
      </c>
      <c r="DO17" s="117">
        <v>410121</v>
      </c>
      <c r="DP17" s="117">
        <v>1075891</v>
      </c>
      <c r="DQ17" s="116">
        <v>2027793</v>
      </c>
      <c r="DR17" s="119">
        <v>2027793</v>
      </c>
      <c r="DS17" s="113">
        <v>0</v>
      </c>
      <c r="DT17" s="117">
        <v>0</v>
      </c>
      <c r="DU17" s="116">
        <v>0</v>
      </c>
      <c r="DV17" s="113">
        <v>0</v>
      </c>
      <c r="DW17" s="117">
        <v>124280</v>
      </c>
      <c r="DX17" s="117">
        <v>154987</v>
      </c>
      <c r="DY17" s="117">
        <v>53118</v>
      </c>
      <c r="DZ17" s="117">
        <v>260741</v>
      </c>
      <c r="EA17" s="117">
        <v>1075891</v>
      </c>
      <c r="EB17" s="116">
        <v>1669017</v>
      </c>
      <c r="EC17" s="119">
        <v>1669017</v>
      </c>
      <c r="ED17" s="113">
        <v>0</v>
      </c>
      <c r="EE17" s="115">
        <v>0</v>
      </c>
      <c r="EF17" s="116">
        <v>0</v>
      </c>
      <c r="EG17" s="113">
        <v>0</v>
      </c>
      <c r="EH17" s="117">
        <v>0</v>
      </c>
      <c r="EI17" s="117">
        <v>0</v>
      </c>
      <c r="EJ17" s="117">
        <v>209396</v>
      </c>
      <c r="EK17" s="117">
        <v>149380</v>
      </c>
      <c r="EL17" s="117">
        <v>0</v>
      </c>
      <c r="EM17" s="115">
        <v>358776</v>
      </c>
      <c r="EN17" s="119">
        <v>358776</v>
      </c>
      <c r="EO17" s="113">
        <v>0</v>
      </c>
      <c r="EP17" s="117">
        <v>0</v>
      </c>
      <c r="EQ17" s="115">
        <v>0</v>
      </c>
      <c r="ER17" s="114">
        <v>0</v>
      </c>
      <c r="ES17" s="117">
        <v>0</v>
      </c>
      <c r="ET17" s="117">
        <v>0</v>
      </c>
      <c r="EU17" s="117">
        <v>0</v>
      </c>
      <c r="EV17" s="117">
        <v>0</v>
      </c>
      <c r="EW17" s="117">
        <v>0</v>
      </c>
      <c r="EX17" s="116">
        <v>0</v>
      </c>
      <c r="EY17" s="119">
        <v>0</v>
      </c>
      <c r="EZ17" s="113">
        <v>0</v>
      </c>
      <c r="FA17" s="117">
        <v>0</v>
      </c>
      <c r="FB17" s="115">
        <v>0</v>
      </c>
      <c r="FC17" s="395"/>
      <c r="FD17" s="117">
        <v>0</v>
      </c>
      <c r="FE17" s="117">
        <v>0</v>
      </c>
      <c r="FF17" s="117">
        <v>0</v>
      </c>
      <c r="FG17" s="117">
        <v>0</v>
      </c>
      <c r="FH17" s="117">
        <v>0</v>
      </c>
      <c r="FI17" s="116">
        <v>0</v>
      </c>
      <c r="FJ17" s="119">
        <v>0</v>
      </c>
      <c r="FK17" s="113">
        <v>58604</v>
      </c>
      <c r="FL17" s="117">
        <v>92211</v>
      </c>
      <c r="FM17" s="116">
        <v>150815</v>
      </c>
      <c r="FN17" s="113">
        <v>0</v>
      </c>
      <c r="FO17" s="117">
        <v>311038</v>
      </c>
      <c r="FP17" s="117">
        <v>340347</v>
      </c>
      <c r="FQ17" s="117">
        <v>403522</v>
      </c>
      <c r="FR17" s="117">
        <v>243313</v>
      </c>
      <c r="FS17" s="117">
        <v>362747</v>
      </c>
      <c r="FT17" s="116">
        <v>1660967</v>
      </c>
      <c r="FU17" s="119">
        <v>1811782</v>
      </c>
      <c r="FV17" s="118">
        <v>58604</v>
      </c>
      <c r="FW17" s="117">
        <v>92211</v>
      </c>
      <c r="FX17" s="115">
        <v>150815</v>
      </c>
      <c r="FY17" s="114">
        <v>0</v>
      </c>
      <c r="FZ17" s="117">
        <v>311038</v>
      </c>
      <c r="GA17" s="117">
        <v>340347</v>
      </c>
      <c r="GB17" s="117">
        <v>403522</v>
      </c>
      <c r="GC17" s="117">
        <v>243313</v>
      </c>
      <c r="GD17" s="117">
        <v>362747</v>
      </c>
      <c r="GE17" s="116">
        <v>1660967</v>
      </c>
      <c r="GF17" s="357">
        <v>1811782</v>
      </c>
      <c r="GG17" s="118">
        <v>0</v>
      </c>
      <c r="GH17" s="117">
        <v>0</v>
      </c>
      <c r="GI17" s="115">
        <v>0</v>
      </c>
      <c r="GJ17" s="114">
        <v>0</v>
      </c>
      <c r="GK17" s="117">
        <v>0</v>
      </c>
      <c r="GL17" s="117">
        <v>0</v>
      </c>
      <c r="GM17" s="117">
        <v>0</v>
      </c>
      <c r="GN17" s="117">
        <v>0</v>
      </c>
      <c r="GO17" s="117">
        <v>0</v>
      </c>
      <c r="GP17" s="116">
        <v>0</v>
      </c>
      <c r="GQ17" s="119">
        <v>0</v>
      </c>
      <c r="GR17" s="113">
        <v>0</v>
      </c>
      <c r="GS17" s="117">
        <v>0</v>
      </c>
      <c r="GT17" s="116">
        <v>0</v>
      </c>
      <c r="GU17" s="113">
        <v>0</v>
      </c>
      <c r="GV17" s="117">
        <v>0</v>
      </c>
      <c r="GW17" s="117">
        <v>0</v>
      </c>
      <c r="GX17" s="117">
        <v>0</v>
      </c>
      <c r="GY17" s="117">
        <v>0</v>
      </c>
      <c r="GZ17" s="117">
        <v>0</v>
      </c>
      <c r="HA17" s="115">
        <v>0</v>
      </c>
      <c r="HB17" s="119">
        <v>0</v>
      </c>
      <c r="HC17" s="113">
        <v>199412</v>
      </c>
      <c r="HD17" s="117">
        <v>322507</v>
      </c>
      <c r="HE17" s="115">
        <v>521919</v>
      </c>
      <c r="HF17" s="114">
        <v>0</v>
      </c>
      <c r="HG17" s="117">
        <v>2104950</v>
      </c>
      <c r="HH17" s="117">
        <v>1085501</v>
      </c>
      <c r="HI17" s="117">
        <v>2191546</v>
      </c>
      <c r="HJ17" s="117">
        <v>2812865</v>
      </c>
      <c r="HK17" s="117">
        <v>1181222</v>
      </c>
      <c r="HL17" s="116">
        <v>9376084</v>
      </c>
      <c r="HM17" s="112">
        <v>9898003</v>
      </c>
      <c r="HN17" s="373"/>
      <c r="HO17" s="374"/>
      <c r="HP17" s="375"/>
      <c r="HQ17" s="376"/>
      <c r="HR17" s="374"/>
      <c r="HS17" s="374"/>
      <c r="HT17" s="374"/>
      <c r="HU17" s="374"/>
      <c r="HV17" s="374"/>
      <c r="HW17" s="377"/>
      <c r="HX17" s="378"/>
      <c r="HY17" s="148">
        <v>0</v>
      </c>
      <c r="HZ17" s="149">
        <v>0</v>
      </c>
      <c r="IA17" s="150">
        <v>0</v>
      </c>
      <c r="IB17" s="162">
        <v>0</v>
      </c>
      <c r="IC17" s="149">
        <v>708129</v>
      </c>
      <c r="ID17" s="163">
        <v>1152583</v>
      </c>
      <c r="IE17" s="150">
        <v>793496</v>
      </c>
      <c r="IF17" s="149">
        <v>851675</v>
      </c>
      <c r="IG17" s="150">
        <v>794186</v>
      </c>
      <c r="IH17" s="164">
        <v>4300069</v>
      </c>
      <c r="II17" s="156">
        <v>4300069</v>
      </c>
      <c r="IJ17" s="259">
        <v>0</v>
      </c>
      <c r="IK17" s="266">
        <v>0</v>
      </c>
      <c r="IL17" s="267">
        <v>0</v>
      </c>
      <c r="IM17" s="157"/>
      <c r="IN17" s="123">
        <v>0</v>
      </c>
      <c r="IO17" s="123">
        <v>108383</v>
      </c>
      <c r="IP17" s="123">
        <v>145141</v>
      </c>
      <c r="IQ17" s="123">
        <v>0</v>
      </c>
      <c r="IR17" s="123">
        <v>247873</v>
      </c>
      <c r="IS17" s="158">
        <v>501397</v>
      </c>
      <c r="IT17" s="360">
        <v>501397</v>
      </c>
      <c r="IU17" s="159">
        <v>0</v>
      </c>
      <c r="IV17" s="123">
        <v>0</v>
      </c>
      <c r="IW17" s="124">
        <v>0</v>
      </c>
      <c r="IX17" s="161"/>
      <c r="IY17" s="123">
        <v>9047</v>
      </c>
      <c r="IZ17" s="123">
        <v>0</v>
      </c>
      <c r="JA17" s="123">
        <v>0</v>
      </c>
      <c r="JB17" s="123">
        <v>0</v>
      </c>
      <c r="JC17" s="123">
        <v>0</v>
      </c>
      <c r="JD17" s="124">
        <v>9047</v>
      </c>
      <c r="JE17" s="125">
        <v>9047</v>
      </c>
      <c r="JF17" s="159">
        <v>0</v>
      </c>
      <c r="JG17" s="123">
        <v>0</v>
      </c>
      <c r="JH17" s="158">
        <v>0</v>
      </c>
      <c r="JI17" s="122">
        <v>0</v>
      </c>
      <c r="JJ17" s="123">
        <v>591328</v>
      </c>
      <c r="JK17" s="123">
        <v>249042</v>
      </c>
      <c r="JL17" s="123">
        <v>436162</v>
      </c>
      <c r="JM17" s="123">
        <v>137560</v>
      </c>
      <c r="JN17" s="123">
        <v>27584</v>
      </c>
      <c r="JO17" s="124">
        <v>1441676</v>
      </c>
      <c r="JP17" s="360">
        <v>1441676</v>
      </c>
      <c r="JQ17" s="159">
        <v>0</v>
      </c>
      <c r="JR17" s="123">
        <v>0</v>
      </c>
      <c r="JS17" s="158">
        <v>0</v>
      </c>
      <c r="JT17" s="122">
        <v>0</v>
      </c>
      <c r="JU17" s="123">
        <v>0</v>
      </c>
      <c r="JV17" s="123">
        <v>0</v>
      </c>
      <c r="JW17" s="123">
        <v>0</v>
      </c>
      <c r="JX17" s="123">
        <v>0</v>
      </c>
      <c r="JY17" s="123">
        <v>289792</v>
      </c>
      <c r="JZ17" s="124">
        <v>289792</v>
      </c>
      <c r="KA17" s="360">
        <v>289792</v>
      </c>
      <c r="KB17" s="262">
        <v>0</v>
      </c>
      <c r="KC17" s="256">
        <v>0</v>
      </c>
      <c r="KD17" s="124">
        <v>0</v>
      </c>
      <c r="KE17" s="122">
        <v>0</v>
      </c>
      <c r="KF17" s="123">
        <v>107754</v>
      </c>
      <c r="KG17" s="123">
        <v>147330</v>
      </c>
      <c r="KH17" s="123">
        <v>212193</v>
      </c>
      <c r="KI17" s="123">
        <v>0</v>
      </c>
      <c r="KJ17" s="123">
        <v>0</v>
      </c>
      <c r="KK17" s="124">
        <v>467277</v>
      </c>
      <c r="KL17" s="160">
        <v>467277</v>
      </c>
      <c r="KM17" s="259">
        <v>0</v>
      </c>
      <c r="KN17" s="266">
        <v>0</v>
      </c>
      <c r="KO17" s="267">
        <v>0</v>
      </c>
      <c r="KP17" s="395"/>
      <c r="KQ17" s="123">
        <v>0</v>
      </c>
      <c r="KR17" s="123">
        <v>647828</v>
      </c>
      <c r="KS17" s="123">
        <v>0</v>
      </c>
      <c r="KT17" s="123">
        <v>714115</v>
      </c>
      <c r="KU17" s="123">
        <v>228937</v>
      </c>
      <c r="KV17" s="124">
        <v>1590880</v>
      </c>
      <c r="KW17" s="360">
        <v>1590880</v>
      </c>
      <c r="KX17" s="159">
        <v>0</v>
      </c>
      <c r="KY17" s="123">
        <v>0</v>
      </c>
      <c r="KZ17" s="124">
        <v>0</v>
      </c>
      <c r="LA17" s="395"/>
      <c r="LB17" s="123">
        <v>0</v>
      </c>
      <c r="LC17" s="123">
        <v>0</v>
      </c>
      <c r="LD17" s="123">
        <v>0</v>
      </c>
      <c r="LE17" s="123">
        <v>0</v>
      </c>
      <c r="LF17" s="123">
        <v>0</v>
      </c>
      <c r="LG17" s="124">
        <v>0</v>
      </c>
      <c r="LH17" s="125">
        <v>0</v>
      </c>
      <c r="LI17" s="159">
        <v>0</v>
      </c>
      <c r="LJ17" s="123">
        <v>0</v>
      </c>
      <c r="LK17" s="124">
        <v>0</v>
      </c>
      <c r="LL17" s="395"/>
      <c r="LM17" s="123">
        <v>0</v>
      </c>
      <c r="LN17" s="123">
        <v>0</v>
      </c>
      <c r="LO17" s="123">
        <v>0</v>
      </c>
      <c r="LP17" s="123">
        <v>0</v>
      </c>
      <c r="LQ17" s="123">
        <v>0</v>
      </c>
      <c r="LR17" s="124">
        <v>0</v>
      </c>
      <c r="LS17" s="360">
        <v>0</v>
      </c>
      <c r="LT17" s="159">
        <v>0</v>
      </c>
      <c r="LU17" s="123">
        <v>0</v>
      </c>
      <c r="LV17" s="124">
        <v>0</v>
      </c>
      <c r="LW17" s="395"/>
      <c r="LX17" s="123">
        <v>0</v>
      </c>
      <c r="LY17" s="123">
        <v>0</v>
      </c>
      <c r="LZ17" s="123">
        <v>0</v>
      </c>
      <c r="MA17" s="123">
        <v>0</v>
      </c>
      <c r="MB17" s="123">
        <v>0</v>
      </c>
      <c r="MC17" s="124">
        <v>0</v>
      </c>
      <c r="MD17" s="125">
        <v>0</v>
      </c>
      <c r="ME17" s="159">
        <v>0</v>
      </c>
      <c r="MF17" s="123">
        <v>0</v>
      </c>
      <c r="MG17" s="124">
        <v>0</v>
      </c>
      <c r="MH17" s="395"/>
      <c r="MI17" s="123">
        <v>387225</v>
      </c>
      <c r="MJ17" s="123">
        <v>138867</v>
      </c>
      <c r="MK17" s="123">
        <v>627442</v>
      </c>
      <c r="ML17" s="123">
        <v>3758495</v>
      </c>
      <c r="MM17" s="123">
        <v>1432482</v>
      </c>
      <c r="MN17" s="124">
        <v>6344511</v>
      </c>
      <c r="MO17" s="160">
        <v>6344511</v>
      </c>
      <c r="MP17" s="159">
        <v>0</v>
      </c>
      <c r="MQ17" s="123">
        <v>0</v>
      </c>
      <c r="MR17" s="124">
        <v>0</v>
      </c>
      <c r="MS17" s="395"/>
      <c r="MT17" s="123">
        <v>0</v>
      </c>
      <c r="MU17" s="123">
        <v>0</v>
      </c>
      <c r="MV17" s="123">
        <v>401183</v>
      </c>
      <c r="MW17" s="123">
        <v>2188884</v>
      </c>
      <c r="MX17" s="123">
        <v>693072</v>
      </c>
      <c r="MY17" s="124">
        <v>3283139</v>
      </c>
      <c r="MZ17" s="160">
        <v>3283139</v>
      </c>
      <c r="NA17" s="159">
        <v>0</v>
      </c>
      <c r="NB17" s="123">
        <v>0</v>
      </c>
      <c r="NC17" s="124">
        <v>0</v>
      </c>
      <c r="ND17" s="395"/>
      <c r="NE17" s="123">
        <v>387225</v>
      </c>
      <c r="NF17" s="123">
        <v>138867</v>
      </c>
      <c r="NG17" s="123">
        <v>226259</v>
      </c>
      <c r="NH17" s="123">
        <v>1013790</v>
      </c>
      <c r="NI17" s="123">
        <v>739410</v>
      </c>
      <c r="NJ17" s="124">
        <v>2505551</v>
      </c>
      <c r="NK17" s="360">
        <v>2505551</v>
      </c>
      <c r="NL17" s="159">
        <v>0</v>
      </c>
      <c r="NM17" s="123">
        <v>0</v>
      </c>
      <c r="NN17" s="124">
        <v>0</v>
      </c>
      <c r="NO17" s="395"/>
      <c r="NP17" s="123">
        <v>0</v>
      </c>
      <c r="NQ17" s="123">
        <v>0</v>
      </c>
      <c r="NR17" s="123">
        <v>0</v>
      </c>
      <c r="NS17" s="123">
        <v>0</v>
      </c>
      <c r="NT17" s="123">
        <v>0</v>
      </c>
      <c r="NU17" s="124">
        <v>0</v>
      </c>
      <c r="NV17" s="125">
        <v>0</v>
      </c>
      <c r="NW17" s="159">
        <v>0</v>
      </c>
      <c r="NX17" s="123">
        <v>0</v>
      </c>
      <c r="NY17" s="124">
        <v>0</v>
      </c>
      <c r="NZ17" s="395"/>
      <c r="OA17" s="123">
        <v>0</v>
      </c>
      <c r="OB17" s="123">
        <v>0</v>
      </c>
      <c r="OC17" s="123">
        <v>0</v>
      </c>
      <c r="OD17" s="123">
        <v>555821</v>
      </c>
      <c r="OE17" s="123">
        <v>0</v>
      </c>
      <c r="OF17" s="124">
        <v>555821</v>
      </c>
      <c r="OG17" s="125">
        <v>555821</v>
      </c>
      <c r="OH17" s="159">
        <v>413876</v>
      </c>
      <c r="OI17" s="123">
        <v>684616</v>
      </c>
      <c r="OJ17" s="158">
        <v>1098492</v>
      </c>
      <c r="OK17" s="122">
        <v>0</v>
      </c>
      <c r="OL17" s="123">
        <v>6514627</v>
      </c>
      <c r="OM17" s="123">
        <v>4666173</v>
      </c>
      <c r="ON17" s="123">
        <v>7604989</v>
      </c>
      <c r="OO17" s="123">
        <v>10018368</v>
      </c>
      <c r="OP17" s="123">
        <v>7314572</v>
      </c>
      <c r="OQ17" s="124">
        <v>36118729</v>
      </c>
      <c r="OR17" s="160">
        <v>37217221</v>
      </c>
    </row>
    <row r="18" spans="1:408" ht="20.25" customHeight="1" x14ac:dyDescent="0.2">
      <c r="A18" s="130" t="s">
        <v>12</v>
      </c>
      <c r="B18" s="113">
        <v>738788</v>
      </c>
      <c r="C18" s="117">
        <v>1233041</v>
      </c>
      <c r="D18" s="116">
        <v>1971829</v>
      </c>
      <c r="E18" s="112">
        <v>0</v>
      </c>
      <c r="F18" s="117">
        <v>5215309</v>
      </c>
      <c r="G18" s="185">
        <v>5211164</v>
      </c>
      <c r="H18" s="185">
        <v>7513127</v>
      </c>
      <c r="I18" s="185">
        <v>6347011</v>
      </c>
      <c r="J18" s="185">
        <v>6951859</v>
      </c>
      <c r="K18" s="115">
        <v>31238470</v>
      </c>
      <c r="L18" s="119">
        <v>33210299</v>
      </c>
      <c r="M18" s="113">
        <v>265815</v>
      </c>
      <c r="N18" s="117">
        <v>267831</v>
      </c>
      <c r="O18" s="116">
        <v>533646</v>
      </c>
      <c r="P18" s="113">
        <v>0</v>
      </c>
      <c r="Q18" s="117">
        <v>1521189</v>
      </c>
      <c r="R18" s="117">
        <v>2314868</v>
      </c>
      <c r="S18" s="117">
        <v>2491439</v>
      </c>
      <c r="T18" s="117">
        <v>1673568</v>
      </c>
      <c r="U18" s="117">
        <v>3269867</v>
      </c>
      <c r="V18" s="116">
        <v>11270931</v>
      </c>
      <c r="W18" s="119">
        <v>11804577</v>
      </c>
      <c r="X18" s="113">
        <v>0</v>
      </c>
      <c r="Y18" s="117">
        <v>0</v>
      </c>
      <c r="Z18" s="116">
        <v>0</v>
      </c>
      <c r="AA18" s="113">
        <v>0</v>
      </c>
      <c r="AB18" s="117">
        <v>919239</v>
      </c>
      <c r="AC18" s="117">
        <v>1305931</v>
      </c>
      <c r="AD18" s="117">
        <v>1526212</v>
      </c>
      <c r="AE18" s="117">
        <v>964342</v>
      </c>
      <c r="AF18" s="117">
        <v>1662932</v>
      </c>
      <c r="AG18" s="116">
        <v>6378656</v>
      </c>
      <c r="AH18" s="119">
        <v>6378656</v>
      </c>
      <c r="AI18" s="113">
        <v>0</v>
      </c>
      <c r="AJ18" s="117">
        <v>0</v>
      </c>
      <c r="AK18" s="116">
        <v>0</v>
      </c>
      <c r="AL18" s="113">
        <v>0</v>
      </c>
      <c r="AM18" s="117">
        <v>0</v>
      </c>
      <c r="AN18" s="117">
        <v>142962</v>
      </c>
      <c r="AO18" s="117">
        <v>51508</v>
      </c>
      <c r="AP18" s="117">
        <v>80394</v>
      </c>
      <c r="AQ18" s="117">
        <v>549748</v>
      </c>
      <c r="AR18" s="116">
        <v>824612</v>
      </c>
      <c r="AS18" s="119">
        <v>824612</v>
      </c>
      <c r="AT18" s="113">
        <v>192735</v>
      </c>
      <c r="AU18" s="117">
        <v>231298</v>
      </c>
      <c r="AV18" s="116">
        <v>424033</v>
      </c>
      <c r="AW18" s="113">
        <v>0</v>
      </c>
      <c r="AX18" s="117">
        <v>425375</v>
      </c>
      <c r="AY18" s="117">
        <v>585727</v>
      </c>
      <c r="AZ18" s="117">
        <v>484178</v>
      </c>
      <c r="BA18" s="117">
        <v>410117</v>
      </c>
      <c r="BB18" s="117">
        <v>767356</v>
      </c>
      <c r="BC18" s="116">
        <v>2672753</v>
      </c>
      <c r="BD18" s="119">
        <v>3096786</v>
      </c>
      <c r="BE18" s="113">
        <v>0</v>
      </c>
      <c r="BF18" s="117">
        <v>0</v>
      </c>
      <c r="BG18" s="115">
        <v>0</v>
      </c>
      <c r="BH18" s="114">
        <v>0</v>
      </c>
      <c r="BI18" s="117">
        <v>0</v>
      </c>
      <c r="BJ18" s="117">
        <v>115573</v>
      </c>
      <c r="BK18" s="117">
        <v>66227</v>
      </c>
      <c r="BL18" s="117">
        <v>0</v>
      </c>
      <c r="BM18" s="117">
        <v>39539</v>
      </c>
      <c r="BN18" s="116">
        <v>221339</v>
      </c>
      <c r="BO18" s="119">
        <v>221339</v>
      </c>
      <c r="BP18" s="113">
        <v>73080</v>
      </c>
      <c r="BQ18" s="117">
        <v>36533</v>
      </c>
      <c r="BR18" s="116">
        <v>109613</v>
      </c>
      <c r="BS18" s="113">
        <v>0</v>
      </c>
      <c r="BT18" s="117">
        <v>176575</v>
      </c>
      <c r="BU18" s="117">
        <v>164675</v>
      </c>
      <c r="BV18" s="117">
        <v>363314</v>
      </c>
      <c r="BW18" s="117">
        <v>218715</v>
      </c>
      <c r="BX18" s="117">
        <v>250292</v>
      </c>
      <c r="BY18" s="116">
        <v>1173571</v>
      </c>
      <c r="BZ18" s="119">
        <v>1283184</v>
      </c>
      <c r="CA18" s="113">
        <v>131312</v>
      </c>
      <c r="CB18" s="117">
        <v>276154</v>
      </c>
      <c r="CC18" s="116">
        <v>407466</v>
      </c>
      <c r="CD18" s="113">
        <v>0</v>
      </c>
      <c r="CE18" s="117">
        <v>2385530</v>
      </c>
      <c r="CF18" s="117">
        <v>1349313</v>
      </c>
      <c r="CG18" s="117">
        <v>1973245</v>
      </c>
      <c r="CH18" s="117">
        <v>1518158</v>
      </c>
      <c r="CI18" s="117">
        <v>732928</v>
      </c>
      <c r="CJ18" s="116">
        <v>7959174</v>
      </c>
      <c r="CK18" s="119">
        <v>8366640</v>
      </c>
      <c r="CL18" s="113">
        <v>0</v>
      </c>
      <c r="CM18" s="117">
        <v>0</v>
      </c>
      <c r="CN18" s="116">
        <v>0</v>
      </c>
      <c r="CO18" s="114">
        <v>0</v>
      </c>
      <c r="CP18" s="117">
        <v>1880288</v>
      </c>
      <c r="CQ18" s="117">
        <v>792884</v>
      </c>
      <c r="CR18" s="117">
        <v>1069482</v>
      </c>
      <c r="CS18" s="117">
        <v>1222725</v>
      </c>
      <c r="CT18" s="117">
        <v>546149</v>
      </c>
      <c r="CU18" s="116">
        <v>5511528</v>
      </c>
      <c r="CV18" s="119">
        <v>5511528</v>
      </c>
      <c r="CW18" s="113">
        <v>131312</v>
      </c>
      <c r="CX18" s="117">
        <v>276154</v>
      </c>
      <c r="CY18" s="116">
        <v>407466</v>
      </c>
      <c r="CZ18" s="113">
        <v>0</v>
      </c>
      <c r="DA18" s="117">
        <v>505242</v>
      </c>
      <c r="DB18" s="117">
        <v>556429</v>
      </c>
      <c r="DC18" s="117">
        <v>903763</v>
      </c>
      <c r="DD18" s="117">
        <v>295433</v>
      </c>
      <c r="DE18" s="117">
        <v>186779</v>
      </c>
      <c r="DF18" s="116">
        <v>2447646</v>
      </c>
      <c r="DG18" s="119">
        <v>2855112</v>
      </c>
      <c r="DH18" s="113">
        <v>0</v>
      </c>
      <c r="DI18" s="117">
        <v>59762</v>
      </c>
      <c r="DJ18" s="115">
        <v>59762</v>
      </c>
      <c r="DK18" s="114">
        <v>0</v>
      </c>
      <c r="DL18" s="117">
        <v>472789</v>
      </c>
      <c r="DM18" s="117">
        <v>150986</v>
      </c>
      <c r="DN18" s="117">
        <v>614503</v>
      </c>
      <c r="DO18" s="117">
        <v>443997</v>
      </c>
      <c r="DP18" s="117">
        <v>393016</v>
      </c>
      <c r="DQ18" s="116">
        <v>2075291</v>
      </c>
      <c r="DR18" s="119">
        <v>2135053</v>
      </c>
      <c r="DS18" s="113">
        <v>0</v>
      </c>
      <c r="DT18" s="117">
        <v>59762</v>
      </c>
      <c r="DU18" s="116">
        <v>59762</v>
      </c>
      <c r="DV18" s="113">
        <v>0</v>
      </c>
      <c r="DW18" s="117">
        <v>472789</v>
      </c>
      <c r="DX18" s="117">
        <v>150986</v>
      </c>
      <c r="DY18" s="117">
        <v>614503</v>
      </c>
      <c r="DZ18" s="117">
        <v>443997</v>
      </c>
      <c r="EA18" s="117">
        <v>255378</v>
      </c>
      <c r="EB18" s="116">
        <v>1937653</v>
      </c>
      <c r="EC18" s="119">
        <v>1997415</v>
      </c>
      <c r="ED18" s="113">
        <v>0</v>
      </c>
      <c r="EE18" s="115">
        <v>0</v>
      </c>
      <c r="EF18" s="116">
        <v>0</v>
      </c>
      <c r="EG18" s="113">
        <v>0</v>
      </c>
      <c r="EH18" s="117">
        <v>0</v>
      </c>
      <c r="EI18" s="117">
        <v>0</v>
      </c>
      <c r="EJ18" s="117">
        <v>0</v>
      </c>
      <c r="EK18" s="117">
        <v>0</v>
      </c>
      <c r="EL18" s="117">
        <v>137638</v>
      </c>
      <c r="EM18" s="115">
        <v>137638</v>
      </c>
      <c r="EN18" s="119">
        <v>137638</v>
      </c>
      <c r="EO18" s="113">
        <v>0</v>
      </c>
      <c r="EP18" s="117">
        <v>0</v>
      </c>
      <c r="EQ18" s="115">
        <v>0</v>
      </c>
      <c r="ER18" s="114">
        <v>0</v>
      </c>
      <c r="ES18" s="117">
        <v>0</v>
      </c>
      <c r="ET18" s="117">
        <v>0</v>
      </c>
      <c r="EU18" s="117">
        <v>0</v>
      </c>
      <c r="EV18" s="117">
        <v>0</v>
      </c>
      <c r="EW18" s="117">
        <v>0</v>
      </c>
      <c r="EX18" s="116">
        <v>0</v>
      </c>
      <c r="EY18" s="119">
        <v>0</v>
      </c>
      <c r="EZ18" s="113">
        <v>0</v>
      </c>
      <c r="FA18" s="117">
        <v>0</v>
      </c>
      <c r="FB18" s="115">
        <v>0</v>
      </c>
      <c r="FC18" s="395"/>
      <c r="FD18" s="117">
        <v>0</v>
      </c>
      <c r="FE18" s="117">
        <v>0</v>
      </c>
      <c r="FF18" s="117">
        <v>0</v>
      </c>
      <c r="FG18" s="117">
        <v>0</v>
      </c>
      <c r="FH18" s="117">
        <v>0</v>
      </c>
      <c r="FI18" s="116">
        <v>0</v>
      </c>
      <c r="FJ18" s="119">
        <v>0</v>
      </c>
      <c r="FK18" s="113">
        <v>148309</v>
      </c>
      <c r="FL18" s="117">
        <v>303706</v>
      </c>
      <c r="FM18" s="116">
        <v>452015</v>
      </c>
      <c r="FN18" s="113">
        <v>0</v>
      </c>
      <c r="FO18" s="117">
        <v>123487</v>
      </c>
      <c r="FP18" s="117">
        <v>614334</v>
      </c>
      <c r="FQ18" s="117">
        <v>590247</v>
      </c>
      <c r="FR18" s="117">
        <v>572621</v>
      </c>
      <c r="FS18" s="117">
        <v>545370</v>
      </c>
      <c r="FT18" s="116">
        <v>2446059</v>
      </c>
      <c r="FU18" s="119">
        <v>2898074</v>
      </c>
      <c r="FV18" s="118">
        <v>87864</v>
      </c>
      <c r="FW18" s="117">
        <v>264740</v>
      </c>
      <c r="FX18" s="115">
        <v>352604</v>
      </c>
      <c r="FY18" s="114">
        <v>0</v>
      </c>
      <c r="FZ18" s="117">
        <v>112287</v>
      </c>
      <c r="GA18" s="117">
        <v>614334</v>
      </c>
      <c r="GB18" s="117">
        <v>590247</v>
      </c>
      <c r="GC18" s="117">
        <v>572621</v>
      </c>
      <c r="GD18" s="117">
        <v>476378</v>
      </c>
      <c r="GE18" s="116">
        <v>2365867</v>
      </c>
      <c r="GF18" s="357">
        <v>2718471</v>
      </c>
      <c r="GG18" s="118">
        <v>0</v>
      </c>
      <c r="GH18" s="117">
        <v>0</v>
      </c>
      <c r="GI18" s="115">
        <v>0</v>
      </c>
      <c r="GJ18" s="114">
        <v>0</v>
      </c>
      <c r="GK18" s="117">
        <v>11200</v>
      </c>
      <c r="GL18" s="117">
        <v>0</v>
      </c>
      <c r="GM18" s="117">
        <v>0</v>
      </c>
      <c r="GN18" s="117">
        <v>0</v>
      </c>
      <c r="GO18" s="117">
        <v>68992</v>
      </c>
      <c r="GP18" s="116">
        <v>80192</v>
      </c>
      <c r="GQ18" s="119">
        <v>80192</v>
      </c>
      <c r="GR18" s="113">
        <v>60445</v>
      </c>
      <c r="GS18" s="117">
        <v>38966</v>
      </c>
      <c r="GT18" s="116">
        <v>99411</v>
      </c>
      <c r="GU18" s="113">
        <v>0</v>
      </c>
      <c r="GV18" s="117">
        <v>0</v>
      </c>
      <c r="GW18" s="117">
        <v>0</v>
      </c>
      <c r="GX18" s="117">
        <v>0</v>
      </c>
      <c r="GY18" s="117">
        <v>0</v>
      </c>
      <c r="GZ18" s="117">
        <v>0</v>
      </c>
      <c r="HA18" s="115">
        <v>0</v>
      </c>
      <c r="HB18" s="119">
        <v>99411</v>
      </c>
      <c r="HC18" s="113">
        <v>193352</v>
      </c>
      <c r="HD18" s="117">
        <v>325588</v>
      </c>
      <c r="HE18" s="115">
        <v>518940</v>
      </c>
      <c r="HF18" s="114">
        <v>0</v>
      </c>
      <c r="HG18" s="117">
        <v>712314</v>
      </c>
      <c r="HH18" s="117">
        <v>781663</v>
      </c>
      <c r="HI18" s="117">
        <v>1843693</v>
      </c>
      <c r="HJ18" s="117">
        <v>2138667</v>
      </c>
      <c r="HK18" s="117">
        <v>2010678</v>
      </c>
      <c r="HL18" s="116">
        <v>7487015</v>
      </c>
      <c r="HM18" s="112">
        <v>8005955</v>
      </c>
      <c r="HN18" s="373"/>
      <c r="HO18" s="374"/>
      <c r="HP18" s="375"/>
      <c r="HQ18" s="376"/>
      <c r="HR18" s="374"/>
      <c r="HS18" s="374"/>
      <c r="HT18" s="374"/>
      <c r="HU18" s="374"/>
      <c r="HV18" s="374"/>
      <c r="HW18" s="377"/>
      <c r="HX18" s="378"/>
      <c r="HY18" s="166">
        <v>0</v>
      </c>
      <c r="HZ18" s="152">
        <v>0</v>
      </c>
      <c r="IA18" s="166">
        <v>0</v>
      </c>
      <c r="IB18" s="151">
        <v>0</v>
      </c>
      <c r="IC18" s="152">
        <v>2310827</v>
      </c>
      <c r="ID18" s="153">
        <v>1741441</v>
      </c>
      <c r="IE18" s="154">
        <v>1293919</v>
      </c>
      <c r="IF18" s="152">
        <v>1344725</v>
      </c>
      <c r="IG18" s="154">
        <v>1222635</v>
      </c>
      <c r="IH18" s="155">
        <v>7913547</v>
      </c>
      <c r="II18" s="166">
        <v>7913547</v>
      </c>
      <c r="IJ18" s="259">
        <v>0</v>
      </c>
      <c r="IK18" s="266">
        <v>0</v>
      </c>
      <c r="IL18" s="267">
        <v>0</v>
      </c>
      <c r="IM18" s="157"/>
      <c r="IN18" s="123">
        <v>0</v>
      </c>
      <c r="IO18" s="123">
        <v>0</v>
      </c>
      <c r="IP18" s="123">
        <v>0</v>
      </c>
      <c r="IQ18" s="123">
        <v>0</v>
      </c>
      <c r="IR18" s="123">
        <v>0</v>
      </c>
      <c r="IS18" s="158">
        <v>0</v>
      </c>
      <c r="IT18" s="360">
        <v>0</v>
      </c>
      <c r="IU18" s="159">
        <v>0</v>
      </c>
      <c r="IV18" s="123">
        <v>0</v>
      </c>
      <c r="IW18" s="124">
        <v>0</v>
      </c>
      <c r="IX18" s="161"/>
      <c r="IY18" s="123">
        <v>0</v>
      </c>
      <c r="IZ18" s="123">
        <v>0</v>
      </c>
      <c r="JA18" s="123">
        <v>0</v>
      </c>
      <c r="JB18" s="123">
        <v>0</v>
      </c>
      <c r="JC18" s="123">
        <v>0</v>
      </c>
      <c r="JD18" s="124">
        <v>0</v>
      </c>
      <c r="JE18" s="125">
        <v>0</v>
      </c>
      <c r="JF18" s="159">
        <v>0</v>
      </c>
      <c r="JG18" s="123">
        <v>0</v>
      </c>
      <c r="JH18" s="158">
        <v>0</v>
      </c>
      <c r="JI18" s="122">
        <v>0</v>
      </c>
      <c r="JJ18" s="123">
        <v>930706</v>
      </c>
      <c r="JK18" s="123">
        <v>546258</v>
      </c>
      <c r="JL18" s="123">
        <v>868035</v>
      </c>
      <c r="JM18" s="123">
        <v>425294</v>
      </c>
      <c r="JN18" s="123">
        <v>17804</v>
      </c>
      <c r="JO18" s="124">
        <v>2788097</v>
      </c>
      <c r="JP18" s="360">
        <v>2788097</v>
      </c>
      <c r="JQ18" s="159">
        <v>0</v>
      </c>
      <c r="JR18" s="123">
        <v>0</v>
      </c>
      <c r="JS18" s="158">
        <v>0</v>
      </c>
      <c r="JT18" s="122">
        <v>0</v>
      </c>
      <c r="JU18" s="123">
        <v>33653</v>
      </c>
      <c r="JV18" s="123">
        <v>0</v>
      </c>
      <c r="JW18" s="123">
        <v>0</v>
      </c>
      <c r="JX18" s="123">
        <v>0</v>
      </c>
      <c r="JY18" s="123">
        <v>0</v>
      </c>
      <c r="JZ18" s="124">
        <v>33653</v>
      </c>
      <c r="KA18" s="360">
        <v>33653</v>
      </c>
      <c r="KB18" s="262">
        <v>0</v>
      </c>
      <c r="KC18" s="256">
        <v>0</v>
      </c>
      <c r="KD18" s="124">
        <v>0</v>
      </c>
      <c r="KE18" s="122">
        <v>0</v>
      </c>
      <c r="KF18" s="123">
        <v>106801</v>
      </c>
      <c r="KG18" s="123">
        <v>155062</v>
      </c>
      <c r="KH18" s="123">
        <v>404261</v>
      </c>
      <c r="KI18" s="123">
        <v>230913</v>
      </c>
      <c r="KJ18" s="123">
        <v>0</v>
      </c>
      <c r="KK18" s="124">
        <v>897037</v>
      </c>
      <c r="KL18" s="160">
        <v>897037</v>
      </c>
      <c r="KM18" s="259">
        <v>0</v>
      </c>
      <c r="KN18" s="266">
        <v>0</v>
      </c>
      <c r="KO18" s="267">
        <v>0</v>
      </c>
      <c r="KP18" s="395"/>
      <c r="KQ18" s="123">
        <v>1102087</v>
      </c>
      <c r="KR18" s="123">
        <v>212661</v>
      </c>
      <c r="KS18" s="123">
        <v>21623</v>
      </c>
      <c r="KT18" s="123">
        <v>224240</v>
      </c>
      <c r="KU18" s="123">
        <v>0</v>
      </c>
      <c r="KV18" s="124">
        <v>1560611</v>
      </c>
      <c r="KW18" s="360">
        <v>1560611</v>
      </c>
      <c r="KX18" s="159">
        <v>0</v>
      </c>
      <c r="KY18" s="123">
        <v>0</v>
      </c>
      <c r="KZ18" s="124">
        <v>0</v>
      </c>
      <c r="LA18" s="395"/>
      <c r="LB18" s="123">
        <v>137580</v>
      </c>
      <c r="LC18" s="123">
        <v>308400</v>
      </c>
      <c r="LD18" s="123">
        <v>0</v>
      </c>
      <c r="LE18" s="123">
        <v>187688</v>
      </c>
      <c r="LF18" s="123">
        <v>204812</v>
      </c>
      <c r="LG18" s="124">
        <v>838480</v>
      </c>
      <c r="LH18" s="125">
        <v>838480</v>
      </c>
      <c r="LI18" s="159">
        <v>0</v>
      </c>
      <c r="LJ18" s="123">
        <v>0</v>
      </c>
      <c r="LK18" s="124">
        <v>0</v>
      </c>
      <c r="LL18" s="395"/>
      <c r="LM18" s="123">
        <v>0</v>
      </c>
      <c r="LN18" s="123">
        <v>0</v>
      </c>
      <c r="LO18" s="123">
        <v>0</v>
      </c>
      <c r="LP18" s="123">
        <v>0</v>
      </c>
      <c r="LQ18" s="123">
        <v>258752</v>
      </c>
      <c r="LR18" s="124">
        <v>258752</v>
      </c>
      <c r="LS18" s="360">
        <v>258752</v>
      </c>
      <c r="LT18" s="159">
        <v>0</v>
      </c>
      <c r="LU18" s="123">
        <v>0</v>
      </c>
      <c r="LV18" s="124">
        <v>0</v>
      </c>
      <c r="LW18" s="395"/>
      <c r="LX18" s="123">
        <v>0</v>
      </c>
      <c r="LY18" s="123">
        <v>519060</v>
      </c>
      <c r="LZ18" s="123">
        <v>0</v>
      </c>
      <c r="MA18" s="123">
        <v>276590</v>
      </c>
      <c r="MB18" s="123">
        <v>741267</v>
      </c>
      <c r="MC18" s="124">
        <v>1536917</v>
      </c>
      <c r="MD18" s="125">
        <v>1536917</v>
      </c>
      <c r="ME18" s="159">
        <v>0</v>
      </c>
      <c r="MF18" s="123">
        <v>0</v>
      </c>
      <c r="MG18" s="124">
        <v>0</v>
      </c>
      <c r="MH18" s="395"/>
      <c r="MI18" s="123">
        <v>0</v>
      </c>
      <c r="MJ18" s="123">
        <v>943091</v>
      </c>
      <c r="MK18" s="123">
        <v>2070441</v>
      </c>
      <c r="ML18" s="123">
        <v>3686644</v>
      </c>
      <c r="MM18" s="123">
        <v>2461906</v>
      </c>
      <c r="MN18" s="124">
        <v>9162082</v>
      </c>
      <c r="MO18" s="160">
        <v>9162082</v>
      </c>
      <c r="MP18" s="159">
        <v>0</v>
      </c>
      <c r="MQ18" s="123">
        <v>0</v>
      </c>
      <c r="MR18" s="124">
        <v>0</v>
      </c>
      <c r="MS18" s="395"/>
      <c r="MT18" s="123">
        <v>0</v>
      </c>
      <c r="MU18" s="123">
        <v>166518</v>
      </c>
      <c r="MV18" s="123">
        <v>1479955</v>
      </c>
      <c r="MW18" s="123">
        <v>2042004</v>
      </c>
      <c r="MX18" s="123">
        <v>1448921</v>
      </c>
      <c r="MY18" s="124">
        <v>5137398</v>
      </c>
      <c r="MZ18" s="160">
        <v>5137398</v>
      </c>
      <c r="NA18" s="159">
        <v>0</v>
      </c>
      <c r="NB18" s="123">
        <v>0</v>
      </c>
      <c r="NC18" s="124">
        <v>0</v>
      </c>
      <c r="ND18" s="395"/>
      <c r="NE18" s="123">
        <v>0</v>
      </c>
      <c r="NF18" s="123">
        <v>776573</v>
      </c>
      <c r="NG18" s="123">
        <v>590486</v>
      </c>
      <c r="NH18" s="123">
        <v>1644640</v>
      </c>
      <c r="NI18" s="123">
        <v>543356</v>
      </c>
      <c r="NJ18" s="124">
        <v>3555055</v>
      </c>
      <c r="NK18" s="360">
        <v>3555055</v>
      </c>
      <c r="NL18" s="159">
        <v>0</v>
      </c>
      <c r="NM18" s="123">
        <v>0</v>
      </c>
      <c r="NN18" s="124">
        <v>0</v>
      </c>
      <c r="NO18" s="395"/>
      <c r="NP18" s="123">
        <v>0</v>
      </c>
      <c r="NQ18" s="123">
        <v>0</v>
      </c>
      <c r="NR18" s="123">
        <v>0</v>
      </c>
      <c r="NS18" s="123">
        <v>0</v>
      </c>
      <c r="NT18" s="123">
        <v>278477</v>
      </c>
      <c r="NU18" s="124">
        <v>278477</v>
      </c>
      <c r="NV18" s="125">
        <v>278477</v>
      </c>
      <c r="NW18" s="159">
        <v>0</v>
      </c>
      <c r="NX18" s="123">
        <v>0</v>
      </c>
      <c r="NY18" s="124">
        <v>0</v>
      </c>
      <c r="NZ18" s="395"/>
      <c r="OA18" s="123">
        <v>0</v>
      </c>
      <c r="OB18" s="123">
        <v>0</v>
      </c>
      <c r="OC18" s="123">
        <v>0</v>
      </c>
      <c r="OD18" s="123">
        <v>0</v>
      </c>
      <c r="OE18" s="123">
        <v>191152</v>
      </c>
      <c r="OF18" s="124">
        <v>191152</v>
      </c>
      <c r="OG18" s="125">
        <v>191152</v>
      </c>
      <c r="OH18" s="159">
        <v>738788</v>
      </c>
      <c r="OI18" s="123">
        <v>1233041</v>
      </c>
      <c r="OJ18" s="158">
        <v>1971829</v>
      </c>
      <c r="OK18" s="122">
        <v>0</v>
      </c>
      <c r="OL18" s="123">
        <v>7526136</v>
      </c>
      <c r="OM18" s="123">
        <v>7895696</v>
      </c>
      <c r="ON18" s="123">
        <v>10877487</v>
      </c>
      <c r="OO18" s="123">
        <v>11378380</v>
      </c>
      <c r="OP18" s="123">
        <v>10636400</v>
      </c>
      <c r="OQ18" s="124">
        <v>48314099</v>
      </c>
      <c r="OR18" s="160">
        <v>50285928</v>
      </c>
    </row>
    <row r="19" spans="1:408" ht="20.25" customHeight="1" x14ac:dyDescent="0.2">
      <c r="A19" s="130" t="s">
        <v>13</v>
      </c>
      <c r="B19" s="113">
        <v>503637</v>
      </c>
      <c r="C19" s="117">
        <v>829850</v>
      </c>
      <c r="D19" s="116">
        <v>1333487</v>
      </c>
      <c r="E19" s="113">
        <v>0</v>
      </c>
      <c r="F19" s="185">
        <v>2908861</v>
      </c>
      <c r="G19" s="117">
        <v>4909700</v>
      </c>
      <c r="H19" s="117">
        <v>4963125</v>
      </c>
      <c r="I19" s="117">
        <v>4121422</v>
      </c>
      <c r="J19" s="117">
        <v>3215712</v>
      </c>
      <c r="K19" s="115">
        <v>20118820</v>
      </c>
      <c r="L19" s="119">
        <v>21452307</v>
      </c>
      <c r="M19" s="113">
        <v>99931</v>
      </c>
      <c r="N19" s="117">
        <v>116388</v>
      </c>
      <c r="O19" s="116">
        <v>216319</v>
      </c>
      <c r="P19" s="113">
        <v>0</v>
      </c>
      <c r="Q19" s="117">
        <v>745890</v>
      </c>
      <c r="R19" s="117">
        <v>1416336</v>
      </c>
      <c r="S19" s="117">
        <v>1939314</v>
      </c>
      <c r="T19" s="117">
        <v>2283449</v>
      </c>
      <c r="U19" s="117">
        <v>1768479</v>
      </c>
      <c r="V19" s="116">
        <v>8153468</v>
      </c>
      <c r="W19" s="119">
        <v>8369787</v>
      </c>
      <c r="X19" s="113">
        <v>0</v>
      </c>
      <c r="Y19" s="117">
        <v>0</v>
      </c>
      <c r="Z19" s="116">
        <v>0</v>
      </c>
      <c r="AA19" s="113">
        <v>0</v>
      </c>
      <c r="AB19" s="117">
        <v>301492</v>
      </c>
      <c r="AC19" s="117">
        <v>580397</v>
      </c>
      <c r="AD19" s="117">
        <v>1061778</v>
      </c>
      <c r="AE19" s="117">
        <v>1473000</v>
      </c>
      <c r="AF19" s="117">
        <v>1181013</v>
      </c>
      <c r="AG19" s="116">
        <v>4597680</v>
      </c>
      <c r="AH19" s="119">
        <v>4597680</v>
      </c>
      <c r="AI19" s="113">
        <v>0</v>
      </c>
      <c r="AJ19" s="117">
        <v>0</v>
      </c>
      <c r="AK19" s="116">
        <v>0</v>
      </c>
      <c r="AL19" s="113">
        <v>0</v>
      </c>
      <c r="AM19" s="117">
        <v>0</v>
      </c>
      <c r="AN19" s="117">
        <v>12128</v>
      </c>
      <c r="AO19" s="117">
        <v>94119</v>
      </c>
      <c r="AP19" s="117">
        <v>94805</v>
      </c>
      <c r="AQ19" s="117">
        <v>0</v>
      </c>
      <c r="AR19" s="116">
        <v>201052</v>
      </c>
      <c r="AS19" s="119">
        <v>201052</v>
      </c>
      <c r="AT19" s="113">
        <v>38513</v>
      </c>
      <c r="AU19" s="117">
        <v>42265</v>
      </c>
      <c r="AV19" s="116">
        <v>80778</v>
      </c>
      <c r="AW19" s="113">
        <v>0</v>
      </c>
      <c r="AX19" s="117">
        <v>210290</v>
      </c>
      <c r="AY19" s="117">
        <v>403867</v>
      </c>
      <c r="AZ19" s="117">
        <v>466575</v>
      </c>
      <c r="BA19" s="117">
        <v>514559</v>
      </c>
      <c r="BB19" s="117">
        <v>359657</v>
      </c>
      <c r="BC19" s="116">
        <v>1954948</v>
      </c>
      <c r="BD19" s="119">
        <v>2035726</v>
      </c>
      <c r="BE19" s="113">
        <v>0</v>
      </c>
      <c r="BF19" s="117">
        <v>0</v>
      </c>
      <c r="BG19" s="115">
        <v>0</v>
      </c>
      <c r="BH19" s="114">
        <v>0</v>
      </c>
      <c r="BI19" s="117">
        <v>65226</v>
      </c>
      <c r="BJ19" s="117">
        <v>140861</v>
      </c>
      <c r="BK19" s="117">
        <v>88663</v>
      </c>
      <c r="BL19" s="117">
        <v>17356</v>
      </c>
      <c r="BM19" s="117">
        <v>77232</v>
      </c>
      <c r="BN19" s="116">
        <v>389338</v>
      </c>
      <c r="BO19" s="119">
        <v>389338</v>
      </c>
      <c r="BP19" s="113">
        <v>61418</v>
      </c>
      <c r="BQ19" s="117">
        <v>74123</v>
      </c>
      <c r="BR19" s="116">
        <v>135541</v>
      </c>
      <c r="BS19" s="113">
        <v>0</v>
      </c>
      <c r="BT19" s="117">
        <v>168882</v>
      </c>
      <c r="BU19" s="117">
        <v>279083</v>
      </c>
      <c r="BV19" s="117">
        <v>228179</v>
      </c>
      <c r="BW19" s="117">
        <v>183729</v>
      </c>
      <c r="BX19" s="117">
        <v>150577</v>
      </c>
      <c r="BY19" s="116">
        <v>1010450</v>
      </c>
      <c r="BZ19" s="119">
        <v>1145991</v>
      </c>
      <c r="CA19" s="113">
        <v>16998</v>
      </c>
      <c r="CB19" s="117">
        <v>0</v>
      </c>
      <c r="CC19" s="116">
        <v>16998</v>
      </c>
      <c r="CD19" s="113">
        <v>0</v>
      </c>
      <c r="CE19" s="117">
        <v>464824</v>
      </c>
      <c r="CF19" s="117">
        <v>1140534</v>
      </c>
      <c r="CG19" s="117">
        <v>1118926</v>
      </c>
      <c r="CH19" s="117">
        <v>680118</v>
      </c>
      <c r="CI19" s="117">
        <v>0</v>
      </c>
      <c r="CJ19" s="116">
        <v>3404402</v>
      </c>
      <c r="CK19" s="119">
        <v>3421400</v>
      </c>
      <c r="CL19" s="113">
        <v>0</v>
      </c>
      <c r="CM19" s="117">
        <v>0</v>
      </c>
      <c r="CN19" s="116">
        <v>0</v>
      </c>
      <c r="CO19" s="114">
        <v>0</v>
      </c>
      <c r="CP19" s="117">
        <v>424993</v>
      </c>
      <c r="CQ19" s="117">
        <v>1012947</v>
      </c>
      <c r="CR19" s="117">
        <v>842027</v>
      </c>
      <c r="CS19" s="117">
        <v>524469</v>
      </c>
      <c r="CT19" s="117">
        <v>0</v>
      </c>
      <c r="CU19" s="116">
        <v>2804436</v>
      </c>
      <c r="CV19" s="119">
        <v>2804436</v>
      </c>
      <c r="CW19" s="113">
        <v>16998</v>
      </c>
      <c r="CX19" s="117">
        <v>0</v>
      </c>
      <c r="CY19" s="116">
        <v>16998</v>
      </c>
      <c r="CZ19" s="113">
        <v>0</v>
      </c>
      <c r="DA19" s="117">
        <v>39831</v>
      </c>
      <c r="DB19" s="117">
        <v>127587</v>
      </c>
      <c r="DC19" s="117">
        <v>276899</v>
      </c>
      <c r="DD19" s="117">
        <v>155649</v>
      </c>
      <c r="DE19" s="117">
        <v>0</v>
      </c>
      <c r="DF19" s="116">
        <v>599966</v>
      </c>
      <c r="DG19" s="119">
        <v>616964</v>
      </c>
      <c r="DH19" s="113">
        <v>0</v>
      </c>
      <c r="DI19" s="117">
        <v>0</v>
      </c>
      <c r="DJ19" s="115">
        <v>0</v>
      </c>
      <c r="DK19" s="114">
        <v>0</v>
      </c>
      <c r="DL19" s="117">
        <v>22208</v>
      </c>
      <c r="DM19" s="117">
        <v>142974</v>
      </c>
      <c r="DN19" s="117">
        <v>190282</v>
      </c>
      <c r="DO19" s="117">
        <v>92064</v>
      </c>
      <c r="DP19" s="117">
        <v>252289</v>
      </c>
      <c r="DQ19" s="116">
        <v>699817</v>
      </c>
      <c r="DR19" s="119">
        <v>699817</v>
      </c>
      <c r="DS19" s="113">
        <v>0</v>
      </c>
      <c r="DT19" s="117">
        <v>0</v>
      </c>
      <c r="DU19" s="116">
        <v>0</v>
      </c>
      <c r="DV19" s="113">
        <v>0</v>
      </c>
      <c r="DW19" s="117">
        <v>22208</v>
      </c>
      <c r="DX19" s="117">
        <v>72618</v>
      </c>
      <c r="DY19" s="117">
        <v>190282</v>
      </c>
      <c r="DZ19" s="117">
        <v>32116</v>
      </c>
      <c r="EA19" s="117">
        <v>252289</v>
      </c>
      <c r="EB19" s="116">
        <v>569513</v>
      </c>
      <c r="EC19" s="119">
        <v>569513</v>
      </c>
      <c r="ED19" s="113">
        <v>0</v>
      </c>
      <c r="EE19" s="115">
        <v>0</v>
      </c>
      <c r="EF19" s="116">
        <v>0</v>
      </c>
      <c r="EG19" s="113">
        <v>0</v>
      </c>
      <c r="EH19" s="117">
        <v>0</v>
      </c>
      <c r="EI19" s="117">
        <v>70356</v>
      </c>
      <c r="EJ19" s="117">
        <v>0</v>
      </c>
      <c r="EK19" s="117">
        <v>59948</v>
      </c>
      <c r="EL19" s="117">
        <v>0</v>
      </c>
      <c r="EM19" s="115">
        <v>130304</v>
      </c>
      <c r="EN19" s="119">
        <v>130304</v>
      </c>
      <c r="EO19" s="113">
        <v>0</v>
      </c>
      <c r="EP19" s="117">
        <v>0</v>
      </c>
      <c r="EQ19" s="115">
        <v>0</v>
      </c>
      <c r="ER19" s="114">
        <v>0</v>
      </c>
      <c r="ES19" s="117">
        <v>0</v>
      </c>
      <c r="ET19" s="117">
        <v>0</v>
      </c>
      <c r="EU19" s="117">
        <v>0</v>
      </c>
      <c r="EV19" s="117">
        <v>0</v>
      </c>
      <c r="EW19" s="117">
        <v>0</v>
      </c>
      <c r="EX19" s="116">
        <v>0</v>
      </c>
      <c r="EY19" s="119">
        <v>0</v>
      </c>
      <c r="EZ19" s="113">
        <v>0</v>
      </c>
      <c r="FA19" s="117">
        <v>0</v>
      </c>
      <c r="FB19" s="115">
        <v>0</v>
      </c>
      <c r="FC19" s="395"/>
      <c r="FD19" s="117">
        <v>0</v>
      </c>
      <c r="FE19" s="117">
        <v>0</v>
      </c>
      <c r="FF19" s="117">
        <v>0</v>
      </c>
      <c r="FG19" s="117">
        <v>0</v>
      </c>
      <c r="FH19" s="117">
        <v>0</v>
      </c>
      <c r="FI19" s="116">
        <v>0</v>
      </c>
      <c r="FJ19" s="119">
        <v>0</v>
      </c>
      <c r="FK19" s="113">
        <v>154000</v>
      </c>
      <c r="FL19" s="117">
        <v>210353</v>
      </c>
      <c r="FM19" s="116">
        <v>364353</v>
      </c>
      <c r="FN19" s="113">
        <v>0</v>
      </c>
      <c r="FO19" s="117">
        <v>73570</v>
      </c>
      <c r="FP19" s="117">
        <v>464121</v>
      </c>
      <c r="FQ19" s="117">
        <v>266590</v>
      </c>
      <c r="FR19" s="117">
        <v>285754</v>
      </c>
      <c r="FS19" s="117">
        <v>169246</v>
      </c>
      <c r="FT19" s="116">
        <v>1259281</v>
      </c>
      <c r="FU19" s="119">
        <v>1623634</v>
      </c>
      <c r="FV19" s="118">
        <v>14000</v>
      </c>
      <c r="FW19" s="117">
        <v>76391</v>
      </c>
      <c r="FX19" s="115">
        <v>90391</v>
      </c>
      <c r="FY19" s="114">
        <v>0</v>
      </c>
      <c r="FZ19" s="117">
        <v>56070</v>
      </c>
      <c r="GA19" s="117">
        <v>388941</v>
      </c>
      <c r="GB19" s="117">
        <v>266590</v>
      </c>
      <c r="GC19" s="117">
        <v>269122</v>
      </c>
      <c r="GD19" s="117">
        <v>169246</v>
      </c>
      <c r="GE19" s="116">
        <v>1149969</v>
      </c>
      <c r="GF19" s="357">
        <v>1240360</v>
      </c>
      <c r="GG19" s="118">
        <v>0</v>
      </c>
      <c r="GH19" s="117">
        <v>14962</v>
      </c>
      <c r="GI19" s="115">
        <v>14962</v>
      </c>
      <c r="GJ19" s="114">
        <v>0</v>
      </c>
      <c r="GK19" s="117">
        <v>0</v>
      </c>
      <c r="GL19" s="117">
        <v>0</v>
      </c>
      <c r="GM19" s="117">
        <v>0</v>
      </c>
      <c r="GN19" s="117">
        <v>16632</v>
      </c>
      <c r="GO19" s="117">
        <v>0</v>
      </c>
      <c r="GP19" s="116">
        <v>16632</v>
      </c>
      <c r="GQ19" s="119">
        <v>31594</v>
      </c>
      <c r="GR19" s="113">
        <v>140000</v>
      </c>
      <c r="GS19" s="117">
        <v>119000</v>
      </c>
      <c r="GT19" s="116">
        <v>259000</v>
      </c>
      <c r="GU19" s="113">
        <v>0</v>
      </c>
      <c r="GV19" s="117">
        <v>17500</v>
      </c>
      <c r="GW19" s="117">
        <v>75180</v>
      </c>
      <c r="GX19" s="117">
        <v>0</v>
      </c>
      <c r="GY19" s="117">
        <v>0</v>
      </c>
      <c r="GZ19" s="117">
        <v>0</v>
      </c>
      <c r="HA19" s="115">
        <v>92680</v>
      </c>
      <c r="HB19" s="119">
        <v>351680</v>
      </c>
      <c r="HC19" s="113">
        <v>232708</v>
      </c>
      <c r="HD19" s="117">
        <v>503109</v>
      </c>
      <c r="HE19" s="115">
        <v>735817</v>
      </c>
      <c r="HF19" s="114">
        <v>0</v>
      </c>
      <c r="HG19" s="117">
        <v>1602369</v>
      </c>
      <c r="HH19" s="117">
        <v>1745735</v>
      </c>
      <c r="HI19" s="117">
        <v>1448013</v>
      </c>
      <c r="HJ19" s="117">
        <v>780037</v>
      </c>
      <c r="HK19" s="117">
        <v>1025698</v>
      </c>
      <c r="HL19" s="116">
        <v>6601852</v>
      </c>
      <c r="HM19" s="112">
        <v>7337669</v>
      </c>
      <c r="HN19" s="373"/>
      <c r="HO19" s="374"/>
      <c r="HP19" s="375"/>
      <c r="HQ19" s="376"/>
      <c r="HR19" s="374"/>
      <c r="HS19" s="374"/>
      <c r="HT19" s="374"/>
      <c r="HU19" s="374"/>
      <c r="HV19" s="374"/>
      <c r="HW19" s="377"/>
      <c r="HX19" s="378"/>
      <c r="HY19" s="148">
        <v>0</v>
      </c>
      <c r="HZ19" s="149">
        <v>0</v>
      </c>
      <c r="IA19" s="150">
        <v>0</v>
      </c>
      <c r="IB19" s="162">
        <v>0</v>
      </c>
      <c r="IC19" s="149">
        <v>241654</v>
      </c>
      <c r="ID19" s="163">
        <v>693795</v>
      </c>
      <c r="IE19" s="150">
        <v>1198584</v>
      </c>
      <c r="IF19" s="149">
        <v>528948</v>
      </c>
      <c r="IG19" s="150">
        <v>0</v>
      </c>
      <c r="IH19" s="164">
        <v>2662981</v>
      </c>
      <c r="II19" s="156">
        <v>2662981</v>
      </c>
      <c r="IJ19" s="259">
        <v>0</v>
      </c>
      <c r="IK19" s="266">
        <v>0</v>
      </c>
      <c r="IL19" s="267">
        <v>0</v>
      </c>
      <c r="IM19" s="157"/>
      <c r="IN19" s="123">
        <v>0</v>
      </c>
      <c r="IO19" s="123">
        <v>0</v>
      </c>
      <c r="IP19" s="123">
        <v>0</v>
      </c>
      <c r="IQ19" s="123">
        <v>0</v>
      </c>
      <c r="IR19" s="123">
        <v>0</v>
      </c>
      <c r="IS19" s="158">
        <v>0</v>
      </c>
      <c r="IT19" s="360">
        <v>0</v>
      </c>
      <c r="IU19" s="159">
        <v>0</v>
      </c>
      <c r="IV19" s="123">
        <v>0</v>
      </c>
      <c r="IW19" s="124">
        <v>0</v>
      </c>
      <c r="IX19" s="161"/>
      <c r="IY19" s="123">
        <v>0</v>
      </c>
      <c r="IZ19" s="123">
        <v>0</v>
      </c>
      <c r="JA19" s="123">
        <v>0</v>
      </c>
      <c r="JB19" s="123">
        <v>0</v>
      </c>
      <c r="JC19" s="123">
        <v>0</v>
      </c>
      <c r="JD19" s="124">
        <v>0</v>
      </c>
      <c r="JE19" s="125">
        <v>0</v>
      </c>
      <c r="JF19" s="159">
        <v>0</v>
      </c>
      <c r="JG19" s="123">
        <v>0</v>
      </c>
      <c r="JH19" s="158">
        <v>0</v>
      </c>
      <c r="JI19" s="122">
        <v>0</v>
      </c>
      <c r="JJ19" s="123">
        <v>241654</v>
      </c>
      <c r="JK19" s="123">
        <v>325179</v>
      </c>
      <c r="JL19" s="123">
        <v>627772</v>
      </c>
      <c r="JM19" s="123">
        <v>113524</v>
      </c>
      <c r="JN19" s="123">
        <v>0</v>
      </c>
      <c r="JO19" s="124">
        <v>1308129</v>
      </c>
      <c r="JP19" s="360">
        <v>1308129</v>
      </c>
      <c r="JQ19" s="159">
        <v>0</v>
      </c>
      <c r="JR19" s="123">
        <v>0</v>
      </c>
      <c r="JS19" s="158">
        <v>0</v>
      </c>
      <c r="JT19" s="122">
        <v>0</v>
      </c>
      <c r="JU19" s="123">
        <v>0</v>
      </c>
      <c r="JV19" s="123">
        <v>0</v>
      </c>
      <c r="JW19" s="123">
        <v>0</v>
      </c>
      <c r="JX19" s="123">
        <v>0</v>
      </c>
      <c r="JY19" s="123">
        <v>0</v>
      </c>
      <c r="JZ19" s="124">
        <v>0</v>
      </c>
      <c r="KA19" s="360">
        <v>0</v>
      </c>
      <c r="KB19" s="262">
        <v>0</v>
      </c>
      <c r="KC19" s="256">
        <v>0</v>
      </c>
      <c r="KD19" s="124">
        <v>0</v>
      </c>
      <c r="KE19" s="122">
        <v>0</v>
      </c>
      <c r="KF19" s="123">
        <v>0</v>
      </c>
      <c r="KG19" s="123">
        <v>151866</v>
      </c>
      <c r="KH19" s="123">
        <v>0</v>
      </c>
      <c r="KI19" s="123">
        <v>0</v>
      </c>
      <c r="KJ19" s="123">
        <v>0</v>
      </c>
      <c r="KK19" s="124">
        <v>151866</v>
      </c>
      <c r="KL19" s="160">
        <v>151866</v>
      </c>
      <c r="KM19" s="259">
        <v>0</v>
      </c>
      <c r="KN19" s="266">
        <v>0</v>
      </c>
      <c r="KO19" s="267">
        <v>0</v>
      </c>
      <c r="KP19" s="395"/>
      <c r="KQ19" s="123">
        <v>0</v>
      </c>
      <c r="KR19" s="123">
        <v>216750</v>
      </c>
      <c r="KS19" s="123">
        <v>226718</v>
      </c>
      <c r="KT19" s="123">
        <v>227116</v>
      </c>
      <c r="KU19" s="123">
        <v>0</v>
      </c>
      <c r="KV19" s="124">
        <v>670584</v>
      </c>
      <c r="KW19" s="360">
        <v>670584</v>
      </c>
      <c r="KX19" s="159">
        <v>0</v>
      </c>
      <c r="KY19" s="123">
        <v>0</v>
      </c>
      <c r="KZ19" s="124">
        <v>0</v>
      </c>
      <c r="LA19" s="395"/>
      <c r="LB19" s="123">
        <v>0</v>
      </c>
      <c r="LC19" s="123">
        <v>0</v>
      </c>
      <c r="LD19" s="123">
        <v>344094</v>
      </c>
      <c r="LE19" s="123">
        <v>188308</v>
      </c>
      <c r="LF19" s="123">
        <v>0</v>
      </c>
      <c r="LG19" s="124">
        <v>532402</v>
      </c>
      <c r="LH19" s="125">
        <v>532402</v>
      </c>
      <c r="LI19" s="159">
        <v>0</v>
      </c>
      <c r="LJ19" s="123">
        <v>0</v>
      </c>
      <c r="LK19" s="124">
        <v>0</v>
      </c>
      <c r="LL19" s="395"/>
      <c r="LM19" s="123">
        <v>0</v>
      </c>
      <c r="LN19" s="123">
        <v>0</v>
      </c>
      <c r="LO19" s="123">
        <v>0</v>
      </c>
      <c r="LP19" s="123">
        <v>0</v>
      </c>
      <c r="LQ19" s="123">
        <v>0</v>
      </c>
      <c r="LR19" s="124">
        <v>0</v>
      </c>
      <c r="LS19" s="360">
        <v>0</v>
      </c>
      <c r="LT19" s="159">
        <v>0</v>
      </c>
      <c r="LU19" s="123">
        <v>0</v>
      </c>
      <c r="LV19" s="124">
        <v>0</v>
      </c>
      <c r="LW19" s="395"/>
      <c r="LX19" s="123">
        <v>0</v>
      </c>
      <c r="LY19" s="123">
        <v>0</v>
      </c>
      <c r="LZ19" s="123">
        <v>0</v>
      </c>
      <c r="MA19" s="123">
        <v>0</v>
      </c>
      <c r="MB19" s="123">
        <v>0</v>
      </c>
      <c r="MC19" s="124">
        <v>0</v>
      </c>
      <c r="MD19" s="125">
        <v>0</v>
      </c>
      <c r="ME19" s="159">
        <v>0</v>
      </c>
      <c r="MF19" s="123">
        <v>0</v>
      </c>
      <c r="MG19" s="124">
        <v>0</v>
      </c>
      <c r="MH19" s="395"/>
      <c r="MI19" s="123">
        <v>0</v>
      </c>
      <c r="MJ19" s="123">
        <v>270406</v>
      </c>
      <c r="MK19" s="123">
        <v>1095989</v>
      </c>
      <c r="ML19" s="123">
        <v>858001</v>
      </c>
      <c r="MM19" s="123">
        <v>1807917</v>
      </c>
      <c r="MN19" s="124">
        <v>4032313</v>
      </c>
      <c r="MO19" s="160">
        <v>4032313</v>
      </c>
      <c r="MP19" s="159">
        <v>0</v>
      </c>
      <c r="MQ19" s="123">
        <v>0</v>
      </c>
      <c r="MR19" s="124">
        <v>0</v>
      </c>
      <c r="MS19" s="395"/>
      <c r="MT19" s="123">
        <v>0</v>
      </c>
      <c r="MU19" s="123">
        <v>0</v>
      </c>
      <c r="MV19" s="123">
        <v>618129</v>
      </c>
      <c r="MW19" s="123">
        <v>858001</v>
      </c>
      <c r="MX19" s="123">
        <v>1525370</v>
      </c>
      <c r="MY19" s="124">
        <v>3001500</v>
      </c>
      <c r="MZ19" s="160">
        <v>3001500</v>
      </c>
      <c r="NA19" s="159">
        <v>0</v>
      </c>
      <c r="NB19" s="123">
        <v>0</v>
      </c>
      <c r="NC19" s="124">
        <v>0</v>
      </c>
      <c r="ND19" s="395"/>
      <c r="NE19" s="123">
        <v>0</v>
      </c>
      <c r="NF19" s="123">
        <v>270406</v>
      </c>
      <c r="NG19" s="123">
        <v>477860</v>
      </c>
      <c r="NH19" s="123">
        <v>0</v>
      </c>
      <c r="NI19" s="123">
        <v>282547</v>
      </c>
      <c r="NJ19" s="124">
        <v>1030813</v>
      </c>
      <c r="NK19" s="360">
        <v>1030813</v>
      </c>
      <c r="NL19" s="159">
        <v>0</v>
      </c>
      <c r="NM19" s="123">
        <v>0</v>
      </c>
      <c r="NN19" s="124">
        <v>0</v>
      </c>
      <c r="NO19" s="395"/>
      <c r="NP19" s="123">
        <v>0</v>
      </c>
      <c r="NQ19" s="123">
        <v>0</v>
      </c>
      <c r="NR19" s="123">
        <v>0</v>
      </c>
      <c r="NS19" s="123">
        <v>0</v>
      </c>
      <c r="NT19" s="123">
        <v>0</v>
      </c>
      <c r="NU19" s="124">
        <v>0</v>
      </c>
      <c r="NV19" s="125">
        <v>0</v>
      </c>
      <c r="NW19" s="159">
        <v>0</v>
      </c>
      <c r="NX19" s="123">
        <v>0</v>
      </c>
      <c r="NY19" s="124">
        <v>0</v>
      </c>
      <c r="NZ19" s="395"/>
      <c r="OA19" s="123">
        <v>0</v>
      </c>
      <c r="OB19" s="123">
        <v>0</v>
      </c>
      <c r="OC19" s="123">
        <v>0</v>
      </c>
      <c r="OD19" s="123">
        <v>0</v>
      </c>
      <c r="OE19" s="123">
        <v>0</v>
      </c>
      <c r="OF19" s="124">
        <v>0</v>
      </c>
      <c r="OG19" s="125">
        <v>0</v>
      </c>
      <c r="OH19" s="159">
        <v>503637</v>
      </c>
      <c r="OI19" s="123">
        <v>829850</v>
      </c>
      <c r="OJ19" s="158">
        <v>1333487</v>
      </c>
      <c r="OK19" s="122">
        <v>0</v>
      </c>
      <c r="OL19" s="123">
        <v>3150515</v>
      </c>
      <c r="OM19" s="123">
        <v>5873901</v>
      </c>
      <c r="ON19" s="123">
        <v>7257698</v>
      </c>
      <c r="OO19" s="123">
        <v>5508371</v>
      </c>
      <c r="OP19" s="123">
        <v>5023629</v>
      </c>
      <c r="OQ19" s="124">
        <v>26814114</v>
      </c>
      <c r="OR19" s="160">
        <v>28147601</v>
      </c>
    </row>
    <row r="20" spans="1:408" ht="20.25" customHeight="1" x14ac:dyDescent="0.2">
      <c r="A20" s="130" t="s">
        <v>15</v>
      </c>
      <c r="B20" s="113">
        <v>54811</v>
      </c>
      <c r="C20" s="117">
        <v>325081</v>
      </c>
      <c r="D20" s="116">
        <v>379892</v>
      </c>
      <c r="E20" s="112">
        <v>0</v>
      </c>
      <c r="F20" s="117">
        <v>1063122</v>
      </c>
      <c r="G20" s="117">
        <v>860759</v>
      </c>
      <c r="H20" s="117">
        <v>1084377</v>
      </c>
      <c r="I20" s="117">
        <v>1038246</v>
      </c>
      <c r="J20" s="117">
        <v>1310715</v>
      </c>
      <c r="K20" s="112">
        <v>5357219</v>
      </c>
      <c r="L20" s="119">
        <v>5737111</v>
      </c>
      <c r="M20" s="113">
        <v>3612</v>
      </c>
      <c r="N20" s="117">
        <v>25312</v>
      </c>
      <c r="O20" s="116">
        <v>28924</v>
      </c>
      <c r="P20" s="113">
        <v>0</v>
      </c>
      <c r="Q20" s="117">
        <v>163807</v>
      </c>
      <c r="R20" s="117">
        <v>153780</v>
      </c>
      <c r="S20" s="117">
        <v>119842</v>
      </c>
      <c r="T20" s="117">
        <v>438528</v>
      </c>
      <c r="U20" s="117">
        <v>970054</v>
      </c>
      <c r="V20" s="116">
        <v>1846011</v>
      </c>
      <c r="W20" s="119">
        <v>1874935</v>
      </c>
      <c r="X20" s="113">
        <v>0</v>
      </c>
      <c r="Y20" s="117">
        <v>0</v>
      </c>
      <c r="Z20" s="116">
        <v>0</v>
      </c>
      <c r="AA20" s="113">
        <v>0</v>
      </c>
      <c r="AB20" s="117">
        <v>94542</v>
      </c>
      <c r="AC20" s="117">
        <v>27139</v>
      </c>
      <c r="AD20" s="117">
        <v>0</v>
      </c>
      <c r="AE20" s="117">
        <v>118112</v>
      </c>
      <c r="AF20" s="117">
        <v>538502</v>
      </c>
      <c r="AG20" s="116">
        <v>778295</v>
      </c>
      <c r="AH20" s="119">
        <v>778295</v>
      </c>
      <c r="AI20" s="113">
        <v>0</v>
      </c>
      <c r="AJ20" s="117">
        <v>0</v>
      </c>
      <c r="AK20" s="116">
        <v>0</v>
      </c>
      <c r="AL20" s="113">
        <v>0</v>
      </c>
      <c r="AM20" s="117">
        <v>0</v>
      </c>
      <c r="AN20" s="117">
        <v>0</v>
      </c>
      <c r="AO20" s="117">
        <v>0</v>
      </c>
      <c r="AP20" s="117">
        <v>10223</v>
      </c>
      <c r="AQ20" s="117">
        <v>242726</v>
      </c>
      <c r="AR20" s="116">
        <v>252949</v>
      </c>
      <c r="AS20" s="119">
        <v>252949</v>
      </c>
      <c r="AT20" s="113">
        <v>0</v>
      </c>
      <c r="AU20" s="117">
        <v>0</v>
      </c>
      <c r="AV20" s="116">
        <v>0</v>
      </c>
      <c r="AW20" s="113">
        <v>0</v>
      </c>
      <c r="AX20" s="117">
        <v>0</v>
      </c>
      <c r="AY20" s="117">
        <v>59462</v>
      </c>
      <c r="AZ20" s="117">
        <v>34862</v>
      </c>
      <c r="BA20" s="117">
        <v>221604</v>
      </c>
      <c r="BB20" s="117">
        <v>141678</v>
      </c>
      <c r="BC20" s="116">
        <v>457606</v>
      </c>
      <c r="BD20" s="119">
        <v>457606</v>
      </c>
      <c r="BE20" s="113">
        <v>0</v>
      </c>
      <c r="BF20" s="117">
        <v>0</v>
      </c>
      <c r="BG20" s="115">
        <v>0</v>
      </c>
      <c r="BH20" s="114">
        <v>0</v>
      </c>
      <c r="BI20" s="117">
        <v>23114</v>
      </c>
      <c r="BJ20" s="117">
        <v>0</v>
      </c>
      <c r="BK20" s="117">
        <v>0</v>
      </c>
      <c r="BL20" s="117">
        <v>62409</v>
      </c>
      <c r="BM20" s="117">
        <v>27737</v>
      </c>
      <c r="BN20" s="116">
        <v>113260</v>
      </c>
      <c r="BO20" s="119">
        <v>113260</v>
      </c>
      <c r="BP20" s="113">
        <v>3612</v>
      </c>
      <c r="BQ20" s="117">
        <v>25312</v>
      </c>
      <c r="BR20" s="116">
        <v>28924</v>
      </c>
      <c r="BS20" s="113">
        <v>0</v>
      </c>
      <c r="BT20" s="117">
        <v>46151</v>
      </c>
      <c r="BU20" s="117">
        <v>67179</v>
      </c>
      <c r="BV20" s="117">
        <v>84980</v>
      </c>
      <c r="BW20" s="117">
        <v>26180</v>
      </c>
      <c r="BX20" s="117">
        <v>19411</v>
      </c>
      <c r="BY20" s="116">
        <v>243901</v>
      </c>
      <c r="BZ20" s="119">
        <v>272825</v>
      </c>
      <c r="CA20" s="113">
        <v>0</v>
      </c>
      <c r="CB20" s="117">
        <v>33949</v>
      </c>
      <c r="CC20" s="116">
        <v>33949</v>
      </c>
      <c r="CD20" s="113">
        <v>0</v>
      </c>
      <c r="CE20" s="117">
        <v>175286</v>
      </c>
      <c r="CF20" s="117">
        <v>102347</v>
      </c>
      <c r="CG20" s="117">
        <v>267881</v>
      </c>
      <c r="CH20" s="117">
        <v>101399</v>
      </c>
      <c r="CI20" s="117">
        <v>94920</v>
      </c>
      <c r="CJ20" s="116">
        <v>741833</v>
      </c>
      <c r="CK20" s="119">
        <v>775782</v>
      </c>
      <c r="CL20" s="113">
        <v>0</v>
      </c>
      <c r="CM20" s="117">
        <v>0</v>
      </c>
      <c r="CN20" s="116">
        <v>0</v>
      </c>
      <c r="CO20" s="114">
        <v>0</v>
      </c>
      <c r="CP20" s="117">
        <v>98430</v>
      </c>
      <c r="CQ20" s="117">
        <v>38136</v>
      </c>
      <c r="CR20" s="117">
        <v>186100</v>
      </c>
      <c r="CS20" s="117">
        <v>101399</v>
      </c>
      <c r="CT20" s="117">
        <v>0</v>
      </c>
      <c r="CU20" s="116">
        <v>424065</v>
      </c>
      <c r="CV20" s="119">
        <v>424065</v>
      </c>
      <c r="CW20" s="113">
        <v>0</v>
      </c>
      <c r="CX20" s="117">
        <v>33949</v>
      </c>
      <c r="CY20" s="116">
        <v>33949</v>
      </c>
      <c r="CZ20" s="113">
        <v>0</v>
      </c>
      <c r="DA20" s="117">
        <v>76856</v>
      </c>
      <c r="DB20" s="117">
        <v>64211</v>
      </c>
      <c r="DC20" s="117">
        <v>81781</v>
      </c>
      <c r="DD20" s="117">
        <v>0</v>
      </c>
      <c r="DE20" s="117">
        <v>94920</v>
      </c>
      <c r="DF20" s="116">
        <v>317768</v>
      </c>
      <c r="DG20" s="119">
        <v>351717</v>
      </c>
      <c r="DH20" s="113">
        <v>0</v>
      </c>
      <c r="DI20" s="117">
        <v>0</v>
      </c>
      <c r="DJ20" s="115">
        <v>0</v>
      </c>
      <c r="DK20" s="114">
        <v>0</v>
      </c>
      <c r="DL20" s="117">
        <v>0</v>
      </c>
      <c r="DM20" s="117">
        <v>53494</v>
      </c>
      <c r="DN20" s="117">
        <v>19183</v>
      </c>
      <c r="DO20" s="117">
        <v>296215</v>
      </c>
      <c r="DP20" s="117">
        <v>167404</v>
      </c>
      <c r="DQ20" s="116">
        <v>536296</v>
      </c>
      <c r="DR20" s="119">
        <v>536296</v>
      </c>
      <c r="DS20" s="113">
        <v>0</v>
      </c>
      <c r="DT20" s="117">
        <v>0</v>
      </c>
      <c r="DU20" s="116">
        <v>0</v>
      </c>
      <c r="DV20" s="113">
        <v>0</v>
      </c>
      <c r="DW20" s="117">
        <v>0</v>
      </c>
      <c r="DX20" s="117">
        <v>53494</v>
      </c>
      <c r="DY20" s="117">
        <v>19183</v>
      </c>
      <c r="DZ20" s="117">
        <v>296215</v>
      </c>
      <c r="EA20" s="117">
        <v>167404</v>
      </c>
      <c r="EB20" s="116">
        <v>536296</v>
      </c>
      <c r="EC20" s="119">
        <v>536296</v>
      </c>
      <c r="ED20" s="113">
        <v>0</v>
      </c>
      <c r="EE20" s="115">
        <v>0</v>
      </c>
      <c r="EF20" s="116">
        <v>0</v>
      </c>
      <c r="EG20" s="113">
        <v>0</v>
      </c>
      <c r="EH20" s="117">
        <v>0</v>
      </c>
      <c r="EI20" s="117">
        <v>0</v>
      </c>
      <c r="EJ20" s="117">
        <v>0</v>
      </c>
      <c r="EK20" s="117">
        <v>0</v>
      </c>
      <c r="EL20" s="117">
        <v>0</v>
      </c>
      <c r="EM20" s="115">
        <v>0</v>
      </c>
      <c r="EN20" s="119">
        <v>0</v>
      </c>
      <c r="EO20" s="113">
        <v>0</v>
      </c>
      <c r="EP20" s="117">
        <v>0</v>
      </c>
      <c r="EQ20" s="115">
        <v>0</v>
      </c>
      <c r="ER20" s="114">
        <v>0</v>
      </c>
      <c r="ES20" s="117">
        <v>0</v>
      </c>
      <c r="ET20" s="117">
        <v>0</v>
      </c>
      <c r="EU20" s="117">
        <v>0</v>
      </c>
      <c r="EV20" s="117">
        <v>0</v>
      </c>
      <c r="EW20" s="117">
        <v>0</v>
      </c>
      <c r="EX20" s="116">
        <v>0</v>
      </c>
      <c r="EY20" s="119">
        <v>0</v>
      </c>
      <c r="EZ20" s="113">
        <v>0</v>
      </c>
      <c r="FA20" s="117">
        <v>0</v>
      </c>
      <c r="FB20" s="115">
        <v>0</v>
      </c>
      <c r="FC20" s="395"/>
      <c r="FD20" s="117">
        <v>0</v>
      </c>
      <c r="FE20" s="117">
        <v>0</v>
      </c>
      <c r="FF20" s="117">
        <v>0</v>
      </c>
      <c r="FG20" s="117">
        <v>0</v>
      </c>
      <c r="FH20" s="117">
        <v>0</v>
      </c>
      <c r="FI20" s="116">
        <v>0</v>
      </c>
      <c r="FJ20" s="119">
        <v>0</v>
      </c>
      <c r="FK20" s="113">
        <v>0</v>
      </c>
      <c r="FL20" s="117">
        <v>21000</v>
      </c>
      <c r="FM20" s="116">
        <v>21000</v>
      </c>
      <c r="FN20" s="113">
        <v>0</v>
      </c>
      <c r="FO20" s="117">
        <v>21854</v>
      </c>
      <c r="FP20" s="117">
        <v>52290</v>
      </c>
      <c r="FQ20" s="117">
        <v>144067</v>
      </c>
      <c r="FR20" s="117">
        <v>202104</v>
      </c>
      <c r="FS20" s="117">
        <v>78337</v>
      </c>
      <c r="FT20" s="116">
        <v>498652</v>
      </c>
      <c r="FU20" s="119">
        <v>519652</v>
      </c>
      <c r="FV20" s="118">
        <v>0</v>
      </c>
      <c r="FW20" s="117">
        <v>21000</v>
      </c>
      <c r="FX20" s="115">
        <v>21000</v>
      </c>
      <c r="FY20" s="114">
        <v>0</v>
      </c>
      <c r="FZ20" s="117">
        <v>21854</v>
      </c>
      <c r="GA20" s="117">
        <v>52290</v>
      </c>
      <c r="GB20" s="117">
        <v>75327</v>
      </c>
      <c r="GC20" s="117">
        <v>191954</v>
      </c>
      <c r="GD20" s="117">
        <v>78337</v>
      </c>
      <c r="GE20" s="116">
        <v>419762</v>
      </c>
      <c r="GF20" s="357">
        <v>440762</v>
      </c>
      <c r="GG20" s="118">
        <v>0</v>
      </c>
      <c r="GH20" s="117">
        <v>0</v>
      </c>
      <c r="GI20" s="115">
        <v>0</v>
      </c>
      <c r="GJ20" s="114">
        <v>0</v>
      </c>
      <c r="GK20" s="117">
        <v>0</v>
      </c>
      <c r="GL20" s="117">
        <v>0</v>
      </c>
      <c r="GM20" s="117">
        <v>18060</v>
      </c>
      <c r="GN20" s="117">
        <v>10150</v>
      </c>
      <c r="GO20" s="117">
        <v>0</v>
      </c>
      <c r="GP20" s="116">
        <v>28210</v>
      </c>
      <c r="GQ20" s="119">
        <v>28210</v>
      </c>
      <c r="GR20" s="113">
        <v>0</v>
      </c>
      <c r="GS20" s="117">
        <v>0</v>
      </c>
      <c r="GT20" s="116">
        <v>0</v>
      </c>
      <c r="GU20" s="113">
        <v>0</v>
      </c>
      <c r="GV20" s="117">
        <v>0</v>
      </c>
      <c r="GW20" s="117">
        <v>0</v>
      </c>
      <c r="GX20" s="117">
        <v>50680</v>
      </c>
      <c r="GY20" s="117">
        <v>0</v>
      </c>
      <c r="GZ20" s="117">
        <v>0</v>
      </c>
      <c r="HA20" s="115">
        <v>50680</v>
      </c>
      <c r="HB20" s="119">
        <v>50680</v>
      </c>
      <c r="HC20" s="113">
        <v>51199</v>
      </c>
      <c r="HD20" s="117">
        <v>244820</v>
      </c>
      <c r="HE20" s="115">
        <v>296019</v>
      </c>
      <c r="HF20" s="114">
        <v>0</v>
      </c>
      <c r="HG20" s="117">
        <v>702175</v>
      </c>
      <c r="HH20" s="117">
        <v>498848</v>
      </c>
      <c r="HI20" s="117">
        <v>533404</v>
      </c>
      <c r="HJ20" s="117">
        <v>0</v>
      </c>
      <c r="HK20" s="117">
        <v>0</v>
      </c>
      <c r="HL20" s="116">
        <v>1734427</v>
      </c>
      <c r="HM20" s="112">
        <v>2030446</v>
      </c>
      <c r="HN20" s="373"/>
      <c r="HO20" s="374"/>
      <c r="HP20" s="375"/>
      <c r="HQ20" s="376"/>
      <c r="HR20" s="374"/>
      <c r="HS20" s="374"/>
      <c r="HT20" s="374"/>
      <c r="HU20" s="374"/>
      <c r="HV20" s="374"/>
      <c r="HW20" s="377"/>
      <c r="HX20" s="378"/>
      <c r="HY20" s="166">
        <v>0</v>
      </c>
      <c r="HZ20" s="152">
        <v>0</v>
      </c>
      <c r="IA20" s="166">
        <v>0</v>
      </c>
      <c r="IB20" s="151">
        <v>0</v>
      </c>
      <c r="IC20" s="152">
        <v>227100</v>
      </c>
      <c r="ID20" s="153">
        <v>462715</v>
      </c>
      <c r="IE20" s="154">
        <v>506602</v>
      </c>
      <c r="IF20" s="152">
        <v>627096</v>
      </c>
      <c r="IG20" s="154">
        <v>22717</v>
      </c>
      <c r="IH20" s="155">
        <v>1846230</v>
      </c>
      <c r="II20" s="166">
        <v>1846230</v>
      </c>
      <c r="IJ20" s="259">
        <v>0</v>
      </c>
      <c r="IK20" s="266">
        <v>0</v>
      </c>
      <c r="IL20" s="267">
        <v>0</v>
      </c>
      <c r="IM20" s="157"/>
      <c r="IN20" s="123">
        <v>0</v>
      </c>
      <c r="IO20" s="123">
        <v>0</v>
      </c>
      <c r="IP20" s="123">
        <v>0</v>
      </c>
      <c r="IQ20" s="123">
        <v>0</v>
      </c>
      <c r="IR20" s="123">
        <v>0</v>
      </c>
      <c r="IS20" s="158">
        <v>0</v>
      </c>
      <c r="IT20" s="360">
        <v>0</v>
      </c>
      <c r="IU20" s="159">
        <v>0</v>
      </c>
      <c r="IV20" s="123">
        <v>0</v>
      </c>
      <c r="IW20" s="124">
        <v>0</v>
      </c>
      <c r="IX20" s="161"/>
      <c r="IY20" s="123">
        <v>0</v>
      </c>
      <c r="IZ20" s="123">
        <v>0</v>
      </c>
      <c r="JA20" s="123">
        <v>0</v>
      </c>
      <c r="JB20" s="123">
        <v>0</v>
      </c>
      <c r="JC20" s="123">
        <v>0</v>
      </c>
      <c r="JD20" s="124">
        <v>0</v>
      </c>
      <c r="JE20" s="125">
        <v>0</v>
      </c>
      <c r="JF20" s="159">
        <v>0</v>
      </c>
      <c r="JG20" s="123">
        <v>0</v>
      </c>
      <c r="JH20" s="158">
        <v>0</v>
      </c>
      <c r="JI20" s="122">
        <v>0</v>
      </c>
      <c r="JJ20" s="123">
        <v>227100</v>
      </c>
      <c r="JK20" s="123">
        <v>256291</v>
      </c>
      <c r="JL20" s="123">
        <v>38489</v>
      </c>
      <c r="JM20" s="123">
        <v>407667</v>
      </c>
      <c r="JN20" s="123">
        <v>22717</v>
      </c>
      <c r="JO20" s="124">
        <v>952264</v>
      </c>
      <c r="JP20" s="360">
        <v>952264</v>
      </c>
      <c r="JQ20" s="159">
        <v>0</v>
      </c>
      <c r="JR20" s="123">
        <v>0</v>
      </c>
      <c r="JS20" s="158">
        <v>0</v>
      </c>
      <c r="JT20" s="122">
        <v>0</v>
      </c>
      <c r="JU20" s="123">
        <v>0</v>
      </c>
      <c r="JV20" s="123">
        <v>0</v>
      </c>
      <c r="JW20" s="123">
        <v>53740</v>
      </c>
      <c r="JX20" s="123">
        <v>0</v>
      </c>
      <c r="JY20" s="123">
        <v>0</v>
      </c>
      <c r="JZ20" s="124">
        <v>53740</v>
      </c>
      <c r="KA20" s="360">
        <v>53740</v>
      </c>
      <c r="KB20" s="262">
        <v>0</v>
      </c>
      <c r="KC20" s="256">
        <v>0</v>
      </c>
      <c r="KD20" s="124">
        <v>0</v>
      </c>
      <c r="KE20" s="122">
        <v>0</v>
      </c>
      <c r="KF20" s="123">
        <v>0</v>
      </c>
      <c r="KG20" s="123">
        <v>0</v>
      </c>
      <c r="KH20" s="123">
        <v>0</v>
      </c>
      <c r="KI20" s="123">
        <v>0</v>
      </c>
      <c r="KJ20" s="123">
        <v>0</v>
      </c>
      <c r="KK20" s="124">
        <v>0</v>
      </c>
      <c r="KL20" s="160">
        <v>0</v>
      </c>
      <c r="KM20" s="259">
        <v>0</v>
      </c>
      <c r="KN20" s="266">
        <v>0</v>
      </c>
      <c r="KO20" s="267">
        <v>0</v>
      </c>
      <c r="KP20" s="395"/>
      <c r="KQ20" s="123">
        <v>0</v>
      </c>
      <c r="KR20" s="123">
        <v>206424</v>
      </c>
      <c r="KS20" s="123">
        <v>414373</v>
      </c>
      <c r="KT20" s="123">
        <v>219429</v>
      </c>
      <c r="KU20" s="123">
        <v>0</v>
      </c>
      <c r="KV20" s="124">
        <v>840226</v>
      </c>
      <c r="KW20" s="360">
        <v>840226</v>
      </c>
      <c r="KX20" s="159">
        <v>0</v>
      </c>
      <c r="KY20" s="123">
        <v>0</v>
      </c>
      <c r="KZ20" s="124">
        <v>0</v>
      </c>
      <c r="LA20" s="395"/>
      <c r="LB20" s="123">
        <v>0</v>
      </c>
      <c r="LC20" s="123">
        <v>0</v>
      </c>
      <c r="LD20" s="123">
        <v>0</v>
      </c>
      <c r="LE20" s="123">
        <v>0</v>
      </c>
      <c r="LF20" s="123">
        <v>0</v>
      </c>
      <c r="LG20" s="124">
        <v>0</v>
      </c>
      <c r="LH20" s="125">
        <v>0</v>
      </c>
      <c r="LI20" s="159">
        <v>0</v>
      </c>
      <c r="LJ20" s="123">
        <v>0</v>
      </c>
      <c r="LK20" s="124">
        <v>0</v>
      </c>
      <c r="LL20" s="395"/>
      <c r="LM20" s="123">
        <v>0</v>
      </c>
      <c r="LN20" s="123">
        <v>0</v>
      </c>
      <c r="LO20" s="123">
        <v>0</v>
      </c>
      <c r="LP20" s="123">
        <v>0</v>
      </c>
      <c r="LQ20" s="123">
        <v>0</v>
      </c>
      <c r="LR20" s="124">
        <v>0</v>
      </c>
      <c r="LS20" s="360">
        <v>0</v>
      </c>
      <c r="LT20" s="159">
        <v>0</v>
      </c>
      <c r="LU20" s="123">
        <v>0</v>
      </c>
      <c r="LV20" s="124">
        <v>0</v>
      </c>
      <c r="LW20" s="395"/>
      <c r="LX20" s="123">
        <v>0</v>
      </c>
      <c r="LY20" s="123">
        <v>0</v>
      </c>
      <c r="LZ20" s="123">
        <v>0</v>
      </c>
      <c r="MA20" s="123">
        <v>0</v>
      </c>
      <c r="MB20" s="123">
        <v>0</v>
      </c>
      <c r="MC20" s="124">
        <v>0</v>
      </c>
      <c r="MD20" s="125">
        <v>0</v>
      </c>
      <c r="ME20" s="159">
        <v>0</v>
      </c>
      <c r="MF20" s="123">
        <v>0</v>
      </c>
      <c r="MG20" s="124">
        <v>0</v>
      </c>
      <c r="MH20" s="395"/>
      <c r="MI20" s="123">
        <v>189717</v>
      </c>
      <c r="MJ20" s="123">
        <v>0</v>
      </c>
      <c r="MK20" s="123">
        <v>233181</v>
      </c>
      <c r="ML20" s="123">
        <v>460971</v>
      </c>
      <c r="MM20" s="123">
        <v>710709</v>
      </c>
      <c r="MN20" s="124">
        <v>1594578</v>
      </c>
      <c r="MO20" s="160">
        <v>1594578</v>
      </c>
      <c r="MP20" s="159">
        <v>0</v>
      </c>
      <c r="MQ20" s="123">
        <v>0</v>
      </c>
      <c r="MR20" s="124">
        <v>0</v>
      </c>
      <c r="MS20" s="395"/>
      <c r="MT20" s="123">
        <v>0</v>
      </c>
      <c r="MU20" s="123">
        <v>0</v>
      </c>
      <c r="MV20" s="123">
        <v>0</v>
      </c>
      <c r="MW20" s="123">
        <v>215740</v>
      </c>
      <c r="MX20" s="123">
        <v>710709</v>
      </c>
      <c r="MY20" s="124">
        <v>926449</v>
      </c>
      <c r="MZ20" s="160">
        <v>926449</v>
      </c>
      <c r="NA20" s="159">
        <v>0</v>
      </c>
      <c r="NB20" s="123">
        <v>0</v>
      </c>
      <c r="NC20" s="124">
        <v>0</v>
      </c>
      <c r="ND20" s="395"/>
      <c r="NE20" s="123">
        <v>189717</v>
      </c>
      <c r="NF20" s="123">
        <v>0</v>
      </c>
      <c r="NG20" s="123">
        <v>233181</v>
      </c>
      <c r="NH20" s="123">
        <v>245231</v>
      </c>
      <c r="NI20" s="123">
        <v>0</v>
      </c>
      <c r="NJ20" s="124">
        <v>668129</v>
      </c>
      <c r="NK20" s="360">
        <v>668129</v>
      </c>
      <c r="NL20" s="159">
        <v>0</v>
      </c>
      <c r="NM20" s="123">
        <v>0</v>
      </c>
      <c r="NN20" s="124">
        <v>0</v>
      </c>
      <c r="NO20" s="395"/>
      <c r="NP20" s="123">
        <v>0</v>
      </c>
      <c r="NQ20" s="123">
        <v>0</v>
      </c>
      <c r="NR20" s="123">
        <v>0</v>
      </c>
      <c r="NS20" s="123">
        <v>0</v>
      </c>
      <c r="NT20" s="123">
        <v>0</v>
      </c>
      <c r="NU20" s="124">
        <v>0</v>
      </c>
      <c r="NV20" s="125">
        <v>0</v>
      </c>
      <c r="NW20" s="159">
        <v>0</v>
      </c>
      <c r="NX20" s="123">
        <v>0</v>
      </c>
      <c r="NY20" s="124">
        <v>0</v>
      </c>
      <c r="NZ20" s="395"/>
      <c r="OA20" s="123">
        <v>0</v>
      </c>
      <c r="OB20" s="123">
        <v>0</v>
      </c>
      <c r="OC20" s="123">
        <v>0</v>
      </c>
      <c r="OD20" s="123">
        <v>0</v>
      </c>
      <c r="OE20" s="123">
        <v>0</v>
      </c>
      <c r="OF20" s="124">
        <v>0</v>
      </c>
      <c r="OG20" s="125">
        <v>0</v>
      </c>
      <c r="OH20" s="159">
        <v>54811</v>
      </c>
      <c r="OI20" s="123">
        <v>325081</v>
      </c>
      <c r="OJ20" s="158">
        <v>379892</v>
      </c>
      <c r="OK20" s="122">
        <v>0</v>
      </c>
      <c r="OL20" s="123">
        <v>1479939</v>
      </c>
      <c r="OM20" s="123">
        <v>1323474</v>
      </c>
      <c r="ON20" s="123">
        <v>1824160</v>
      </c>
      <c r="OO20" s="123">
        <v>2126313</v>
      </c>
      <c r="OP20" s="123">
        <v>2044141</v>
      </c>
      <c r="OQ20" s="124">
        <v>8798027</v>
      </c>
      <c r="OR20" s="160">
        <v>9177919</v>
      </c>
    </row>
    <row r="21" spans="1:408" ht="20.25" customHeight="1" x14ac:dyDescent="0.2">
      <c r="A21" s="130" t="s">
        <v>16</v>
      </c>
      <c r="B21" s="113">
        <v>515436</v>
      </c>
      <c r="C21" s="117">
        <v>363714</v>
      </c>
      <c r="D21" s="116">
        <v>879150</v>
      </c>
      <c r="E21" s="112">
        <v>0</v>
      </c>
      <c r="F21" s="117">
        <v>3785123</v>
      </c>
      <c r="G21" s="117">
        <v>4686487</v>
      </c>
      <c r="H21" s="117">
        <v>3532830</v>
      </c>
      <c r="I21" s="117">
        <v>2501704</v>
      </c>
      <c r="J21" s="117">
        <v>2407004</v>
      </c>
      <c r="K21" s="112">
        <v>16913148</v>
      </c>
      <c r="L21" s="119">
        <v>17792298</v>
      </c>
      <c r="M21" s="113">
        <v>65311</v>
      </c>
      <c r="N21" s="117">
        <v>10007</v>
      </c>
      <c r="O21" s="116">
        <v>75318</v>
      </c>
      <c r="P21" s="113">
        <v>0</v>
      </c>
      <c r="Q21" s="117">
        <v>570171</v>
      </c>
      <c r="R21" s="117">
        <v>1125663</v>
      </c>
      <c r="S21" s="117">
        <v>1153035</v>
      </c>
      <c r="T21" s="117">
        <v>677678</v>
      </c>
      <c r="U21" s="117">
        <v>555095</v>
      </c>
      <c r="V21" s="116">
        <v>4081642</v>
      </c>
      <c r="W21" s="119">
        <v>4156960</v>
      </c>
      <c r="X21" s="113">
        <v>0</v>
      </c>
      <c r="Y21" s="117">
        <v>0</v>
      </c>
      <c r="Z21" s="116">
        <v>0</v>
      </c>
      <c r="AA21" s="113">
        <v>0</v>
      </c>
      <c r="AB21" s="117">
        <v>160249</v>
      </c>
      <c r="AC21" s="117">
        <v>432129</v>
      </c>
      <c r="AD21" s="117">
        <v>570795</v>
      </c>
      <c r="AE21" s="117">
        <v>346189</v>
      </c>
      <c r="AF21" s="117">
        <v>341586</v>
      </c>
      <c r="AG21" s="116">
        <v>1850948</v>
      </c>
      <c r="AH21" s="119">
        <v>1850948</v>
      </c>
      <c r="AI21" s="113">
        <v>0</v>
      </c>
      <c r="AJ21" s="117">
        <v>0</v>
      </c>
      <c r="AK21" s="116">
        <v>0</v>
      </c>
      <c r="AL21" s="113">
        <v>0</v>
      </c>
      <c r="AM21" s="117">
        <v>0</v>
      </c>
      <c r="AN21" s="117">
        <v>39445</v>
      </c>
      <c r="AO21" s="117">
        <v>19722</v>
      </c>
      <c r="AP21" s="117">
        <v>29584</v>
      </c>
      <c r="AQ21" s="117">
        <v>22057</v>
      </c>
      <c r="AR21" s="116">
        <v>110808</v>
      </c>
      <c r="AS21" s="119">
        <v>110808</v>
      </c>
      <c r="AT21" s="113">
        <v>22989</v>
      </c>
      <c r="AU21" s="117">
        <v>10007</v>
      </c>
      <c r="AV21" s="116">
        <v>32996</v>
      </c>
      <c r="AW21" s="113">
        <v>0</v>
      </c>
      <c r="AX21" s="117">
        <v>260696</v>
      </c>
      <c r="AY21" s="117">
        <v>550699</v>
      </c>
      <c r="AZ21" s="117">
        <v>467340</v>
      </c>
      <c r="BA21" s="117">
        <v>143397</v>
      </c>
      <c r="BB21" s="117">
        <v>73208</v>
      </c>
      <c r="BC21" s="116">
        <v>1495340</v>
      </c>
      <c r="BD21" s="119">
        <v>1528336</v>
      </c>
      <c r="BE21" s="113">
        <v>0</v>
      </c>
      <c r="BF21" s="117">
        <v>0</v>
      </c>
      <c r="BG21" s="115">
        <v>0</v>
      </c>
      <c r="BH21" s="114">
        <v>0</v>
      </c>
      <c r="BI21" s="117">
        <v>0</v>
      </c>
      <c r="BJ21" s="117">
        <v>0</v>
      </c>
      <c r="BK21" s="117">
        <v>40984</v>
      </c>
      <c r="BL21" s="117">
        <v>0</v>
      </c>
      <c r="BM21" s="117">
        <v>0</v>
      </c>
      <c r="BN21" s="116">
        <v>40984</v>
      </c>
      <c r="BO21" s="119">
        <v>40984</v>
      </c>
      <c r="BP21" s="113">
        <v>42322</v>
      </c>
      <c r="BQ21" s="117">
        <v>0</v>
      </c>
      <c r="BR21" s="116">
        <v>42322</v>
      </c>
      <c r="BS21" s="113">
        <v>0</v>
      </c>
      <c r="BT21" s="117">
        <v>149226</v>
      </c>
      <c r="BU21" s="117">
        <v>103390</v>
      </c>
      <c r="BV21" s="117">
        <v>54194</v>
      </c>
      <c r="BW21" s="117">
        <v>158508</v>
      </c>
      <c r="BX21" s="117">
        <v>118244</v>
      </c>
      <c r="BY21" s="116">
        <v>583562</v>
      </c>
      <c r="BZ21" s="119">
        <v>625884</v>
      </c>
      <c r="CA21" s="113">
        <v>109074</v>
      </c>
      <c r="CB21" s="117">
        <v>103387</v>
      </c>
      <c r="CC21" s="116">
        <v>212461</v>
      </c>
      <c r="CD21" s="113">
        <v>0</v>
      </c>
      <c r="CE21" s="117">
        <v>1365779</v>
      </c>
      <c r="CF21" s="117">
        <v>1718809</v>
      </c>
      <c r="CG21" s="117">
        <v>1125470</v>
      </c>
      <c r="CH21" s="117">
        <v>351134</v>
      </c>
      <c r="CI21" s="117">
        <v>100160</v>
      </c>
      <c r="CJ21" s="116">
        <v>4661352</v>
      </c>
      <c r="CK21" s="119">
        <v>4873813</v>
      </c>
      <c r="CL21" s="113">
        <v>0</v>
      </c>
      <c r="CM21" s="117">
        <v>0</v>
      </c>
      <c r="CN21" s="116">
        <v>0</v>
      </c>
      <c r="CO21" s="114">
        <v>0</v>
      </c>
      <c r="CP21" s="117">
        <v>1031293</v>
      </c>
      <c r="CQ21" s="117">
        <v>859791</v>
      </c>
      <c r="CR21" s="117">
        <v>742305</v>
      </c>
      <c r="CS21" s="117">
        <v>288724</v>
      </c>
      <c r="CT21" s="117">
        <v>40114</v>
      </c>
      <c r="CU21" s="116">
        <v>2962227</v>
      </c>
      <c r="CV21" s="119">
        <v>2962227</v>
      </c>
      <c r="CW21" s="113">
        <v>109074</v>
      </c>
      <c r="CX21" s="117">
        <v>103387</v>
      </c>
      <c r="CY21" s="116">
        <v>212461</v>
      </c>
      <c r="CZ21" s="113">
        <v>0</v>
      </c>
      <c r="DA21" s="117">
        <v>334486</v>
      </c>
      <c r="DB21" s="117">
        <v>859018</v>
      </c>
      <c r="DC21" s="117">
        <v>383165</v>
      </c>
      <c r="DD21" s="117">
        <v>62410</v>
      </c>
      <c r="DE21" s="117">
        <v>60046</v>
      </c>
      <c r="DF21" s="116">
        <v>1699125</v>
      </c>
      <c r="DG21" s="119">
        <v>1911586</v>
      </c>
      <c r="DH21" s="113">
        <v>0</v>
      </c>
      <c r="DI21" s="117">
        <v>0</v>
      </c>
      <c r="DJ21" s="115">
        <v>0</v>
      </c>
      <c r="DK21" s="114">
        <v>0</v>
      </c>
      <c r="DL21" s="117">
        <v>37433</v>
      </c>
      <c r="DM21" s="117">
        <v>92922</v>
      </c>
      <c r="DN21" s="117">
        <v>256486</v>
      </c>
      <c r="DO21" s="117">
        <v>52926</v>
      </c>
      <c r="DP21" s="117">
        <v>105630</v>
      </c>
      <c r="DQ21" s="116">
        <v>545397</v>
      </c>
      <c r="DR21" s="119">
        <v>545397</v>
      </c>
      <c r="DS21" s="113">
        <v>0</v>
      </c>
      <c r="DT21" s="117">
        <v>0</v>
      </c>
      <c r="DU21" s="116">
        <v>0</v>
      </c>
      <c r="DV21" s="113">
        <v>0</v>
      </c>
      <c r="DW21" s="117">
        <v>37433</v>
      </c>
      <c r="DX21" s="117">
        <v>92922</v>
      </c>
      <c r="DY21" s="117">
        <v>256486</v>
      </c>
      <c r="DZ21" s="117">
        <v>15163</v>
      </c>
      <c r="EA21" s="117">
        <v>105630</v>
      </c>
      <c r="EB21" s="116">
        <v>507634</v>
      </c>
      <c r="EC21" s="119">
        <v>507634</v>
      </c>
      <c r="ED21" s="113">
        <v>0</v>
      </c>
      <c r="EE21" s="115">
        <v>0</v>
      </c>
      <c r="EF21" s="116">
        <v>0</v>
      </c>
      <c r="EG21" s="113">
        <v>0</v>
      </c>
      <c r="EH21" s="117">
        <v>0</v>
      </c>
      <c r="EI21" s="117">
        <v>0</v>
      </c>
      <c r="EJ21" s="117">
        <v>0</v>
      </c>
      <c r="EK21" s="117">
        <v>37763</v>
      </c>
      <c r="EL21" s="117">
        <v>0</v>
      </c>
      <c r="EM21" s="115">
        <v>37763</v>
      </c>
      <c r="EN21" s="119">
        <v>37763</v>
      </c>
      <c r="EO21" s="113">
        <v>0</v>
      </c>
      <c r="EP21" s="117">
        <v>0</v>
      </c>
      <c r="EQ21" s="115">
        <v>0</v>
      </c>
      <c r="ER21" s="114">
        <v>0</v>
      </c>
      <c r="ES21" s="117">
        <v>0</v>
      </c>
      <c r="ET21" s="117">
        <v>0</v>
      </c>
      <c r="EU21" s="117">
        <v>0</v>
      </c>
      <c r="EV21" s="117">
        <v>0</v>
      </c>
      <c r="EW21" s="117">
        <v>0</v>
      </c>
      <c r="EX21" s="116">
        <v>0</v>
      </c>
      <c r="EY21" s="119">
        <v>0</v>
      </c>
      <c r="EZ21" s="113">
        <v>0</v>
      </c>
      <c r="FA21" s="117">
        <v>0</v>
      </c>
      <c r="FB21" s="115">
        <v>0</v>
      </c>
      <c r="FC21" s="395"/>
      <c r="FD21" s="117">
        <v>0</v>
      </c>
      <c r="FE21" s="117">
        <v>0</v>
      </c>
      <c r="FF21" s="117">
        <v>0</v>
      </c>
      <c r="FG21" s="117">
        <v>0</v>
      </c>
      <c r="FH21" s="117">
        <v>0</v>
      </c>
      <c r="FI21" s="116">
        <v>0</v>
      </c>
      <c r="FJ21" s="119">
        <v>0</v>
      </c>
      <c r="FK21" s="113">
        <v>108612</v>
      </c>
      <c r="FL21" s="117">
        <v>250320</v>
      </c>
      <c r="FM21" s="116">
        <v>358932</v>
      </c>
      <c r="FN21" s="113">
        <v>0</v>
      </c>
      <c r="FO21" s="117">
        <v>209385</v>
      </c>
      <c r="FP21" s="117">
        <v>452305</v>
      </c>
      <c r="FQ21" s="117">
        <v>336742</v>
      </c>
      <c r="FR21" s="117">
        <v>110772</v>
      </c>
      <c r="FS21" s="117">
        <v>224917</v>
      </c>
      <c r="FT21" s="116">
        <v>1334121</v>
      </c>
      <c r="FU21" s="119">
        <v>1693053</v>
      </c>
      <c r="FV21" s="118">
        <v>24080</v>
      </c>
      <c r="FW21" s="117">
        <v>118720</v>
      </c>
      <c r="FX21" s="115">
        <v>142800</v>
      </c>
      <c r="FY21" s="114">
        <v>0</v>
      </c>
      <c r="FZ21" s="117">
        <v>99750</v>
      </c>
      <c r="GA21" s="117">
        <v>393673</v>
      </c>
      <c r="GB21" s="117">
        <v>336742</v>
      </c>
      <c r="GC21" s="117">
        <v>110772</v>
      </c>
      <c r="GD21" s="117">
        <v>224917</v>
      </c>
      <c r="GE21" s="116">
        <v>1165854</v>
      </c>
      <c r="GF21" s="357">
        <v>1308654</v>
      </c>
      <c r="GG21" s="118">
        <v>16632</v>
      </c>
      <c r="GH21" s="117">
        <v>0</v>
      </c>
      <c r="GI21" s="115">
        <v>16632</v>
      </c>
      <c r="GJ21" s="114">
        <v>0</v>
      </c>
      <c r="GK21" s="117">
        <v>13860</v>
      </c>
      <c r="GL21" s="117">
        <v>39732</v>
      </c>
      <c r="GM21" s="117">
        <v>0</v>
      </c>
      <c r="GN21" s="117">
        <v>0</v>
      </c>
      <c r="GO21" s="117">
        <v>0</v>
      </c>
      <c r="GP21" s="116">
        <v>53592</v>
      </c>
      <c r="GQ21" s="119">
        <v>70224</v>
      </c>
      <c r="GR21" s="113">
        <v>67900</v>
      </c>
      <c r="GS21" s="117">
        <v>131600</v>
      </c>
      <c r="GT21" s="116">
        <v>199500</v>
      </c>
      <c r="GU21" s="113">
        <v>0</v>
      </c>
      <c r="GV21" s="117">
        <v>95775</v>
      </c>
      <c r="GW21" s="117">
        <v>18900</v>
      </c>
      <c r="GX21" s="117">
        <v>0</v>
      </c>
      <c r="GY21" s="117">
        <v>0</v>
      </c>
      <c r="GZ21" s="117">
        <v>0</v>
      </c>
      <c r="HA21" s="115">
        <v>114675</v>
      </c>
      <c r="HB21" s="119">
        <v>314175</v>
      </c>
      <c r="HC21" s="113">
        <v>232439</v>
      </c>
      <c r="HD21" s="117">
        <v>0</v>
      </c>
      <c r="HE21" s="115">
        <v>232439</v>
      </c>
      <c r="HF21" s="114">
        <v>0</v>
      </c>
      <c r="HG21" s="117">
        <v>1602355</v>
      </c>
      <c r="HH21" s="117">
        <v>1296788</v>
      </c>
      <c r="HI21" s="117">
        <v>661097</v>
      </c>
      <c r="HJ21" s="117">
        <v>1309194</v>
      </c>
      <c r="HK21" s="117">
        <v>1421202</v>
      </c>
      <c r="HL21" s="116">
        <v>6290636</v>
      </c>
      <c r="HM21" s="112">
        <v>6523075</v>
      </c>
      <c r="HN21" s="373"/>
      <c r="HO21" s="374"/>
      <c r="HP21" s="375"/>
      <c r="HQ21" s="376"/>
      <c r="HR21" s="374"/>
      <c r="HS21" s="374"/>
      <c r="HT21" s="374"/>
      <c r="HU21" s="374"/>
      <c r="HV21" s="374"/>
      <c r="HW21" s="377"/>
      <c r="HX21" s="378"/>
      <c r="HY21" s="148">
        <v>0</v>
      </c>
      <c r="HZ21" s="149">
        <v>0</v>
      </c>
      <c r="IA21" s="150">
        <v>0</v>
      </c>
      <c r="IB21" s="162">
        <v>0</v>
      </c>
      <c r="IC21" s="149">
        <v>297050</v>
      </c>
      <c r="ID21" s="163">
        <v>787444</v>
      </c>
      <c r="IE21" s="150">
        <v>567686</v>
      </c>
      <c r="IF21" s="149">
        <v>687710</v>
      </c>
      <c r="IG21" s="150">
        <v>1106574</v>
      </c>
      <c r="IH21" s="164">
        <v>3446464</v>
      </c>
      <c r="II21" s="156">
        <v>3446464</v>
      </c>
      <c r="IJ21" s="259">
        <v>0</v>
      </c>
      <c r="IK21" s="266">
        <v>0</v>
      </c>
      <c r="IL21" s="267">
        <v>0</v>
      </c>
      <c r="IM21" s="157"/>
      <c r="IN21" s="123">
        <v>0</v>
      </c>
      <c r="IO21" s="123">
        <v>0</v>
      </c>
      <c r="IP21" s="123">
        <v>0</v>
      </c>
      <c r="IQ21" s="123">
        <v>192262</v>
      </c>
      <c r="IR21" s="123">
        <v>0</v>
      </c>
      <c r="IS21" s="158">
        <v>192262</v>
      </c>
      <c r="IT21" s="360">
        <v>192262</v>
      </c>
      <c r="IU21" s="159">
        <v>0</v>
      </c>
      <c r="IV21" s="123">
        <v>0</v>
      </c>
      <c r="IW21" s="124">
        <v>0</v>
      </c>
      <c r="IX21" s="161"/>
      <c r="IY21" s="123">
        <v>0</v>
      </c>
      <c r="IZ21" s="123">
        <v>0</v>
      </c>
      <c r="JA21" s="123">
        <v>14062</v>
      </c>
      <c r="JB21" s="123">
        <v>0</v>
      </c>
      <c r="JC21" s="123">
        <v>0</v>
      </c>
      <c r="JD21" s="124">
        <v>14062</v>
      </c>
      <c r="JE21" s="125">
        <v>14062</v>
      </c>
      <c r="JF21" s="159">
        <v>0</v>
      </c>
      <c r="JG21" s="123">
        <v>0</v>
      </c>
      <c r="JH21" s="158">
        <v>0</v>
      </c>
      <c r="JI21" s="122">
        <v>0</v>
      </c>
      <c r="JJ21" s="123">
        <v>297050</v>
      </c>
      <c r="JK21" s="123">
        <v>203823</v>
      </c>
      <c r="JL21" s="123">
        <v>219094</v>
      </c>
      <c r="JM21" s="123">
        <v>44420</v>
      </c>
      <c r="JN21" s="123">
        <v>286148</v>
      </c>
      <c r="JO21" s="124">
        <v>1050535</v>
      </c>
      <c r="JP21" s="360">
        <v>1050535</v>
      </c>
      <c r="JQ21" s="159">
        <v>0</v>
      </c>
      <c r="JR21" s="123">
        <v>0</v>
      </c>
      <c r="JS21" s="158">
        <v>0</v>
      </c>
      <c r="JT21" s="122">
        <v>0</v>
      </c>
      <c r="JU21" s="123">
        <v>0</v>
      </c>
      <c r="JV21" s="123">
        <v>163102</v>
      </c>
      <c r="JW21" s="123">
        <v>108789</v>
      </c>
      <c r="JX21" s="123">
        <v>0</v>
      </c>
      <c r="JY21" s="123">
        <v>0</v>
      </c>
      <c r="JZ21" s="124">
        <v>271891</v>
      </c>
      <c r="KA21" s="360">
        <v>271891</v>
      </c>
      <c r="KB21" s="262">
        <v>0</v>
      </c>
      <c r="KC21" s="256">
        <v>0</v>
      </c>
      <c r="KD21" s="124">
        <v>0</v>
      </c>
      <c r="KE21" s="122">
        <v>0</v>
      </c>
      <c r="KF21" s="123">
        <v>0</v>
      </c>
      <c r="KG21" s="123">
        <v>0</v>
      </c>
      <c r="KH21" s="123">
        <v>0</v>
      </c>
      <c r="KI21" s="123">
        <v>0</v>
      </c>
      <c r="KJ21" s="123">
        <v>246894</v>
      </c>
      <c r="KK21" s="124">
        <v>246894</v>
      </c>
      <c r="KL21" s="160">
        <v>246894</v>
      </c>
      <c r="KM21" s="259">
        <v>0</v>
      </c>
      <c r="KN21" s="266">
        <v>0</v>
      </c>
      <c r="KO21" s="267">
        <v>0</v>
      </c>
      <c r="KP21" s="395"/>
      <c r="KQ21" s="123">
        <v>0</v>
      </c>
      <c r="KR21" s="123">
        <v>420519</v>
      </c>
      <c r="KS21" s="123">
        <v>225741</v>
      </c>
      <c r="KT21" s="123">
        <v>223577</v>
      </c>
      <c r="KU21" s="123">
        <v>440381</v>
      </c>
      <c r="KV21" s="124">
        <v>1310218</v>
      </c>
      <c r="KW21" s="360">
        <v>1310218</v>
      </c>
      <c r="KX21" s="159">
        <v>0</v>
      </c>
      <c r="KY21" s="123">
        <v>0</v>
      </c>
      <c r="KZ21" s="124">
        <v>0</v>
      </c>
      <c r="LA21" s="395"/>
      <c r="LB21" s="123">
        <v>0</v>
      </c>
      <c r="LC21" s="123">
        <v>0</v>
      </c>
      <c r="LD21" s="123">
        <v>0</v>
      </c>
      <c r="LE21" s="123">
        <v>0</v>
      </c>
      <c r="LF21" s="123">
        <v>0</v>
      </c>
      <c r="LG21" s="124">
        <v>0</v>
      </c>
      <c r="LH21" s="125">
        <v>0</v>
      </c>
      <c r="LI21" s="159">
        <v>0</v>
      </c>
      <c r="LJ21" s="123">
        <v>0</v>
      </c>
      <c r="LK21" s="124">
        <v>0</v>
      </c>
      <c r="LL21" s="395"/>
      <c r="LM21" s="123">
        <v>0</v>
      </c>
      <c r="LN21" s="123">
        <v>0</v>
      </c>
      <c r="LO21" s="123">
        <v>0</v>
      </c>
      <c r="LP21" s="123">
        <v>0</v>
      </c>
      <c r="LQ21" s="123">
        <v>0</v>
      </c>
      <c r="LR21" s="124">
        <v>0</v>
      </c>
      <c r="LS21" s="360">
        <v>0</v>
      </c>
      <c r="LT21" s="159">
        <v>0</v>
      </c>
      <c r="LU21" s="123">
        <v>0</v>
      </c>
      <c r="LV21" s="124">
        <v>0</v>
      </c>
      <c r="LW21" s="395"/>
      <c r="LX21" s="123">
        <v>0</v>
      </c>
      <c r="LY21" s="123">
        <v>0</v>
      </c>
      <c r="LZ21" s="123">
        <v>0</v>
      </c>
      <c r="MA21" s="123">
        <v>227451</v>
      </c>
      <c r="MB21" s="123">
        <v>133151</v>
      </c>
      <c r="MC21" s="124">
        <v>360602</v>
      </c>
      <c r="MD21" s="125">
        <v>360602</v>
      </c>
      <c r="ME21" s="159">
        <v>0</v>
      </c>
      <c r="MF21" s="123">
        <v>0</v>
      </c>
      <c r="MG21" s="124">
        <v>0</v>
      </c>
      <c r="MH21" s="395"/>
      <c r="MI21" s="123">
        <v>843468</v>
      </c>
      <c r="MJ21" s="123">
        <v>483483</v>
      </c>
      <c r="MK21" s="123">
        <v>2999983</v>
      </c>
      <c r="ML21" s="123">
        <v>2104036</v>
      </c>
      <c r="MM21" s="123">
        <v>765540</v>
      </c>
      <c r="MN21" s="124">
        <v>7196510</v>
      </c>
      <c r="MO21" s="160">
        <v>7196510</v>
      </c>
      <c r="MP21" s="159">
        <v>0</v>
      </c>
      <c r="MQ21" s="123">
        <v>0</v>
      </c>
      <c r="MR21" s="124">
        <v>0</v>
      </c>
      <c r="MS21" s="395"/>
      <c r="MT21" s="123">
        <v>0</v>
      </c>
      <c r="MU21" s="123">
        <v>0</v>
      </c>
      <c r="MV21" s="123">
        <v>1812289</v>
      </c>
      <c r="MW21" s="123">
        <v>474343</v>
      </c>
      <c r="MX21" s="123">
        <v>0</v>
      </c>
      <c r="MY21" s="124">
        <v>2286632</v>
      </c>
      <c r="MZ21" s="160">
        <v>2286632</v>
      </c>
      <c r="NA21" s="159">
        <v>0</v>
      </c>
      <c r="NB21" s="123">
        <v>0</v>
      </c>
      <c r="NC21" s="124">
        <v>0</v>
      </c>
      <c r="ND21" s="395"/>
      <c r="NE21" s="123">
        <v>843468</v>
      </c>
      <c r="NF21" s="123">
        <v>483483</v>
      </c>
      <c r="NG21" s="123">
        <v>1076110</v>
      </c>
      <c r="NH21" s="123">
        <v>1308086</v>
      </c>
      <c r="NI21" s="123">
        <v>765540</v>
      </c>
      <c r="NJ21" s="124">
        <v>4476687</v>
      </c>
      <c r="NK21" s="360">
        <v>4476687</v>
      </c>
      <c r="NL21" s="159">
        <v>0</v>
      </c>
      <c r="NM21" s="123">
        <v>0</v>
      </c>
      <c r="NN21" s="124">
        <v>0</v>
      </c>
      <c r="NO21" s="395"/>
      <c r="NP21" s="123">
        <v>0</v>
      </c>
      <c r="NQ21" s="123">
        <v>0</v>
      </c>
      <c r="NR21" s="123">
        <v>0</v>
      </c>
      <c r="NS21" s="123">
        <v>0</v>
      </c>
      <c r="NT21" s="123">
        <v>0</v>
      </c>
      <c r="NU21" s="124">
        <v>0</v>
      </c>
      <c r="NV21" s="125">
        <v>0</v>
      </c>
      <c r="NW21" s="159">
        <v>0</v>
      </c>
      <c r="NX21" s="123">
        <v>0</v>
      </c>
      <c r="NY21" s="124">
        <v>0</v>
      </c>
      <c r="NZ21" s="395"/>
      <c r="OA21" s="123">
        <v>0</v>
      </c>
      <c r="OB21" s="123">
        <v>0</v>
      </c>
      <c r="OC21" s="123">
        <v>111584</v>
      </c>
      <c r="OD21" s="123">
        <v>321607</v>
      </c>
      <c r="OE21" s="123">
        <v>0</v>
      </c>
      <c r="OF21" s="124">
        <v>433191</v>
      </c>
      <c r="OG21" s="125">
        <v>433191</v>
      </c>
      <c r="OH21" s="159">
        <v>515436</v>
      </c>
      <c r="OI21" s="123">
        <v>363714</v>
      </c>
      <c r="OJ21" s="158">
        <v>879150</v>
      </c>
      <c r="OK21" s="122">
        <v>0</v>
      </c>
      <c r="OL21" s="123">
        <v>4925641</v>
      </c>
      <c r="OM21" s="123">
        <v>5957414</v>
      </c>
      <c r="ON21" s="123">
        <v>7100499</v>
      </c>
      <c r="OO21" s="123">
        <v>5293450</v>
      </c>
      <c r="OP21" s="123">
        <v>4279118</v>
      </c>
      <c r="OQ21" s="124">
        <v>27556122</v>
      </c>
      <c r="OR21" s="160">
        <v>28435272</v>
      </c>
    </row>
    <row r="22" spans="1:408" ht="20.25" customHeight="1" x14ac:dyDescent="0.2">
      <c r="A22" s="130" t="s">
        <v>17</v>
      </c>
      <c r="B22" s="113">
        <v>266922</v>
      </c>
      <c r="C22" s="117">
        <v>882755</v>
      </c>
      <c r="D22" s="116">
        <v>1149677</v>
      </c>
      <c r="E22" s="112">
        <v>0</v>
      </c>
      <c r="F22" s="117">
        <v>3901234</v>
      </c>
      <c r="G22" s="117">
        <v>6722912</v>
      </c>
      <c r="H22" s="117">
        <v>5347020</v>
      </c>
      <c r="I22" s="117">
        <v>6098638</v>
      </c>
      <c r="J22" s="117">
        <v>3436993</v>
      </c>
      <c r="K22" s="112">
        <v>25506797</v>
      </c>
      <c r="L22" s="119">
        <v>26656474</v>
      </c>
      <c r="M22" s="113">
        <v>118200</v>
      </c>
      <c r="N22" s="117">
        <v>260584</v>
      </c>
      <c r="O22" s="116">
        <v>378784</v>
      </c>
      <c r="P22" s="113">
        <v>0</v>
      </c>
      <c r="Q22" s="117">
        <v>672340</v>
      </c>
      <c r="R22" s="117">
        <v>1978280</v>
      </c>
      <c r="S22" s="117">
        <v>1439817</v>
      </c>
      <c r="T22" s="117">
        <v>1442469</v>
      </c>
      <c r="U22" s="117">
        <v>1677908</v>
      </c>
      <c r="V22" s="116">
        <v>7210814</v>
      </c>
      <c r="W22" s="119">
        <v>7589598</v>
      </c>
      <c r="X22" s="113">
        <v>0</v>
      </c>
      <c r="Y22" s="117">
        <v>0</v>
      </c>
      <c r="Z22" s="116">
        <v>0</v>
      </c>
      <c r="AA22" s="113">
        <v>0</v>
      </c>
      <c r="AB22" s="117">
        <v>189082</v>
      </c>
      <c r="AC22" s="117">
        <v>940903</v>
      </c>
      <c r="AD22" s="117">
        <v>589579</v>
      </c>
      <c r="AE22" s="117">
        <v>716462</v>
      </c>
      <c r="AF22" s="117">
        <v>913820</v>
      </c>
      <c r="AG22" s="116">
        <v>3349846</v>
      </c>
      <c r="AH22" s="119">
        <v>3349846</v>
      </c>
      <c r="AI22" s="113">
        <v>0</v>
      </c>
      <c r="AJ22" s="117">
        <v>0</v>
      </c>
      <c r="AK22" s="116">
        <v>0</v>
      </c>
      <c r="AL22" s="113">
        <v>0</v>
      </c>
      <c r="AM22" s="117">
        <v>0</v>
      </c>
      <c r="AN22" s="117">
        <v>143802</v>
      </c>
      <c r="AO22" s="117">
        <v>11730</v>
      </c>
      <c r="AP22" s="117">
        <v>71811</v>
      </c>
      <c r="AQ22" s="117">
        <v>245695</v>
      </c>
      <c r="AR22" s="116">
        <v>473038</v>
      </c>
      <c r="AS22" s="119">
        <v>473038</v>
      </c>
      <c r="AT22" s="113">
        <v>97774</v>
      </c>
      <c r="AU22" s="117">
        <v>202813</v>
      </c>
      <c r="AV22" s="116">
        <v>300587</v>
      </c>
      <c r="AW22" s="113">
        <v>0</v>
      </c>
      <c r="AX22" s="117">
        <v>287853</v>
      </c>
      <c r="AY22" s="117">
        <v>589773</v>
      </c>
      <c r="AZ22" s="117">
        <v>521031</v>
      </c>
      <c r="BA22" s="117">
        <v>265123</v>
      </c>
      <c r="BB22" s="117">
        <v>309765</v>
      </c>
      <c r="BC22" s="116">
        <v>1973545</v>
      </c>
      <c r="BD22" s="119">
        <v>2274132</v>
      </c>
      <c r="BE22" s="113">
        <v>0</v>
      </c>
      <c r="BF22" s="117">
        <v>0</v>
      </c>
      <c r="BG22" s="115">
        <v>0</v>
      </c>
      <c r="BH22" s="114">
        <v>0</v>
      </c>
      <c r="BI22" s="117">
        <v>0</v>
      </c>
      <c r="BJ22" s="117">
        <v>26266</v>
      </c>
      <c r="BK22" s="117">
        <v>60724</v>
      </c>
      <c r="BL22" s="117">
        <v>21020</v>
      </c>
      <c r="BM22" s="117">
        <v>0</v>
      </c>
      <c r="BN22" s="116">
        <v>108010</v>
      </c>
      <c r="BO22" s="119">
        <v>108010</v>
      </c>
      <c r="BP22" s="113">
        <v>20426</v>
      </c>
      <c r="BQ22" s="117">
        <v>57771</v>
      </c>
      <c r="BR22" s="116">
        <v>78197</v>
      </c>
      <c r="BS22" s="113">
        <v>0</v>
      </c>
      <c r="BT22" s="117">
        <v>195405</v>
      </c>
      <c r="BU22" s="117">
        <v>277536</v>
      </c>
      <c r="BV22" s="117">
        <v>256753</v>
      </c>
      <c r="BW22" s="117">
        <v>368053</v>
      </c>
      <c r="BX22" s="117">
        <v>208628</v>
      </c>
      <c r="BY22" s="116">
        <v>1306375</v>
      </c>
      <c r="BZ22" s="119">
        <v>1384572</v>
      </c>
      <c r="CA22" s="113">
        <v>0</v>
      </c>
      <c r="CB22" s="117">
        <v>158732</v>
      </c>
      <c r="CC22" s="116">
        <v>158732</v>
      </c>
      <c r="CD22" s="113">
        <v>0</v>
      </c>
      <c r="CE22" s="117">
        <v>1510916</v>
      </c>
      <c r="CF22" s="117">
        <v>2488478</v>
      </c>
      <c r="CG22" s="117">
        <v>1779406</v>
      </c>
      <c r="CH22" s="117">
        <v>806479</v>
      </c>
      <c r="CI22" s="117">
        <v>244277</v>
      </c>
      <c r="CJ22" s="116">
        <v>6829556</v>
      </c>
      <c r="CK22" s="119">
        <v>6988288</v>
      </c>
      <c r="CL22" s="113">
        <v>0</v>
      </c>
      <c r="CM22" s="117">
        <v>0</v>
      </c>
      <c r="CN22" s="116">
        <v>0</v>
      </c>
      <c r="CO22" s="114">
        <v>0</v>
      </c>
      <c r="CP22" s="117">
        <v>1162224</v>
      </c>
      <c r="CQ22" s="117">
        <v>2233648</v>
      </c>
      <c r="CR22" s="117">
        <v>1274318</v>
      </c>
      <c r="CS22" s="117">
        <v>571713</v>
      </c>
      <c r="CT22" s="117">
        <v>244277</v>
      </c>
      <c r="CU22" s="116">
        <v>5486180</v>
      </c>
      <c r="CV22" s="119">
        <v>5486180</v>
      </c>
      <c r="CW22" s="113">
        <v>0</v>
      </c>
      <c r="CX22" s="117">
        <v>158732</v>
      </c>
      <c r="CY22" s="116">
        <v>158732</v>
      </c>
      <c r="CZ22" s="113">
        <v>0</v>
      </c>
      <c r="DA22" s="117">
        <v>348692</v>
      </c>
      <c r="DB22" s="117">
        <v>254830</v>
      </c>
      <c r="DC22" s="117">
        <v>505088</v>
      </c>
      <c r="DD22" s="117">
        <v>234766</v>
      </c>
      <c r="DE22" s="117">
        <v>0</v>
      </c>
      <c r="DF22" s="116">
        <v>1343376</v>
      </c>
      <c r="DG22" s="119">
        <v>1502108</v>
      </c>
      <c r="DH22" s="113">
        <v>0</v>
      </c>
      <c r="DI22" s="117">
        <v>19259</v>
      </c>
      <c r="DJ22" s="115">
        <v>19259</v>
      </c>
      <c r="DK22" s="114">
        <v>0</v>
      </c>
      <c r="DL22" s="117">
        <v>87782</v>
      </c>
      <c r="DM22" s="117">
        <v>524753</v>
      </c>
      <c r="DN22" s="117">
        <v>570858</v>
      </c>
      <c r="DO22" s="117">
        <v>383242</v>
      </c>
      <c r="DP22" s="117">
        <v>0</v>
      </c>
      <c r="DQ22" s="116">
        <v>1566635</v>
      </c>
      <c r="DR22" s="119">
        <v>1585894</v>
      </c>
      <c r="DS22" s="113">
        <v>0</v>
      </c>
      <c r="DT22" s="117">
        <v>19259</v>
      </c>
      <c r="DU22" s="116">
        <v>19259</v>
      </c>
      <c r="DV22" s="113">
        <v>0</v>
      </c>
      <c r="DW22" s="117">
        <v>87782</v>
      </c>
      <c r="DX22" s="117">
        <v>497500</v>
      </c>
      <c r="DY22" s="117">
        <v>324235</v>
      </c>
      <c r="DZ22" s="117">
        <v>329914</v>
      </c>
      <c r="EA22" s="117">
        <v>0</v>
      </c>
      <c r="EB22" s="116">
        <v>1239431</v>
      </c>
      <c r="EC22" s="119">
        <v>1258690</v>
      </c>
      <c r="ED22" s="113">
        <v>0</v>
      </c>
      <c r="EE22" s="115">
        <v>0</v>
      </c>
      <c r="EF22" s="116">
        <v>0</v>
      </c>
      <c r="EG22" s="113">
        <v>0</v>
      </c>
      <c r="EH22" s="117">
        <v>0</v>
      </c>
      <c r="EI22" s="117">
        <v>27253</v>
      </c>
      <c r="EJ22" s="117">
        <v>246623</v>
      </c>
      <c r="EK22" s="117">
        <v>53328</v>
      </c>
      <c r="EL22" s="117">
        <v>0</v>
      </c>
      <c r="EM22" s="115">
        <v>327204</v>
      </c>
      <c r="EN22" s="119">
        <v>327204</v>
      </c>
      <c r="EO22" s="113">
        <v>0</v>
      </c>
      <c r="EP22" s="117">
        <v>0</v>
      </c>
      <c r="EQ22" s="115">
        <v>0</v>
      </c>
      <c r="ER22" s="114">
        <v>0</v>
      </c>
      <c r="ES22" s="117">
        <v>0</v>
      </c>
      <c r="ET22" s="117">
        <v>0</v>
      </c>
      <c r="EU22" s="117">
        <v>0</v>
      </c>
      <c r="EV22" s="117">
        <v>0</v>
      </c>
      <c r="EW22" s="117">
        <v>0</v>
      </c>
      <c r="EX22" s="116">
        <v>0</v>
      </c>
      <c r="EY22" s="119">
        <v>0</v>
      </c>
      <c r="EZ22" s="113">
        <v>0</v>
      </c>
      <c r="FA22" s="117">
        <v>0</v>
      </c>
      <c r="FB22" s="115">
        <v>0</v>
      </c>
      <c r="FC22" s="395"/>
      <c r="FD22" s="117">
        <v>0</v>
      </c>
      <c r="FE22" s="117">
        <v>0</v>
      </c>
      <c r="FF22" s="117">
        <v>0</v>
      </c>
      <c r="FG22" s="117">
        <v>0</v>
      </c>
      <c r="FH22" s="117">
        <v>0</v>
      </c>
      <c r="FI22" s="116">
        <v>0</v>
      </c>
      <c r="FJ22" s="119">
        <v>0</v>
      </c>
      <c r="FK22" s="113">
        <v>49238</v>
      </c>
      <c r="FL22" s="117">
        <v>128220</v>
      </c>
      <c r="FM22" s="116">
        <v>177458</v>
      </c>
      <c r="FN22" s="113">
        <v>0</v>
      </c>
      <c r="FO22" s="117">
        <v>204729</v>
      </c>
      <c r="FP22" s="117">
        <v>599312</v>
      </c>
      <c r="FQ22" s="117">
        <v>522291</v>
      </c>
      <c r="FR22" s="117">
        <v>534212</v>
      </c>
      <c r="FS22" s="117">
        <v>217777</v>
      </c>
      <c r="FT22" s="116">
        <v>2078321</v>
      </c>
      <c r="FU22" s="119">
        <v>2255779</v>
      </c>
      <c r="FV22" s="118">
        <v>49238</v>
      </c>
      <c r="FW22" s="117">
        <v>66528</v>
      </c>
      <c r="FX22" s="115">
        <v>115766</v>
      </c>
      <c r="FY22" s="114">
        <v>0</v>
      </c>
      <c r="FZ22" s="117">
        <v>204729</v>
      </c>
      <c r="GA22" s="117">
        <v>584192</v>
      </c>
      <c r="GB22" s="117">
        <v>497371</v>
      </c>
      <c r="GC22" s="117">
        <v>447412</v>
      </c>
      <c r="GD22" s="117">
        <v>217777</v>
      </c>
      <c r="GE22" s="116">
        <v>1951481</v>
      </c>
      <c r="GF22" s="357">
        <v>2067247</v>
      </c>
      <c r="GG22" s="118">
        <v>0</v>
      </c>
      <c r="GH22" s="117">
        <v>0</v>
      </c>
      <c r="GI22" s="115">
        <v>0</v>
      </c>
      <c r="GJ22" s="114">
        <v>0</v>
      </c>
      <c r="GK22" s="117">
        <v>0</v>
      </c>
      <c r="GL22" s="117">
        <v>15120</v>
      </c>
      <c r="GM22" s="117">
        <v>24920</v>
      </c>
      <c r="GN22" s="117">
        <v>0</v>
      </c>
      <c r="GO22" s="117">
        <v>0</v>
      </c>
      <c r="GP22" s="116">
        <v>40040</v>
      </c>
      <c r="GQ22" s="119">
        <v>40040</v>
      </c>
      <c r="GR22" s="113">
        <v>0</v>
      </c>
      <c r="GS22" s="117">
        <v>61692</v>
      </c>
      <c r="GT22" s="116">
        <v>61692</v>
      </c>
      <c r="GU22" s="113">
        <v>0</v>
      </c>
      <c r="GV22" s="117">
        <v>0</v>
      </c>
      <c r="GW22" s="117">
        <v>0</v>
      </c>
      <c r="GX22" s="117">
        <v>0</v>
      </c>
      <c r="GY22" s="117">
        <v>86800</v>
      </c>
      <c r="GZ22" s="117">
        <v>0</v>
      </c>
      <c r="HA22" s="115">
        <v>86800</v>
      </c>
      <c r="HB22" s="119">
        <v>148492</v>
      </c>
      <c r="HC22" s="113">
        <v>99484</v>
      </c>
      <c r="HD22" s="117">
        <v>315960</v>
      </c>
      <c r="HE22" s="115">
        <v>415444</v>
      </c>
      <c r="HF22" s="114">
        <v>0</v>
      </c>
      <c r="HG22" s="117">
        <v>1425467</v>
      </c>
      <c r="HH22" s="117">
        <v>1132089</v>
      </c>
      <c r="HI22" s="117">
        <v>1034648</v>
      </c>
      <c r="HJ22" s="117">
        <v>2932236</v>
      </c>
      <c r="HK22" s="117">
        <v>1297031</v>
      </c>
      <c r="HL22" s="116">
        <v>7821471</v>
      </c>
      <c r="HM22" s="112">
        <v>8236915</v>
      </c>
      <c r="HN22" s="373"/>
      <c r="HO22" s="374"/>
      <c r="HP22" s="375"/>
      <c r="HQ22" s="376"/>
      <c r="HR22" s="374"/>
      <c r="HS22" s="374"/>
      <c r="HT22" s="374"/>
      <c r="HU22" s="374"/>
      <c r="HV22" s="374"/>
      <c r="HW22" s="377"/>
      <c r="HX22" s="378"/>
      <c r="HY22" s="166">
        <v>0</v>
      </c>
      <c r="HZ22" s="152">
        <v>0</v>
      </c>
      <c r="IA22" s="166">
        <v>0</v>
      </c>
      <c r="IB22" s="151">
        <v>0</v>
      </c>
      <c r="IC22" s="152">
        <v>926024</v>
      </c>
      <c r="ID22" s="153">
        <v>1772527</v>
      </c>
      <c r="IE22" s="154">
        <v>1575696</v>
      </c>
      <c r="IF22" s="152">
        <v>1849489</v>
      </c>
      <c r="IG22" s="154">
        <v>1052526</v>
      </c>
      <c r="IH22" s="155">
        <v>7176262</v>
      </c>
      <c r="II22" s="166">
        <v>7176262</v>
      </c>
      <c r="IJ22" s="259">
        <v>0</v>
      </c>
      <c r="IK22" s="266">
        <v>0</v>
      </c>
      <c r="IL22" s="267">
        <v>0</v>
      </c>
      <c r="IM22" s="157"/>
      <c r="IN22" s="123">
        <v>0</v>
      </c>
      <c r="IO22" s="123">
        <v>0</v>
      </c>
      <c r="IP22" s="123">
        <v>0</v>
      </c>
      <c r="IQ22" s="123">
        <v>0</v>
      </c>
      <c r="IR22" s="123">
        <v>0</v>
      </c>
      <c r="IS22" s="158">
        <v>0</v>
      </c>
      <c r="IT22" s="360">
        <v>0</v>
      </c>
      <c r="IU22" s="159">
        <v>0</v>
      </c>
      <c r="IV22" s="123">
        <v>0</v>
      </c>
      <c r="IW22" s="124">
        <v>0</v>
      </c>
      <c r="IX22" s="161"/>
      <c r="IY22" s="123">
        <v>0</v>
      </c>
      <c r="IZ22" s="123">
        <v>0</v>
      </c>
      <c r="JA22" s="123">
        <v>0</v>
      </c>
      <c r="JB22" s="123">
        <v>0</v>
      </c>
      <c r="JC22" s="123">
        <v>0</v>
      </c>
      <c r="JD22" s="124">
        <v>0</v>
      </c>
      <c r="JE22" s="125">
        <v>0</v>
      </c>
      <c r="JF22" s="159">
        <v>0</v>
      </c>
      <c r="JG22" s="123">
        <v>0</v>
      </c>
      <c r="JH22" s="158">
        <v>0</v>
      </c>
      <c r="JI22" s="122">
        <v>0</v>
      </c>
      <c r="JJ22" s="123">
        <v>445033</v>
      </c>
      <c r="JK22" s="123">
        <v>558283</v>
      </c>
      <c r="JL22" s="123">
        <v>343928</v>
      </c>
      <c r="JM22" s="123">
        <v>245832</v>
      </c>
      <c r="JN22" s="123">
        <v>95876</v>
      </c>
      <c r="JO22" s="124">
        <v>1688952</v>
      </c>
      <c r="JP22" s="360">
        <v>1688952</v>
      </c>
      <c r="JQ22" s="159">
        <v>0</v>
      </c>
      <c r="JR22" s="123">
        <v>0</v>
      </c>
      <c r="JS22" s="158">
        <v>0</v>
      </c>
      <c r="JT22" s="122">
        <v>0</v>
      </c>
      <c r="JU22" s="123">
        <v>68008</v>
      </c>
      <c r="JV22" s="123">
        <v>0</v>
      </c>
      <c r="JW22" s="123">
        <v>0</v>
      </c>
      <c r="JX22" s="123">
        <v>0</v>
      </c>
      <c r="JY22" s="123">
        <v>9767</v>
      </c>
      <c r="JZ22" s="124">
        <v>77775</v>
      </c>
      <c r="KA22" s="360">
        <v>77775</v>
      </c>
      <c r="KB22" s="262">
        <v>0</v>
      </c>
      <c r="KC22" s="256">
        <v>0</v>
      </c>
      <c r="KD22" s="124">
        <v>0</v>
      </c>
      <c r="KE22" s="122">
        <v>0</v>
      </c>
      <c r="KF22" s="123">
        <v>0</v>
      </c>
      <c r="KG22" s="123">
        <v>477790</v>
      </c>
      <c r="KH22" s="123">
        <v>0</v>
      </c>
      <c r="KI22" s="123">
        <v>464314</v>
      </c>
      <c r="KJ22" s="123">
        <v>0</v>
      </c>
      <c r="KK22" s="124">
        <v>942104</v>
      </c>
      <c r="KL22" s="160">
        <v>942104</v>
      </c>
      <c r="KM22" s="259">
        <v>0</v>
      </c>
      <c r="KN22" s="266">
        <v>0</v>
      </c>
      <c r="KO22" s="267">
        <v>0</v>
      </c>
      <c r="KP22" s="395"/>
      <c r="KQ22" s="123">
        <v>412983</v>
      </c>
      <c r="KR22" s="123">
        <v>736454</v>
      </c>
      <c r="KS22" s="123">
        <v>708670</v>
      </c>
      <c r="KT22" s="123">
        <v>909431</v>
      </c>
      <c r="KU22" s="123">
        <v>465632</v>
      </c>
      <c r="KV22" s="124">
        <v>3233170</v>
      </c>
      <c r="KW22" s="360">
        <v>3233170</v>
      </c>
      <c r="KX22" s="159">
        <v>0</v>
      </c>
      <c r="KY22" s="123">
        <v>0</v>
      </c>
      <c r="KZ22" s="124">
        <v>0</v>
      </c>
      <c r="LA22" s="395"/>
      <c r="LB22" s="123">
        <v>0</v>
      </c>
      <c r="LC22" s="123">
        <v>0</v>
      </c>
      <c r="LD22" s="123">
        <v>0</v>
      </c>
      <c r="LE22" s="123">
        <v>0</v>
      </c>
      <c r="LF22" s="123">
        <v>0</v>
      </c>
      <c r="LG22" s="124">
        <v>0</v>
      </c>
      <c r="LH22" s="125">
        <v>0</v>
      </c>
      <c r="LI22" s="159">
        <v>0</v>
      </c>
      <c r="LJ22" s="123">
        <v>0</v>
      </c>
      <c r="LK22" s="124">
        <v>0</v>
      </c>
      <c r="LL22" s="395"/>
      <c r="LM22" s="123">
        <v>0</v>
      </c>
      <c r="LN22" s="123">
        <v>0</v>
      </c>
      <c r="LO22" s="123">
        <v>523098</v>
      </c>
      <c r="LP22" s="123">
        <v>229912</v>
      </c>
      <c r="LQ22" s="123">
        <v>481251</v>
      </c>
      <c r="LR22" s="124">
        <v>1234261</v>
      </c>
      <c r="LS22" s="360">
        <v>1234261</v>
      </c>
      <c r="LT22" s="159">
        <v>0</v>
      </c>
      <c r="LU22" s="123">
        <v>0</v>
      </c>
      <c r="LV22" s="124">
        <v>0</v>
      </c>
      <c r="LW22" s="395"/>
      <c r="LX22" s="123">
        <v>0</v>
      </c>
      <c r="LY22" s="123">
        <v>0</v>
      </c>
      <c r="LZ22" s="123">
        <v>0</v>
      </c>
      <c r="MA22" s="123">
        <v>0</v>
      </c>
      <c r="MB22" s="123">
        <v>0</v>
      </c>
      <c r="MC22" s="124">
        <v>0</v>
      </c>
      <c r="MD22" s="125">
        <v>0</v>
      </c>
      <c r="ME22" s="159">
        <v>0</v>
      </c>
      <c r="MF22" s="123">
        <v>0</v>
      </c>
      <c r="MG22" s="124">
        <v>0</v>
      </c>
      <c r="MH22" s="395"/>
      <c r="MI22" s="123">
        <v>192757</v>
      </c>
      <c r="MJ22" s="123">
        <v>1082539</v>
      </c>
      <c r="MK22" s="123">
        <v>3290826</v>
      </c>
      <c r="ML22" s="123">
        <v>3760347</v>
      </c>
      <c r="MM22" s="123">
        <v>2728977</v>
      </c>
      <c r="MN22" s="124">
        <v>11055446</v>
      </c>
      <c r="MO22" s="160">
        <v>11055446</v>
      </c>
      <c r="MP22" s="159">
        <v>0</v>
      </c>
      <c r="MQ22" s="123">
        <v>0</v>
      </c>
      <c r="MR22" s="124">
        <v>0</v>
      </c>
      <c r="MS22" s="395"/>
      <c r="MT22" s="123">
        <v>192757</v>
      </c>
      <c r="MU22" s="123">
        <v>398558</v>
      </c>
      <c r="MV22" s="123">
        <v>1111644</v>
      </c>
      <c r="MW22" s="123">
        <v>1783911</v>
      </c>
      <c r="MX22" s="123">
        <v>1886445</v>
      </c>
      <c r="MY22" s="124">
        <v>5373315</v>
      </c>
      <c r="MZ22" s="160">
        <v>5373315</v>
      </c>
      <c r="NA22" s="159">
        <v>0</v>
      </c>
      <c r="NB22" s="123">
        <v>0</v>
      </c>
      <c r="NC22" s="124">
        <v>0</v>
      </c>
      <c r="ND22" s="395"/>
      <c r="NE22" s="123">
        <v>0</v>
      </c>
      <c r="NF22" s="123">
        <v>683981</v>
      </c>
      <c r="NG22" s="123">
        <v>2179182</v>
      </c>
      <c r="NH22" s="123">
        <v>1976436</v>
      </c>
      <c r="NI22" s="123">
        <v>530307</v>
      </c>
      <c r="NJ22" s="124">
        <v>5369906</v>
      </c>
      <c r="NK22" s="360">
        <v>5369906</v>
      </c>
      <c r="NL22" s="159">
        <v>0</v>
      </c>
      <c r="NM22" s="123">
        <v>0</v>
      </c>
      <c r="NN22" s="124">
        <v>0</v>
      </c>
      <c r="NO22" s="395"/>
      <c r="NP22" s="123">
        <v>0</v>
      </c>
      <c r="NQ22" s="123">
        <v>0</v>
      </c>
      <c r="NR22" s="123">
        <v>0</v>
      </c>
      <c r="NS22" s="123">
        <v>0</v>
      </c>
      <c r="NT22" s="123">
        <v>312225</v>
      </c>
      <c r="NU22" s="124">
        <v>312225</v>
      </c>
      <c r="NV22" s="125">
        <v>312225</v>
      </c>
      <c r="NW22" s="159">
        <v>0</v>
      </c>
      <c r="NX22" s="123">
        <v>0</v>
      </c>
      <c r="NY22" s="124">
        <v>0</v>
      </c>
      <c r="NZ22" s="395"/>
      <c r="OA22" s="123">
        <v>0</v>
      </c>
      <c r="OB22" s="123">
        <v>0</v>
      </c>
      <c r="OC22" s="123">
        <v>0</v>
      </c>
      <c r="OD22" s="123">
        <v>0</v>
      </c>
      <c r="OE22" s="123">
        <v>0</v>
      </c>
      <c r="OF22" s="124">
        <v>0</v>
      </c>
      <c r="OG22" s="125">
        <v>0</v>
      </c>
      <c r="OH22" s="159">
        <v>266922</v>
      </c>
      <c r="OI22" s="123">
        <v>882755</v>
      </c>
      <c r="OJ22" s="158">
        <v>1149677</v>
      </c>
      <c r="OK22" s="122">
        <v>0</v>
      </c>
      <c r="OL22" s="123">
        <v>5020015</v>
      </c>
      <c r="OM22" s="123">
        <v>9577978</v>
      </c>
      <c r="ON22" s="123">
        <v>10213542</v>
      </c>
      <c r="OO22" s="123">
        <v>11708474</v>
      </c>
      <c r="OP22" s="123">
        <v>7218496</v>
      </c>
      <c r="OQ22" s="124">
        <v>43738505</v>
      </c>
      <c r="OR22" s="160">
        <v>44888182</v>
      </c>
    </row>
    <row r="23" spans="1:408" ht="20.25" customHeight="1" x14ac:dyDescent="0.2">
      <c r="A23" s="130" t="s">
        <v>18</v>
      </c>
      <c r="B23" s="113">
        <v>391965</v>
      </c>
      <c r="C23" s="117">
        <v>498166</v>
      </c>
      <c r="D23" s="116">
        <v>890131</v>
      </c>
      <c r="E23" s="112">
        <v>0</v>
      </c>
      <c r="F23" s="117">
        <v>4907281</v>
      </c>
      <c r="G23" s="117">
        <v>10205463</v>
      </c>
      <c r="H23" s="117">
        <v>6376536</v>
      </c>
      <c r="I23" s="117">
        <v>7805066</v>
      </c>
      <c r="J23" s="117">
        <v>4885384</v>
      </c>
      <c r="K23" s="112">
        <v>34179730</v>
      </c>
      <c r="L23" s="119">
        <v>35069861</v>
      </c>
      <c r="M23" s="113">
        <v>193491</v>
      </c>
      <c r="N23" s="117">
        <v>236477</v>
      </c>
      <c r="O23" s="116">
        <v>429968</v>
      </c>
      <c r="P23" s="113">
        <v>0</v>
      </c>
      <c r="Q23" s="117">
        <v>1356321</v>
      </c>
      <c r="R23" s="117">
        <v>3034489</v>
      </c>
      <c r="S23" s="117">
        <v>2151223</v>
      </c>
      <c r="T23" s="117">
        <v>2806145</v>
      </c>
      <c r="U23" s="117">
        <v>1772104</v>
      </c>
      <c r="V23" s="116">
        <v>11120282</v>
      </c>
      <c r="W23" s="119">
        <v>11550250</v>
      </c>
      <c r="X23" s="113">
        <v>0</v>
      </c>
      <c r="Y23" s="117">
        <v>0</v>
      </c>
      <c r="Z23" s="116">
        <v>0</v>
      </c>
      <c r="AA23" s="113">
        <v>0</v>
      </c>
      <c r="AB23" s="117">
        <v>522749</v>
      </c>
      <c r="AC23" s="117">
        <v>1389790</v>
      </c>
      <c r="AD23" s="117">
        <v>1290987</v>
      </c>
      <c r="AE23" s="117">
        <v>1426183</v>
      </c>
      <c r="AF23" s="117">
        <v>711233</v>
      </c>
      <c r="AG23" s="116">
        <v>5340942</v>
      </c>
      <c r="AH23" s="119">
        <v>5340942</v>
      </c>
      <c r="AI23" s="113">
        <v>0</v>
      </c>
      <c r="AJ23" s="117">
        <v>0</v>
      </c>
      <c r="AK23" s="116">
        <v>0</v>
      </c>
      <c r="AL23" s="113">
        <v>0</v>
      </c>
      <c r="AM23" s="117">
        <v>0</v>
      </c>
      <c r="AN23" s="117">
        <v>79894</v>
      </c>
      <c r="AO23" s="117">
        <v>30685</v>
      </c>
      <c r="AP23" s="117">
        <v>245084</v>
      </c>
      <c r="AQ23" s="117">
        <v>220360</v>
      </c>
      <c r="AR23" s="116">
        <v>576023</v>
      </c>
      <c r="AS23" s="119">
        <v>576023</v>
      </c>
      <c r="AT23" s="113">
        <v>140823</v>
      </c>
      <c r="AU23" s="117">
        <v>198310</v>
      </c>
      <c r="AV23" s="116">
        <v>339133</v>
      </c>
      <c r="AW23" s="113">
        <v>0</v>
      </c>
      <c r="AX23" s="117">
        <v>455809</v>
      </c>
      <c r="AY23" s="117">
        <v>1058771</v>
      </c>
      <c r="AZ23" s="117">
        <v>455469</v>
      </c>
      <c r="BA23" s="117">
        <v>802798</v>
      </c>
      <c r="BB23" s="117">
        <v>381472</v>
      </c>
      <c r="BC23" s="116">
        <v>3154319</v>
      </c>
      <c r="BD23" s="119">
        <v>3493452</v>
      </c>
      <c r="BE23" s="113">
        <v>11557</v>
      </c>
      <c r="BF23" s="117">
        <v>27737</v>
      </c>
      <c r="BG23" s="115">
        <v>39294</v>
      </c>
      <c r="BH23" s="114">
        <v>0</v>
      </c>
      <c r="BI23" s="117">
        <v>86542</v>
      </c>
      <c r="BJ23" s="117">
        <v>118962</v>
      </c>
      <c r="BK23" s="117">
        <v>45173</v>
      </c>
      <c r="BL23" s="117">
        <v>0</v>
      </c>
      <c r="BM23" s="117">
        <v>38556</v>
      </c>
      <c r="BN23" s="116">
        <v>289233</v>
      </c>
      <c r="BO23" s="119">
        <v>328527</v>
      </c>
      <c r="BP23" s="113">
        <v>41111</v>
      </c>
      <c r="BQ23" s="117">
        <v>10430</v>
      </c>
      <c r="BR23" s="116">
        <v>51541</v>
      </c>
      <c r="BS23" s="113">
        <v>0</v>
      </c>
      <c r="BT23" s="117">
        <v>291221</v>
      </c>
      <c r="BU23" s="117">
        <v>387072</v>
      </c>
      <c r="BV23" s="117">
        <v>328909</v>
      </c>
      <c r="BW23" s="117">
        <v>332080</v>
      </c>
      <c r="BX23" s="117">
        <v>420483</v>
      </c>
      <c r="BY23" s="116">
        <v>1759765</v>
      </c>
      <c r="BZ23" s="119">
        <v>1811306</v>
      </c>
      <c r="CA23" s="113">
        <v>19592</v>
      </c>
      <c r="CB23" s="117">
        <v>135633</v>
      </c>
      <c r="CC23" s="116">
        <v>155225</v>
      </c>
      <c r="CD23" s="113">
        <v>0</v>
      </c>
      <c r="CE23" s="117">
        <v>1712790</v>
      </c>
      <c r="CF23" s="117">
        <v>3843929</v>
      </c>
      <c r="CG23" s="117">
        <v>1385988</v>
      </c>
      <c r="CH23" s="117">
        <v>1447245</v>
      </c>
      <c r="CI23" s="117">
        <v>319862</v>
      </c>
      <c r="CJ23" s="116">
        <v>8709814</v>
      </c>
      <c r="CK23" s="119">
        <v>8865039</v>
      </c>
      <c r="CL23" s="113">
        <v>0</v>
      </c>
      <c r="CM23" s="117">
        <v>0</v>
      </c>
      <c r="CN23" s="116">
        <v>0</v>
      </c>
      <c r="CO23" s="114">
        <v>0</v>
      </c>
      <c r="CP23" s="117">
        <v>1516137</v>
      </c>
      <c r="CQ23" s="117">
        <v>3135046</v>
      </c>
      <c r="CR23" s="117">
        <v>968211</v>
      </c>
      <c r="CS23" s="117">
        <v>1178596</v>
      </c>
      <c r="CT23" s="117">
        <v>266041</v>
      </c>
      <c r="CU23" s="116">
        <v>7064031</v>
      </c>
      <c r="CV23" s="119">
        <v>7064031</v>
      </c>
      <c r="CW23" s="113">
        <v>19592</v>
      </c>
      <c r="CX23" s="117">
        <v>135633</v>
      </c>
      <c r="CY23" s="116">
        <v>155225</v>
      </c>
      <c r="CZ23" s="113">
        <v>0</v>
      </c>
      <c r="DA23" s="117">
        <v>196653</v>
      </c>
      <c r="DB23" s="117">
        <v>708883</v>
      </c>
      <c r="DC23" s="117">
        <v>417777</v>
      </c>
      <c r="DD23" s="117">
        <v>268649</v>
      </c>
      <c r="DE23" s="117">
        <v>53821</v>
      </c>
      <c r="DF23" s="116">
        <v>1645783</v>
      </c>
      <c r="DG23" s="119">
        <v>1801008</v>
      </c>
      <c r="DH23" s="113">
        <v>0</v>
      </c>
      <c r="DI23" s="117">
        <v>0</v>
      </c>
      <c r="DJ23" s="115">
        <v>0</v>
      </c>
      <c r="DK23" s="114">
        <v>0</v>
      </c>
      <c r="DL23" s="117">
        <v>91159</v>
      </c>
      <c r="DM23" s="117">
        <v>500454</v>
      </c>
      <c r="DN23" s="117">
        <v>699935</v>
      </c>
      <c r="DO23" s="117">
        <v>476230</v>
      </c>
      <c r="DP23" s="117">
        <v>254639</v>
      </c>
      <c r="DQ23" s="116">
        <v>2022417</v>
      </c>
      <c r="DR23" s="119">
        <v>2022417</v>
      </c>
      <c r="DS23" s="113">
        <v>0</v>
      </c>
      <c r="DT23" s="117">
        <v>0</v>
      </c>
      <c r="DU23" s="116">
        <v>0</v>
      </c>
      <c r="DV23" s="113">
        <v>0</v>
      </c>
      <c r="DW23" s="117">
        <v>91159</v>
      </c>
      <c r="DX23" s="117">
        <v>500454</v>
      </c>
      <c r="DY23" s="117">
        <v>699935</v>
      </c>
      <c r="DZ23" s="117">
        <v>476230</v>
      </c>
      <c r="EA23" s="117">
        <v>254639</v>
      </c>
      <c r="EB23" s="116">
        <v>2022417</v>
      </c>
      <c r="EC23" s="119">
        <v>2022417</v>
      </c>
      <c r="ED23" s="113">
        <v>0</v>
      </c>
      <c r="EE23" s="115">
        <v>0</v>
      </c>
      <c r="EF23" s="116">
        <v>0</v>
      </c>
      <c r="EG23" s="113">
        <v>0</v>
      </c>
      <c r="EH23" s="117">
        <v>0</v>
      </c>
      <c r="EI23" s="117">
        <v>0</v>
      </c>
      <c r="EJ23" s="117">
        <v>0</v>
      </c>
      <c r="EK23" s="117">
        <v>0</v>
      </c>
      <c r="EL23" s="117">
        <v>0</v>
      </c>
      <c r="EM23" s="115">
        <v>0</v>
      </c>
      <c r="EN23" s="119">
        <v>0</v>
      </c>
      <c r="EO23" s="113">
        <v>0</v>
      </c>
      <c r="EP23" s="117">
        <v>0</v>
      </c>
      <c r="EQ23" s="115">
        <v>0</v>
      </c>
      <c r="ER23" s="114">
        <v>0</v>
      </c>
      <c r="ES23" s="117">
        <v>0</v>
      </c>
      <c r="ET23" s="117">
        <v>0</v>
      </c>
      <c r="EU23" s="117">
        <v>0</v>
      </c>
      <c r="EV23" s="117">
        <v>0</v>
      </c>
      <c r="EW23" s="117">
        <v>0</v>
      </c>
      <c r="EX23" s="116">
        <v>0</v>
      </c>
      <c r="EY23" s="119">
        <v>0</v>
      </c>
      <c r="EZ23" s="113">
        <v>0</v>
      </c>
      <c r="FA23" s="117">
        <v>0</v>
      </c>
      <c r="FB23" s="115">
        <v>0</v>
      </c>
      <c r="FC23" s="395"/>
      <c r="FD23" s="117">
        <v>0</v>
      </c>
      <c r="FE23" s="117">
        <v>0</v>
      </c>
      <c r="FF23" s="117">
        <v>0</v>
      </c>
      <c r="FG23" s="117">
        <v>0</v>
      </c>
      <c r="FH23" s="117">
        <v>0</v>
      </c>
      <c r="FI23" s="116">
        <v>0</v>
      </c>
      <c r="FJ23" s="119">
        <v>0</v>
      </c>
      <c r="FK23" s="113">
        <v>73927</v>
      </c>
      <c r="FL23" s="117">
        <v>126056</v>
      </c>
      <c r="FM23" s="116">
        <v>199983</v>
      </c>
      <c r="FN23" s="113">
        <v>0</v>
      </c>
      <c r="FO23" s="117">
        <v>166530</v>
      </c>
      <c r="FP23" s="117">
        <v>1131697</v>
      </c>
      <c r="FQ23" s="117">
        <v>317905</v>
      </c>
      <c r="FR23" s="117">
        <v>445879</v>
      </c>
      <c r="FS23" s="117">
        <v>264810</v>
      </c>
      <c r="FT23" s="116">
        <v>2326821</v>
      </c>
      <c r="FU23" s="119">
        <v>2526804</v>
      </c>
      <c r="FV23" s="118">
        <v>41027</v>
      </c>
      <c r="FW23" s="117">
        <v>105266</v>
      </c>
      <c r="FX23" s="115">
        <v>146293</v>
      </c>
      <c r="FY23" s="114">
        <v>0</v>
      </c>
      <c r="FZ23" s="117">
        <v>166530</v>
      </c>
      <c r="GA23" s="117">
        <v>808038</v>
      </c>
      <c r="GB23" s="117">
        <v>317905</v>
      </c>
      <c r="GC23" s="117">
        <v>445879</v>
      </c>
      <c r="GD23" s="117">
        <v>264810</v>
      </c>
      <c r="GE23" s="116">
        <v>2003162</v>
      </c>
      <c r="GF23" s="357">
        <v>2149455</v>
      </c>
      <c r="GG23" s="118">
        <v>0</v>
      </c>
      <c r="GH23" s="117">
        <v>0</v>
      </c>
      <c r="GI23" s="115">
        <v>0</v>
      </c>
      <c r="GJ23" s="114">
        <v>0</v>
      </c>
      <c r="GK23" s="117">
        <v>0</v>
      </c>
      <c r="GL23" s="117">
        <v>43659</v>
      </c>
      <c r="GM23" s="117">
        <v>0</v>
      </c>
      <c r="GN23" s="117">
        <v>0</v>
      </c>
      <c r="GO23" s="117">
        <v>0</v>
      </c>
      <c r="GP23" s="116">
        <v>43659</v>
      </c>
      <c r="GQ23" s="119">
        <v>43659</v>
      </c>
      <c r="GR23" s="113">
        <v>32900</v>
      </c>
      <c r="GS23" s="117">
        <v>20790</v>
      </c>
      <c r="GT23" s="116">
        <v>53690</v>
      </c>
      <c r="GU23" s="113">
        <v>0</v>
      </c>
      <c r="GV23" s="117">
        <v>0</v>
      </c>
      <c r="GW23" s="117">
        <v>280000</v>
      </c>
      <c r="GX23" s="117">
        <v>0</v>
      </c>
      <c r="GY23" s="117">
        <v>0</v>
      </c>
      <c r="GZ23" s="117">
        <v>0</v>
      </c>
      <c r="HA23" s="115">
        <v>280000</v>
      </c>
      <c r="HB23" s="119">
        <v>333690</v>
      </c>
      <c r="HC23" s="113">
        <v>104955</v>
      </c>
      <c r="HD23" s="117">
        <v>0</v>
      </c>
      <c r="HE23" s="115">
        <v>104955</v>
      </c>
      <c r="HF23" s="114">
        <v>0</v>
      </c>
      <c r="HG23" s="117">
        <v>1580481</v>
      </c>
      <c r="HH23" s="117">
        <v>1694894</v>
      </c>
      <c r="HI23" s="117">
        <v>1821485</v>
      </c>
      <c r="HJ23" s="117">
        <v>2629567</v>
      </c>
      <c r="HK23" s="117">
        <v>2273969</v>
      </c>
      <c r="HL23" s="116">
        <v>10000396</v>
      </c>
      <c r="HM23" s="112">
        <v>10105351</v>
      </c>
      <c r="HN23" s="373"/>
      <c r="HO23" s="374"/>
      <c r="HP23" s="375"/>
      <c r="HQ23" s="376"/>
      <c r="HR23" s="374"/>
      <c r="HS23" s="374"/>
      <c r="HT23" s="374"/>
      <c r="HU23" s="374"/>
      <c r="HV23" s="374"/>
      <c r="HW23" s="377"/>
      <c r="HX23" s="378"/>
      <c r="HY23" s="148">
        <v>0</v>
      </c>
      <c r="HZ23" s="149">
        <v>0</v>
      </c>
      <c r="IA23" s="150">
        <v>0</v>
      </c>
      <c r="IB23" s="162">
        <v>0</v>
      </c>
      <c r="IC23" s="149">
        <v>1172025</v>
      </c>
      <c r="ID23" s="163">
        <v>1296321</v>
      </c>
      <c r="IE23" s="150">
        <v>900625</v>
      </c>
      <c r="IF23" s="149">
        <v>706550</v>
      </c>
      <c r="IG23" s="150">
        <v>1060910</v>
      </c>
      <c r="IH23" s="164">
        <v>5136431</v>
      </c>
      <c r="II23" s="156">
        <v>5136431</v>
      </c>
      <c r="IJ23" s="259">
        <v>0</v>
      </c>
      <c r="IK23" s="266">
        <v>0</v>
      </c>
      <c r="IL23" s="267">
        <v>0</v>
      </c>
      <c r="IM23" s="157"/>
      <c r="IN23" s="123">
        <v>0</v>
      </c>
      <c r="IO23" s="123">
        <v>0</v>
      </c>
      <c r="IP23" s="123">
        <v>0</v>
      </c>
      <c r="IQ23" s="123">
        <v>0</v>
      </c>
      <c r="IR23" s="123">
        <v>237450</v>
      </c>
      <c r="IS23" s="158">
        <v>237450</v>
      </c>
      <c r="IT23" s="360">
        <v>237450</v>
      </c>
      <c r="IU23" s="159">
        <v>0</v>
      </c>
      <c r="IV23" s="123">
        <v>0</v>
      </c>
      <c r="IW23" s="124">
        <v>0</v>
      </c>
      <c r="IX23" s="161"/>
      <c r="IY23" s="123">
        <v>0</v>
      </c>
      <c r="IZ23" s="123">
        <v>0</v>
      </c>
      <c r="JA23" s="123">
        <v>0</v>
      </c>
      <c r="JB23" s="123">
        <v>0</v>
      </c>
      <c r="JC23" s="123">
        <v>0</v>
      </c>
      <c r="JD23" s="124">
        <v>0</v>
      </c>
      <c r="JE23" s="125">
        <v>0</v>
      </c>
      <c r="JF23" s="159">
        <v>0</v>
      </c>
      <c r="JG23" s="123">
        <v>0</v>
      </c>
      <c r="JH23" s="158">
        <v>0</v>
      </c>
      <c r="JI23" s="122">
        <v>0</v>
      </c>
      <c r="JJ23" s="123">
        <v>771259</v>
      </c>
      <c r="JK23" s="123">
        <v>569288</v>
      </c>
      <c r="JL23" s="123">
        <v>367713</v>
      </c>
      <c r="JM23" s="123">
        <v>63390</v>
      </c>
      <c r="JN23" s="123">
        <v>0</v>
      </c>
      <c r="JO23" s="124">
        <v>1771650</v>
      </c>
      <c r="JP23" s="360">
        <v>1771650</v>
      </c>
      <c r="JQ23" s="159">
        <v>0</v>
      </c>
      <c r="JR23" s="123">
        <v>0</v>
      </c>
      <c r="JS23" s="158">
        <v>0</v>
      </c>
      <c r="JT23" s="122">
        <v>0</v>
      </c>
      <c r="JU23" s="123">
        <v>0</v>
      </c>
      <c r="JV23" s="123">
        <v>0</v>
      </c>
      <c r="JW23" s="123">
        <v>322914</v>
      </c>
      <c r="JX23" s="123">
        <v>0</v>
      </c>
      <c r="JY23" s="123">
        <v>0</v>
      </c>
      <c r="JZ23" s="124">
        <v>322914</v>
      </c>
      <c r="KA23" s="360">
        <v>322914</v>
      </c>
      <c r="KB23" s="262">
        <v>0</v>
      </c>
      <c r="KC23" s="256">
        <v>0</v>
      </c>
      <c r="KD23" s="124">
        <v>0</v>
      </c>
      <c r="KE23" s="122">
        <v>0</v>
      </c>
      <c r="KF23" s="123">
        <v>202428</v>
      </c>
      <c r="KG23" s="123">
        <v>508469</v>
      </c>
      <c r="KH23" s="123">
        <v>0</v>
      </c>
      <c r="KI23" s="123">
        <v>0</v>
      </c>
      <c r="KJ23" s="123">
        <v>0</v>
      </c>
      <c r="KK23" s="124">
        <v>710897</v>
      </c>
      <c r="KL23" s="160">
        <v>710897</v>
      </c>
      <c r="KM23" s="259">
        <v>0</v>
      </c>
      <c r="KN23" s="266">
        <v>0</v>
      </c>
      <c r="KO23" s="267">
        <v>0</v>
      </c>
      <c r="KP23" s="395"/>
      <c r="KQ23" s="123">
        <v>198338</v>
      </c>
      <c r="KR23" s="123">
        <v>218564</v>
      </c>
      <c r="KS23" s="123">
        <v>209998</v>
      </c>
      <c r="KT23" s="123">
        <v>223443</v>
      </c>
      <c r="KU23" s="123">
        <v>227064</v>
      </c>
      <c r="KV23" s="124">
        <v>1077407</v>
      </c>
      <c r="KW23" s="360">
        <v>1077407</v>
      </c>
      <c r="KX23" s="159">
        <v>0</v>
      </c>
      <c r="KY23" s="123">
        <v>0</v>
      </c>
      <c r="KZ23" s="124">
        <v>0</v>
      </c>
      <c r="LA23" s="395"/>
      <c r="LB23" s="123">
        <v>0</v>
      </c>
      <c r="LC23" s="123">
        <v>0</v>
      </c>
      <c r="LD23" s="123">
        <v>0</v>
      </c>
      <c r="LE23" s="123">
        <v>0</v>
      </c>
      <c r="LF23" s="123">
        <v>0</v>
      </c>
      <c r="LG23" s="124">
        <v>0</v>
      </c>
      <c r="LH23" s="125">
        <v>0</v>
      </c>
      <c r="LI23" s="159">
        <v>0</v>
      </c>
      <c r="LJ23" s="123">
        <v>0</v>
      </c>
      <c r="LK23" s="124">
        <v>0</v>
      </c>
      <c r="LL23" s="395"/>
      <c r="LM23" s="123">
        <v>0</v>
      </c>
      <c r="LN23" s="123">
        <v>0</v>
      </c>
      <c r="LO23" s="123">
        <v>0</v>
      </c>
      <c r="LP23" s="123">
        <v>0</v>
      </c>
      <c r="LQ23" s="123">
        <v>0</v>
      </c>
      <c r="LR23" s="124">
        <v>0</v>
      </c>
      <c r="LS23" s="360">
        <v>0</v>
      </c>
      <c r="LT23" s="159">
        <v>0</v>
      </c>
      <c r="LU23" s="123">
        <v>0</v>
      </c>
      <c r="LV23" s="124">
        <v>0</v>
      </c>
      <c r="LW23" s="395"/>
      <c r="LX23" s="123">
        <v>0</v>
      </c>
      <c r="LY23" s="123">
        <v>0</v>
      </c>
      <c r="LZ23" s="123">
        <v>0</v>
      </c>
      <c r="MA23" s="123">
        <v>419717</v>
      </c>
      <c r="MB23" s="123">
        <v>596396</v>
      </c>
      <c r="MC23" s="124">
        <v>1016113</v>
      </c>
      <c r="MD23" s="125">
        <v>1016113</v>
      </c>
      <c r="ME23" s="159">
        <v>0</v>
      </c>
      <c r="MF23" s="123">
        <v>0</v>
      </c>
      <c r="MG23" s="124">
        <v>0</v>
      </c>
      <c r="MH23" s="395"/>
      <c r="MI23" s="123">
        <v>408044</v>
      </c>
      <c r="MJ23" s="123">
        <v>228459</v>
      </c>
      <c r="MK23" s="123">
        <v>2561918</v>
      </c>
      <c r="ML23" s="123">
        <v>4907871</v>
      </c>
      <c r="MM23" s="123">
        <v>2429299</v>
      </c>
      <c r="MN23" s="124">
        <v>10535591</v>
      </c>
      <c r="MO23" s="160">
        <v>10535591</v>
      </c>
      <c r="MP23" s="159">
        <v>0</v>
      </c>
      <c r="MQ23" s="123">
        <v>0</v>
      </c>
      <c r="MR23" s="124">
        <v>0</v>
      </c>
      <c r="MS23" s="395"/>
      <c r="MT23" s="123">
        <v>0</v>
      </c>
      <c r="MU23" s="123">
        <v>0</v>
      </c>
      <c r="MV23" s="123">
        <v>1288393</v>
      </c>
      <c r="MW23" s="123">
        <v>3834934</v>
      </c>
      <c r="MX23" s="123">
        <v>766762</v>
      </c>
      <c r="MY23" s="124">
        <v>5890089</v>
      </c>
      <c r="MZ23" s="160">
        <v>5890089</v>
      </c>
      <c r="NA23" s="159">
        <v>0</v>
      </c>
      <c r="NB23" s="123">
        <v>0</v>
      </c>
      <c r="NC23" s="124">
        <v>0</v>
      </c>
      <c r="ND23" s="395"/>
      <c r="NE23" s="123">
        <v>408044</v>
      </c>
      <c r="NF23" s="123">
        <v>228459</v>
      </c>
      <c r="NG23" s="123">
        <v>1273525</v>
      </c>
      <c r="NH23" s="123">
        <v>1072937</v>
      </c>
      <c r="NI23" s="123">
        <v>1390275</v>
      </c>
      <c r="NJ23" s="124">
        <v>4373240</v>
      </c>
      <c r="NK23" s="360">
        <v>4373240</v>
      </c>
      <c r="NL23" s="159">
        <v>0</v>
      </c>
      <c r="NM23" s="123">
        <v>0</v>
      </c>
      <c r="NN23" s="124">
        <v>0</v>
      </c>
      <c r="NO23" s="395"/>
      <c r="NP23" s="123">
        <v>0</v>
      </c>
      <c r="NQ23" s="123">
        <v>0</v>
      </c>
      <c r="NR23" s="123">
        <v>0</v>
      </c>
      <c r="NS23" s="123">
        <v>0</v>
      </c>
      <c r="NT23" s="123">
        <v>272262</v>
      </c>
      <c r="NU23" s="124">
        <v>272262</v>
      </c>
      <c r="NV23" s="125">
        <v>272262</v>
      </c>
      <c r="NW23" s="159">
        <v>0</v>
      </c>
      <c r="NX23" s="123">
        <v>0</v>
      </c>
      <c r="NY23" s="124">
        <v>0</v>
      </c>
      <c r="NZ23" s="395"/>
      <c r="OA23" s="123">
        <v>0</v>
      </c>
      <c r="OB23" s="123">
        <v>0</v>
      </c>
      <c r="OC23" s="123">
        <v>0</v>
      </c>
      <c r="OD23" s="123">
        <v>0</v>
      </c>
      <c r="OE23" s="123">
        <v>0</v>
      </c>
      <c r="OF23" s="124">
        <v>0</v>
      </c>
      <c r="OG23" s="125">
        <v>0</v>
      </c>
      <c r="OH23" s="159">
        <v>391965</v>
      </c>
      <c r="OI23" s="123">
        <v>498166</v>
      </c>
      <c r="OJ23" s="158">
        <v>890131</v>
      </c>
      <c r="OK23" s="122">
        <v>0</v>
      </c>
      <c r="OL23" s="123">
        <v>6487350</v>
      </c>
      <c r="OM23" s="123">
        <v>11730243</v>
      </c>
      <c r="ON23" s="123">
        <v>9839079</v>
      </c>
      <c r="OO23" s="123">
        <v>13419487</v>
      </c>
      <c r="OP23" s="123">
        <v>8375593</v>
      </c>
      <c r="OQ23" s="124">
        <v>49851752</v>
      </c>
      <c r="OR23" s="160">
        <v>50741883</v>
      </c>
    </row>
    <row r="24" spans="1:408" ht="20.25" customHeight="1" x14ac:dyDescent="0.2">
      <c r="A24" s="130" t="s">
        <v>19</v>
      </c>
      <c r="B24" s="113">
        <v>203589</v>
      </c>
      <c r="C24" s="117">
        <v>818232</v>
      </c>
      <c r="D24" s="116">
        <v>1021821</v>
      </c>
      <c r="E24" s="112">
        <v>0</v>
      </c>
      <c r="F24" s="117">
        <v>2710605</v>
      </c>
      <c r="G24" s="117">
        <v>2444181</v>
      </c>
      <c r="H24" s="117">
        <v>3511057</v>
      </c>
      <c r="I24" s="117">
        <v>1675088</v>
      </c>
      <c r="J24" s="117">
        <v>1967113</v>
      </c>
      <c r="K24" s="112">
        <v>12308044</v>
      </c>
      <c r="L24" s="119">
        <v>13329865</v>
      </c>
      <c r="M24" s="113">
        <v>125863</v>
      </c>
      <c r="N24" s="117">
        <v>138208</v>
      </c>
      <c r="O24" s="116">
        <v>264071</v>
      </c>
      <c r="P24" s="113">
        <v>0</v>
      </c>
      <c r="Q24" s="117">
        <v>598206</v>
      </c>
      <c r="R24" s="117">
        <v>854992</v>
      </c>
      <c r="S24" s="117">
        <v>1277961</v>
      </c>
      <c r="T24" s="117">
        <v>563050</v>
      </c>
      <c r="U24" s="117">
        <v>581111</v>
      </c>
      <c r="V24" s="116">
        <v>3875320</v>
      </c>
      <c r="W24" s="119">
        <v>4139391</v>
      </c>
      <c r="X24" s="113">
        <v>0</v>
      </c>
      <c r="Y24" s="117">
        <v>0</v>
      </c>
      <c r="Z24" s="116">
        <v>0</v>
      </c>
      <c r="AA24" s="113">
        <v>0</v>
      </c>
      <c r="AB24" s="117">
        <v>183980</v>
      </c>
      <c r="AC24" s="117">
        <v>288094</v>
      </c>
      <c r="AD24" s="117">
        <v>674320</v>
      </c>
      <c r="AE24" s="117">
        <v>193976</v>
      </c>
      <c r="AF24" s="117">
        <v>252134</v>
      </c>
      <c r="AG24" s="116">
        <v>1592504</v>
      </c>
      <c r="AH24" s="119">
        <v>1592504</v>
      </c>
      <c r="AI24" s="113">
        <v>0</v>
      </c>
      <c r="AJ24" s="117">
        <v>0</v>
      </c>
      <c r="AK24" s="116">
        <v>0</v>
      </c>
      <c r="AL24" s="113">
        <v>0</v>
      </c>
      <c r="AM24" s="117">
        <v>0</v>
      </c>
      <c r="AN24" s="117">
        <v>0</v>
      </c>
      <c r="AO24" s="117">
        <v>70367</v>
      </c>
      <c r="AP24" s="117">
        <v>39445</v>
      </c>
      <c r="AQ24" s="117">
        <v>51111</v>
      </c>
      <c r="AR24" s="116">
        <v>160923</v>
      </c>
      <c r="AS24" s="119">
        <v>160923</v>
      </c>
      <c r="AT24" s="113">
        <v>87608</v>
      </c>
      <c r="AU24" s="117">
        <v>95767</v>
      </c>
      <c r="AV24" s="116">
        <v>183375</v>
      </c>
      <c r="AW24" s="113">
        <v>0</v>
      </c>
      <c r="AX24" s="117">
        <v>284756</v>
      </c>
      <c r="AY24" s="117">
        <v>420662</v>
      </c>
      <c r="AZ24" s="117">
        <v>258859</v>
      </c>
      <c r="BA24" s="117">
        <v>229571</v>
      </c>
      <c r="BB24" s="117">
        <v>185347</v>
      </c>
      <c r="BC24" s="116">
        <v>1379195</v>
      </c>
      <c r="BD24" s="119">
        <v>1562570</v>
      </c>
      <c r="BE24" s="113">
        <v>0</v>
      </c>
      <c r="BF24" s="117">
        <v>0</v>
      </c>
      <c r="BG24" s="115">
        <v>0</v>
      </c>
      <c r="BH24" s="114">
        <v>0</v>
      </c>
      <c r="BI24" s="117">
        <v>51392</v>
      </c>
      <c r="BJ24" s="117">
        <v>37988</v>
      </c>
      <c r="BK24" s="117">
        <v>67824</v>
      </c>
      <c r="BL24" s="117">
        <v>0</v>
      </c>
      <c r="BM24" s="117">
        <v>0</v>
      </c>
      <c r="BN24" s="116">
        <v>157204</v>
      </c>
      <c r="BO24" s="119">
        <v>157204</v>
      </c>
      <c r="BP24" s="113">
        <v>38255</v>
      </c>
      <c r="BQ24" s="117">
        <v>42441</v>
      </c>
      <c r="BR24" s="116">
        <v>80696</v>
      </c>
      <c r="BS24" s="113">
        <v>0</v>
      </c>
      <c r="BT24" s="117">
        <v>78078</v>
      </c>
      <c r="BU24" s="117">
        <v>108248</v>
      </c>
      <c r="BV24" s="117">
        <v>206591</v>
      </c>
      <c r="BW24" s="117">
        <v>100058</v>
      </c>
      <c r="BX24" s="117">
        <v>92519</v>
      </c>
      <c r="BY24" s="116">
        <v>585494</v>
      </c>
      <c r="BZ24" s="119">
        <v>666190</v>
      </c>
      <c r="CA24" s="113">
        <v>18513</v>
      </c>
      <c r="CB24" s="117">
        <v>134293</v>
      </c>
      <c r="CC24" s="116">
        <v>152806</v>
      </c>
      <c r="CD24" s="113">
        <v>0</v>
      </c>
      <c r="CE24" s="117">
        <v>1172391</v>
      </c>
      <c r="CF24" s="117">
        <v>574042</v>
      </c>
      <c r="CG24" s="117">
        <v>584144</v>
      </c>
      <c r="CH24" s="117">
        <v>470280</v>
      </c>
      <c r="CI24" s="117">
        <v>362005</v>
      </c>
      <c r="CJ24" s="116">
        <v>3162862</v>
      </c>
      <c r="CK24" s="119">
        <v>3315668</v>
      </c>
      <c r="CL24" s="113">
        <v>0</v>
      </c>
      <c r="CM24" s="117">
        <v>0</v>
      </c>
      <c r="CN24" s="116">
        <v>0</v>
      </c>
      <c r="CO24" s="114">
        <v>0</v>
      </c>
      <c r="CP24" s="117">
        <v>859938</v>
      </c>
      <c r="CQ24" s="117">
        <v>379709</v>
      </c>
      <c r="CR24" s="117">
        <v>364525</v>
      </c>
      <c r="CS24" s="117">
        <v>46689</v>
      </c>
      <c r="CT24" s="117">
        <v>237170</v>
      </c>
      <c r="CU24" s="116">
        <v>1888031</v>
      </c>
      <c r="CV24" s="119">
        <v>1888031</v>
      </c>
      <c r="CW24" s="113">
        <v>18513</v>
      </c>
      <c r="CX24" s="117">
        <v>134293</v>
      </c>
      <c r="CY24" s="116">
        <v>152806</v>
      </c>
      <c r="CZ24" s="113">
        <v>0</v>
      </c>
      <c r="DA24" s="117">
        <v>312453</v>
      </c>
      <c r="DB24" s="117">
        <v>194333</v>
      </c>
      <c r="DC24" s="117">
        <v>219619</v>
      </c>
      <c r="DD24" s="117">
        <v>423591</v>
      </c>
      <c r="DE24" s="117">
        <v>124835</v>
      </c>
      <c r="DF24" s="116">
        <v>1274831</v>
      </c>
      <c r="DG24" s="119">
        <v>1427637</v>
      </c>
      <c r="DH24" s="113">
        <v>0</v>
      </c>
      <c r="DI24" s="117">
        <v>16030</v>
      </c>
      <c r="DJ24" s="115">
        <v>16030</v>
      </c>
      <c r="DK24" s="114">
        <v>0</v>
      </c>
      <c r="DL24" s="117">
        <v>0</v>
      </c>
      <c r="DM24" s="117">
        <v>115114</v>
      </c>
      <c r="DN24" s="117">
        <v>133168</v>
      </c>
      <c r="DO24" s="117">
        <v>72558</v>
      </c>
      <c r="DP24" s="117">
        <v>80562</v>
      </c>
      <c r="DQ24" s="116">
        <v>401402</v>
      </c>
      <c r="DR24" s="119">
        <v>417432</v>
      </c>
      <c r="DS24" s="113">
        <v>0</v>
      </c>
      <c r="DT24" s="117">
        <v>16030</v>
      </c>
      <c r="DU24" s="116">
        <v>16030</v>
      </c>
      <c r="DV24" s="113">
        <v>0</v>
      </c>
      <c r="DW24" s="117">
        <v>0</v>
      </c>
      <c r="DX24" s="117">
        <v>89520</v>
      </c>
      <c r="DY24" s="117">
        <v>133168</v>
      </c>
      <c r="DZ24" s="117">
        <v>0</v>
      </c>
      <c r="EA24" s="117">
        <v>80562</v>
      </c>
      <c r="EB24" s="116">
        <v>303250</v>
      </c>
      <c r="EC24" s="119">
        <v>319280</v>
      </c>
      <c r="ED24" s="113">
        <v>0</v>
      </c>
      <c r="EE24" s="115">
        <v>0</v>
      </c>
      <c r="EF24" s="116">
        <v>0</v>
      </c>
      <c r="EG24" s="113">
        <v>0</v>
      </c>
      <c r="EH24" s="117">
        <v>0</v>
      </c>
      <c r="EI24" s="117">
        <v>25594</v>
      </c>
      <c r="EJ24" s="117">
        <v>0</v>
      </c>
      <c r="EK24" s="117">
        <v>72558</v>
      </c>
      <c r="EL24" s="117">
        <v>0</v>
      </c>
      <c r="EM24" s="115">
        <v>98152</v>
      </c>
      <c r="EN24" s="119">
        <v>98152</v>
      </c>
      <c r="EO24" s="113">
        <v>0</v>
      </c>
      <c r="EP24" s="117">
        <v>0</v>
      </c>
      <c r="EQ24" s="115">
        <v>0</v>
      </c>
      <c r="ER24" s="114">
        <v>0</v>
      </c>
      <c r="ES24" s="117">
        <v>0</v>
      </c>
      <c r="ET24" s="117">
        <v>0</v>
      </c>
      <c r="EU24" s="117">
        <v>0</v>
      </c>
      <c r="EV24" s="117">
        <v>0</v>
      </c>
      <c r="EW24" s="117">
        <v>0</v>
      </c>
      <c r="EX24" s="116">
        <v>0</v>
      </c>
      <c r="EY24" s="119">
        <v>0</v>
      </c>
      <c r="EZ24" s="113">
        <v>0</v>
      </c>
      <c r="FA24" s="117">
        <v>0</v>
      </c>
      <c r="FB24" s="115">
        <v>0</v>
      </c>
      <c r="FC24" s="395"/>
      <c r="FD24" s="117">
        <v>0</v>
      </c>
      <c r="FE24" s="117">
        <v>0</v>
      </c>
      <c r="FF24" s="117">
        <v>0</v>
      </c>
      <c r="FG24" s="117">
        <v>0</v>
      </c>
      <c r="FH24" s="117">
        <v>0</v>
      </c>
      <c r="FI24" s="116">
        <v>0</v>
      </c>
      <c r="FJ24" s="119">
        <v>0</v>
      </c>
      <c r="FK24" s="113">
        <v>12460</v>
      </c>
      <c r="FL24" s="117">
        <v>122558</v>
      </c>
      <c r="FM24" s="116">
        <v>135018</v>
      </c>
      <c r="FN24" s="113">
        <v>0</v>
      </c>
      <c r="FO24" s="117">
        <v>104454</v>
      </c>
      <c r="FP24" s="117">
        <v>284683</v>
      </c>
      <c r="FQ24" s="117">
        <v>306992</v>
      </c>
      <c r="FR24" s="117">
        <v>196343</v>
      </c>
      <c r="FS24" s="117">
        <v>97825</v>
      </c>
      <c r="FT24" s="116">
        <v>990297</v>
      </c>
      <c r="FU24" s="119">
        <v>1125315</v>
      </c>
      <c r="FV24" s="118">
        <v>12460</v>
      </c>
      <c r="FW24" s="117">
        <v>54040</v>
      </c>
      <c r="FX24" s="115">
        <v>66500</v>
      </c>
      <c r="FY24" s="114">
        <v>0</v>
      </c>
      <c r="FZ24" s="117">
        <v>87822</v>
      </c>
      <c r="GA24" s="117">
        <v>233772</v>
      </c>
      <c r="GB24" s="117">
        <v>271992</v>
      </c>
      <c r="GC24" s="117">
        <v>196343</v>
      </c>
      <c r="GD24" s="117">
        <v>97825</v>
      </c>
      <c r="GE24" s="116">
        <v>887754</v>
      </c>
      <c r="GF24" s="357">
        <v>954254</v>
      </c>
      <c r="GG24" s="118">
        <v>0</v>
      </c>
      <c r="GH24" s="117">
        <v>0</v>
      </c>
      <c r="GI24" s="115">
        <v>0</v>
      </c>
      <c r="GJ24" s="114">
        <v>0</v>
      </c>
      <c r="GK24" s="117">
        <v>16632</v>
      </c>
      <c r="GL24" s="117">
        <v>18711</v>
      </c>
      <c r="GM24" s="117">
        <v>0</v>
      </c>
      <c r="GN24" s="117">
        <v>0</v>
      </c>
      <c r="GO24" s="117">
        <v>0</v>
      </c>
      <c r="GP24" s="116">
        <v>35343</v>
      </c>
      <c r="GQ24" s="119">
        <v>35343</v>
      </c>
      <c r="GR24" s="113">
        <v>0</v>
      </c>
      <c r="GS24" s="117">
        <v>68518</v>
      </c>
      <c r="GT24" s="116">
        <v>68518</v>
      </c>
      <c r="GU24" s="113">
        <v>0</v>
      </c>
      <c r="GV24" s="117">
        <v>0</v>
      </c>
      <c r="GW24" s="117">
        <v>32200</v>
      </c>
      <c r="GX24" s="117">
        <v>35000</v>
      </c>
      <c r="GY24" s="117">
        <v>0</v>
      </c>
      <c r="GZ24" s="117">
        <v>0</v>
      </c>
      <c r="HA24" s="115">
        <v>67200</v>
      </c>
      <c r="HB24" s="119">
        <v>135718</v>
      </c>
      <c r="HC24" s="113">
        <v>46753</v>
      </c>
      <c r="HD24" s="117">
        <v>407143</v>
      </c>
      <c r="HE24" s="115">
        <v>453896</v>
      </c>
      <c r="HF24" s="114">
        <v>0</v>
      </c>
      <c r="HG24" s="117">
        <v>835554</v>
      </c>
      <c r="HH24" s="117">
        <v>615350</v>
      </c>
      <c r="HI24" s="117">
        <v>1208792</v>
      </c>
      <c r="HJ24" s="117">
        <v>372857</v>
      </c>
      <c r="HK24" s="117">
        <v>845610</v>
      </c>
      <c r="HL24" s="116">
        <v>3878163</v>
      </c>
      <c r="HM24" s="112">
        <v>4332059</v>
      </c>
      <c r="HN24" s="373"/>
      <c r="HO24" s="374"/>
      <c r="HP24" s="375"/>
      <c r="HQ24" s="376"/>
      <c r="HR24" s="374"/>
      <c r="HS24" s="374"/>
      <c r="HT24" s="374"/>
      <c r="HU24" s="374"/>
      <c r="HV24" s="374"/>
      <c r="HW24" s="377"/>
      <c r="HX24" s="378"/>
      <c r="HY24" s="166">
        <v>0</v>
      </c>
      <c r="HZ24" s="152">
        <v>0</v>
      </c>
      <c r="IA24" s="166">
        <v>0</v>
      </c>
      <c r="IB24" s="151">
        <v>0</v>
      </c>
      <c r="IC24" s="152">
        <v>633534</v>
      </c>
      <c r="ID24" s="153">
        <v>1032280</v>
      </c>
      <c r="IE24" s="154">
        <v>624932</v>
      </c>
      <c r="IF24" s="152">
        <v>1369034</v>
      </c>
      <c r="IG24" s="154">
        <v>425390</v>
      </c>
      <c r="IH24" s="155">
        <v>4085170</v>
      </c>
      <c r="II24" s="166">
        <v>4085170</v>
      </c>
      <c r="IJ24" s="259">
        <v>0</v>
      </c>
      <c r="IK24" s="266">
        <v>0</v>
      </c>
      <c r="IL24" s="267">
        <v>0</v>
      </c>
      <c r="IM24" s="157"/>
      <c r="IN24" s="123">
        <v>0</v>
      </c>
      <c r="IO24" s="123">
        <v>0</v>
      </c>
      <c r="IP24" s="123">
        <v>152294</v>
      </c>
      <c r="IQ24" s="123">
        <v>348568</v>
      </c>
      <c r="IR24" s="123">
        <v>175003</v>
      </c>
      <c r="IS24" s="158">
        <v>675865</v>
      </c>
      <c r="IT24" s="360">
        <v>675865</v>
      </c>
      <c r="IU24" s="159">
        <v>0</v>
      </c>
      <c r="IV24" s="123">
        <v>0</v>
      </c>
      <c r="IW24" s="124">
        <v>0</v>
      </c>
      <c r="IX24" s="161"/>
      <c r="IY24" s="123">
        <v>0</v>
      </c>
      <c r="IZ24" s="123">
        <v>0</v>
      </c>
      <c r="JA24" s="123">
        <v>0</v>
      </c>
      <c r="JB24" s="123">
        <v>8725</v>
      </c>
      <c r="JC24" s="123">
        <v>0</v>
      </c>
      <c r="JD24" s="124">
        <v>8725</v>
      </c>
      <c r="JE24" s="125">
        <v>8725</v>
      </c>
      <c r="JF24" s="159">
        <v>0</v>
      </c>
      <c r="JG24" s="123">
        <v>0</v>
      </c>
      <c r="JH24" s="158">
        <v>0</v>
      </c>
      <c r="JI24" s="122">
        <v>0</v>
      </c>
      <c r="JJ24" s="123">
        <v>268800</v>
      </c>
      <c r="JK24" s="123">
        <v>216496</v>
      </c>
      <c r="JL24" s="123">
        <v>209394</v>
      </c>
      <c r="JM24" s="123">
        <v>131844</v>
      </c>
      <c r="JN24" s="123">
        <v>0</v>
      </c>
      <c r="JO24" s="124">
        <v>826534</v>
      </c>
      <c r="JP24" s="360">
        <v>826534</v>
      </c>
      <c r="JQ24" s="159">
        <v>0</v>
      </c>
      <c r="JR24" s="123">
        <v>0</v>
      </c>
      <c r="JS24" s="158">
        <v>0</v>
      </c>
      <c r="JT24" s="122">
        <v>0</v>
      </c>
      <c r="JU24" s="123">
        <v>34332</v>
      </c>
      <c r="JV24" s="123">
        <v>186831</v>
      </c>
      <c r="JW24" s="123">
        <v>48991</v>
      </c>
      <c r="JX24" s="123">
        <v>0</v>
      </c>
      <c r="JY24" s="123">
        <v>0</v>
      </c>
      <c r="JZ24" s="124">
        <v>270154</v>
      </c>
      <c r="KA24" s="360">
        <v>270154</v>
      </c>
      <c r="KB24" s="262">
        <v>0</v>
      </c>
      <c r="KC24" s="256">
        <v>0</v>
      </c>
      <c r="KD24" s="124">
        <v>0</v>
      </c>
      <c r="KE24" s="122">
        <v>0</v>
      </c>
      <c r="KF24" s="123">
        <v>116424</v>
      </c>
      <c r="KG24" s="123">
        <v>405649</v>
      </c>
      <c r="KH24" s="123">
        <v>214253</v>
      </c>
      <c r="KI24" s="123">
        <v>879897</v>
      </c>
      <c r="KJ24" s="123">
        <v>250387</v>
      </c>
      <c r="KK24" s="124">
        <v>1866610</v>
      </c>
      <c r="KL24" s="160">
        <v>1866610</v>
      </c>
      <c r="KM24" s="259">
        <v>0</v>
      </c>
      <c r="KN24" s="266">
        <v>0</v>
      </c>
      <c r="KO24" s="267">
        <v>0</v>
      </c>
      <c r="KP24" s="395"/>
      <c r="KQ24" s="123">
        <v>213978</v>
      </c>
      <c r="KR24" s="123">
        <v>223304</v>
      </c>
      <c r="KS24" s="123">
        <v>0</v>
      </c>
      <c r="KT24" s="123">
        <v>0</v>
      </c>
      <c r="KU24" s="123">
        <v>0</v>
      </c>
      <c r="KV24" s="124">
        <v>437282</v>
      </c>
      <c r="KW24" s="360">
        <v>437282</v>
      </c>
      <c r="KX24" s="159">
        <v>0</v>
      </c>
      <c r="KY24" s="123">
        <v>0</v>
      </c>
      <c r="KZ24" s="124">
        <v>0</v>
      </c>
      <c r="LA24" s="395"/>
      <c r="LB24" s="123">
        <v>0</v>
      </c>
      <c r="LC24" s="123">
        <v>0</v>
      </c>
      <c r="LD24" s="123">
        <v>0</v>
      </c>
      <c r="LE24" s="123">
        <v>0</v>
      </c>
      <c r="LF24" s="123">
        <v>0</v>
      </c>
      <c r="LG24" s="124">
        <v>0</v>
      </c>
      <c r="LH24" s="125">
        <v>0</v>
      </c>
      <c r="LI24" s="159">
        <v>0</v>
      </c>
      <c r="LJ24" s="123">
        <v>0</v>
      </c>
      <c r="LK24" s="124">
        <v>0</v>
      </c>
      <c r="LL24" s="395"/>
      <c r="LM24" s="123">
        <v>0</v>
      </c>
      <c r="LN24" s="123">
        <v>0</v>
      </c>
      <c r="LO24" s="123">
        <v>0</v>
      </c>
      <c r="LP24" s="123">
        <v>0</v>
      </c>
      <c r="LQ24" s="123">
        <v>0</v>
      </c>
      <c r="LR24" s="124">
        <v>0</v>
      </c>
      <c r="LS24" s="360">
        <v>0</v>
      </c>
      <c r="LT24" s="159">
        <v>0</v>
      </c>
      <c r="LU24" s="123">
        <v>0</v>
      </c>
      <c r="LV24" s="124">
        <v>0</v>
      </c>
      <c r="LW24" s="395"/>
      <c r="LX24" s="123">
        <v>0</v>
      </c>
      <c r="LY24" s="123">
        <v>0</v>
      </c>
      <c r="LZ24" s="123">
        <v>0</v>
      </c>
      <c r="MA24" s="123">
        <v>0</v>
      </c>
      <c r="MB24" s="123">
        <v>0</v>
      </c>
      <c r="MC24" s="124">
        <v>0</v>
      </c>
      <c r="MD24" s="125">
        <v>0</v>
      </c>
      <c r="ME24" s="159">
        <v>0</v>
      </c>
      <c r="MF24" s="123">
        <v>0</v>
      </c>
      <c r="MG24" s="124">
        <v>0</v>
      </c>
      <c r="MH24" s="395"/>
      <c r="MI24" s="123">
        <v>210545</v>
      </c>
      <c r="MJ24" s="123">
        <v>640609</v>
      </c>
      <c r="MK24" s="123">
        <v>1593034</v>
      </c>
      <c r="ML24" s="123">
        <v>2723332</v>
      </c>
      <c r="MM24" s="123">
        <v>998015</v>
      </c>
      <c r="MN24" s="124">
        <v>6165535</v>
      </c>
      <c r="MO24" s="160">
        <v>6165535</v>
      </c>
      <c r="MP24" s="159">
        <v>0</v>
      </c>
      <c r="MQ24" s="123">
        <v>0</v>
      </c>
      <c r="MR24" s="124">
        <v>0</v>
      </c>
      <c r="MS24" s="395"/>
      <c r="MT24" s="123">
        <v>0</v>
      </c>
      <c r="MU24" s="123">
        <v>0</v>
      </c>
      <c r="MV24" s="123">
        <v>368543</v>
      </c>
      <c r="MW24" s="123">
        <v>2406922</v>
      </c>
      <c r="MX24" s="123">
        <v>865603</v>
      </c>
      <c r="MY24" s="124">
        <v>3641068</v>
      </c>
      <c r="MZ24" s="160">
        <v>3641068</v>
      </c>
      <c r="NA24" s="159">
        <v>0</v>
      </c>
      <c r="NB24" s="123">
        <v>0</v>
      </c>
      <c r="NC24" s="124">
        <v>0</v>
      </c>
      <c r="ND24" s="395"/>
      <c r="NE24" s="123">
        <v>210545</v>
      </c>
      <c r="NF24" s="123">
        <v>640609</v>
      </c>
      <c r="NG24" s="123">
        <v>1224491</v>
      </c>
      <c r="NH24" s="123">
        <v>0</v>
      </c>
      <c r="NI24" s="123">
        <v>132412</v>
      </c>
      <c r="NJ24" s="124">
        <v>2208057</v>
      </c>
      <c r="NK24" s="360">
        <v>2208057</v>
      </c>
      <c r="NL24" s="159">
        <v>0</v>
      </c>
      <c r="NM24" s="123">
        <v>0</v>
      </c>
      <c r="NN24" s="124">
        <v>0</v>
      </c>
      <c r="NO24" s="395"/>
      <c r="NP24" s="123">
        <v>0</v>
      </c>
      <c r="NQ24" s="123">
        <v>0</v>
      </c>
      <c r="NR24" s="123">
        <v>0</v>
      </c>
      <c r="NS24" s="123">
        <v>0</v>
      </c>
      <c r="NT24" s="123">
        <v>0</v>
      </c>
      <c r="NU24" s="124">
        <v>0</v>
      </c>
      <c r="NV24" s="125">
        <v>0</v>
      </c>
      <c r="NW24" s="159">
        <v>0</v>
      </c>
      <c r="NX24" s="123">
        <v>0</v>
      </c>
      <c r="NY24" s="124">
        <v>0</v>
      </c>
      <c r="NZ24" s="395"/>
      <c r="OA24" s="123">
        <v>0</v>
      </c>
      <c r="OB24" s="123">
        <v>0</v>
      </c>
      <c r="OC24" s="123">
        <v>0</v>
      </c>
      <c r="OD24" s="123">
        <v>316410</v>
      </c>
      <c r="OE24" s="123">
        <v>0</v>
      </c>
      <c r="OF24" s="124">
        <v>316410</v>
      </c>
      <c r="OG24" s="125">
        <v>316410</v>
      </c>
      <c r="OH24" s="159">
        <v>203589</v>
      </c>
      <c r="OI24" s="123">
        <v>818232</v>
      </c>
      <c r="OJ24" s="158">
        <v>1021821</v>
      </c>
      <c r="OK24" s="122">
        <v>0</v>
      </c>
      <c r="OL24" s="123">
        <v>3554684</v>
      </c>
      <c r="OM24" s="123">
        <v>4117070</v>
      </c>
      <c r="ON24" s="123">
        <v>5729023</v>
      </c>
      <c r="OO24" s="123">
        <v>5767454</v>
      </c>
      <c r="OP24" s="123">
        <v>3390518</v>
      </c>
      <c r="OQ24" s="124">
        <v>22558749</v>
      </c>
      <c r="OR24" s="160">
        <v>23580570</v>
      </c>
    </row>
    <row r="25" spans="1:408" ht="20.25" customHeight="1" x14ac:dyDescent="0.2">
      <c r="A25" s="130" t="s">
        <v>20</v>
      </c>
      <c r="B25" s="113">
        <v>208293</v>
      </c>
      <c r="C25" s="117">
        <v>697502</v>
      </c>
      <c r="D25" s="116">
        <v>905795</v>
      </c>
      <c r="E25" s="113">
        <v>0</v>
      </c>
      <c r="F25" s="117">
        <v>3872343</v>
      </c>
      <c r="G25" s="117">
        <v>2797362</v>
      </c>
      <c r="H25" s="117">
        <v>2684506</v>
      </c>
      <c r="I25" s="117">
        <v>3893152</v>
      </c>
      <c r="J25" s="117">
        <v>1960746</v>
      </c>
      <c r="K25" s="198">
        <v>15208109</v>
      </c>
      <c r="L25" s="119">
        <v>16113904</v>
      </c>
      <c r="M25" s="113">
        <v>92905</v>
      </c>
      <c r="N25" s="117">
        <v>183124</v>
      </c>
      <c r="O25" s="116">
        <v>276029</v>
      </c>
      <c r="P25" s="113">
        <v>0</v>
      </c>
      <c r="Q25" s="117">
        <v>1631564</v>
      </c>
      <c r="R25" s="117">
        <v>710983</v>
      </c>
      <c r="S25" s="117">
        <v>741407</v>
      </c>
      <c r="T25" s="117">
        <v>1165870</v>
      </c>
      <c r="U25" s="117">
        <v>686674</v>
      </c>
      <c r="V25" s="116">
        <v>4936498</v>
      </c>
      <c r="W25" s="119">
        <v>5212527</v>
      </c>
      <c r="X25" s="113">
        <v>0</v>
      </c>
      <c r="Y25" s="117">
        <v>0</v>
      </c>
      <c r="Z25" s="116">
        <v>0</v>
      </c>
      <c r="AA25" s="113">
        <v>0</v>
      </c>
      <c r="AB25" s="117">
        <v>668036</v>
      </c>
      <c r="AC25" s="117">
        <v>193680</v>
      </c>
      <c r="AD25" s="117">
        <v>236234</v>
      </c>
      <c r="AE25" s="117">
        <v>714753</v>
      </c>
      <c r="AF25" s="117">
        <v>221892</v>
      </c>
      <c r="AG25" s="116">
        <v>2034595</v>
      </c>
      <c r="AH25" s="119">
        <v>2034595</v>
      </c>
      <c r="AI25" s="113">
        <v>0</v>
      </c>
      <c r="AJ25" s="117">
        <v>0</v>
      </c>
      <c r="AK25" s="116">
        <v>0</v>
      </c>
      <c r="AL25" s="113">
        <v>0</v>
      </c>
      <c r="AM25" s="117">
        <v>30776</v>
      </c>
      <c r="AN25" s="117">
        <v>0</v>
      </c>
      <c r="AO25" s="117">
        <v>40746</v>
      </c>
      <c r="AP25" s="117">
        <v>30776</v>
      </c>
      <c r="AQ25" s="117">
        <v>251245</v>
      </c>
      <c r="AR25" s="116">
        <v>353543</v>
      </c>
      <c r="AS25" s="119">
        <v>353543</v>
      </c>
      <c r="AT25" s="113">
        <v>37002</v>
      </c>
      <c r="AU25" s="117">
        <v>103136</v>
      </c>
      <c r="AV25" s="116">
        <v>140138</v>
      </c>
      <c r="AW25" s="113">
        <v>0</v>
      </c>
      <c r="AX25" s="117">
        <v>642365</v>
      </c>
      <c r="AY25" s="117">
        <v>271484</v>
      </c>
      <c r="AZ25" s="117">
        <v>290455</v>
      </c>
      <c r="BA25" s="117">
        <v>182677</v>
      </c>
      <c r="BB25" s="117">
        <v>82116</v>
      </c>
      <c r="BC25" s="116">
        <v>1469097</v>
      </c>
      <c r="BD25" s="119">
        <v>1609235</v>
      </c>
      <c r="BE25" s="113">
        <v>52277</v>
      </c>
      <c r="BF25" s="117">
        <v>67185</v>
      </c>
      <c r="BG25" s="115">
        <v>119462</v>
      </c>
      <c r="BH25" s="114">
        <v>0</v>
      </c>
      <c r="BI25" s="117">
        <v>80765</v>
      </c>
      <c r="BJ25" s="117">
        <v>93422</v>
      </c>
      <c r="BK25" s="117">
        <v>93773</v>
      </c>
      <c r="BL25" s="117">
        <v>0</v>
      </c>
      <c r="BM25" s="117">
        <v>26750</v>
      </c>
      <c r="BN25" s="116">
        <v>294710</v>
      </c>
      <c r="BO25" s="119">
        <v>414172</v>
      </c>
      <c r="BP25" s="113">
        <v>3626</v>
      </c>
      <c r="BQ25" s="117">
        <v>12803</v>
      </c>
      <c r="BR25" s="116">
        <v>16429</v>
      </c>
      <c r="BS25" s="113">
        <v>0</v>
      </c>
      <c r="BT25" s="117">
        <v>209622</v>
      </c>
      <c r="BU25" s="117">
        <v>152397</v>
      </c>
      <c r="BV25" s="117">
        <v>80199</v>
      </c>
      <c r="BW25" s="117">
        <v>237664</v>
      </c>
      <c r="BX25" s="117">
        <v>104671</v>
      </c>
      <c r="BY25" s="116">
        <v>784553</v>
      </c>
      <c r="BZ25" s="119">
        <v>800982</v>
      </c>
      <c r="CA25" s="113">
        <v>36837</v>
      </c>
      <c r="CB25" s="117">
        <v>71677</v>
      </c>
      <c r="CC25" s="116">
        <v>108514</v>
      </c>
      <c r="CD25" s="113">
        <v>0</v>
      </c>
      <c r="CE25" s="117">
        <v>906428</v>
      </c>
      <c r="CF25" s="117">
        <v>1055226</v>
      </c>
      <c r="CG25" s="117">
        <v>675094</v>
      </c>
      <c r="CH25" s="117">
        <v>440874</v>
      </c>
      <c r="CI25" s="117">
        <v>567968</v>
      </c>
      <c r="CJ25" s="116">
        <v>3645590</v>
      </c>
      <c r="CK25" s="119">
        <v>3754104</v>
      </c>
      <c r="CL25" s="113">
        <v>0</v>
      </c>
      <c r="CM25" s="117">
        <v>0</v>
      </c>
      <c r="CN25" s="116">
        <v>0</v>
      </c>
      <c r="CO25" s="114">
        <v>0</v>
      </c>
      <c r="CP25" s="117">
        <v>397223</v>
      </c>
      <c r="CQ25" s="117">
        <v>391990</v>
      </c>
      <c r="CR25" s="117">
        <v>423324</v>
      </c>
      <c r="CS25" s="117">
        <v>272679</v>
      </c>
      <c r="CT25" s="117">
        <v>400791</v>
      </c>
      <c r="CU25" s="116">
        <v>1886007</v>
      </c>
      <c r="CV25" s="119">
        <v>1886007</v>
      </c>
      <c r="CW25" s="113">
        <v>36837</v>
      </c>
      <c r="CX25" s="117">
        <v>71677</v>
      </c>
      <c r="CY25" s="116">
        <v>108514</v>
      </c>
      <c r="CZ25" s="113">
        <v>0</v>
      </c>
      <c r="DA25" s="117">
        <v>509205</v>
      </c>
      <c r="DB25" s="117">
        <v>663236</v>
      </c>
      <c r="DC25" s="117">
        <v>251770</v>
      </c>
      <c r="DD25" s="117">
        <v>168195</v>
      </c>
      <c r="DE25" s="117">
        <v>167177</v>
      </c>
      <c r="DF25" s="116">
        <v>1759583</v>
      </c>
      <c r="DG25" s="119">
        <v>1868097</v>
      </c>
      <c r="DH25" s="113">
        <v>0</v>
      </c>
      <c r="DI25" s="117">
        <v>39690</v>
      </c>
      <c r="DJ25" s="115">
        <v>39690</v>
      </c>
      <c r="DK25" s="114">
        <v>0</v>
      </c>
      <c r="DL25" s="117">
        <v>91295</v>
      </c>
      <c r="DM25" s="117">
        <v>-67773</v>
      </c>
      <c r="DN25" s="117">
        <v>887294</v>
      </c>
      <c r="DO25" s="117">
        <v>433120</v>
      </c>
      <c r="DP25" s="117">
        <v>88363</v>
      </c>
      <c r="DQ25" s="116">
        <v>1432299</v>
      </c>
      <c r="DR25" s="119">
        <v>1471989</v>
      </c>
      <c r="DS25" s="113">
        <v>0</v>
      </c>
      <c r="DT25" s="117">
        <v>39690</v>
      </c>
      <c r="DU25" s="116">
        <v>39690</v>
      </c>
      <c r="DV25" s="113">
        <v>0</v>
      </c>
      <c r="DW25" s="117">
        <v>91295</v>
      </c>
      <c r="DX25" s="117">
        <v>-67773</v>
      </c>
      <c r="DY25" s="117">
        <v>768029</v>
      </c>
      <c r="DZ25" s="117">
        <v>433120</v>
      </c>
      <c r="EA25" s="117">
        <v>88363</v>
      </c>
      <c r="EB25" s="116">
        <v>1313034</v>
      </c>
      <c r="EC25" s="119">
        <v>1352724</v>
      </c>
      <c r="ED25" s="113">
        <v>0</v>
      </c>
      <c r="EE25" s="115">
        <v>0</v>
      </c>
      <c r="EF25" s="116">
        <v>0</v>
      </c>
      <c r="EG25" s="113">
        <v>0</v>
      </c>
      <c r="EH25" s="117">
        <v>0</v>
      </c>
      <c r="EI25" s="117">
        <v>0</v>
      </c>
      <c r="EJ25" s="117">
        <v>119265</v>
      </c>
      <c r="EK25" s="117">
        <v>0</v>
      </c>
      <c r="EL25" s="117">
        <v>0</v>
      </c>
      <c r="EM25" s="115">
        <v>119265</v>
      </c>
      <c r="EN25" s="119">
        <v>119265</v>
      </c>
      <c r="EO25" s="113">
        <v>0</v>
      </c>
      <c r="EP25" s="117">
        <v>0</v>
      </c>
      <c r="EQ25" s="115">
        <v>0</v>
      </c>
      <c r="ER25" s="114">
        <v>0</v>
      </c>
      <c r="ES25" s="117">
        <v>0</v>
      </c>
      <c r="ET25" s="117">
        <v>0</v>
      </c>
      <c r="EU25" s="117">
        <v>0</v>
      </c>
      <c r="EV25" s="117">
        <v>0</v>
      </c>
      <c r="EW25" s="117">
        <v>0</v>
      </c>
      <c r="EX25" s="116">
        <v>0</v>
      </c>
      <c r="EY25" s="119">
        <v>0</v>
      </c>
      <c r="EZ25" s="113">
        <v>0</v>
      </c>
      <c r="FA25" s="117">
        <v>0</v>
      </c>
      <c r="FB25" s="115">
        <v>0</v>
      </c>
      <c r="FC25" s="395"/>
      <c r="FD25" s="117">
        <v>0</v>
      </c>
      <c r="FE25" s="117">
        <v>0</v>
      </c>
      <c r="FF25" s="117">
        <v>0</v>
      </c>
      <c r="FG25" s="117">
        <v>0</v>
      </c>
      <c r="FH25" s="117">
        <v>0</v>
      </c>
      <c r="FI25" s="116">
        <v>0</v>
      </c>
      <c r="FJ25" s="119">
        <v>0</v>
      </c>
      <c r="FK25" s="113">
        <v>29659</v>
      </c>
      <c r="FL25" s="117">
        <v>245209</v>
      </c>
      <c r="FM25" s="116">
        <v>274868</v>
      </c>
      <c r="FN25" s="113">
        <v>0</v>
      </c>
      <c r="FO25" s="117">
        <v>190897</v>
      </c>
      <c r="FP25" s="117">
        <v>271978</v>
      </c>
      <c r="FQ25" s="117">
        <v>208341</v>
      </c>
      <c r="FR25" s="117">
        <v>180243</v>
      </c>
      <c r="FS25" s="117">
        <v>204596</v>
      </c>
      <c r="FT25" s="116">
        <v>1056055</v>
      </c>
      <c r="FU25" s="119">
        <v>1330923</v>
      </c>
      <c r="FV25" s="118">
        <v>29659</v>
      </c>
      <c r="FW25" s="117">
        <v>60410</v>
      </c>
      <c r="FX25" s="115">
        <v>90069</v>
      </c>
      <c r="FY25" s="114">
        <v>0</v>
      </c>
      <c r="FZ25" s="117">
        <v>190897</v>
      </c>
      <c r="GA25" s="117">
        <v>240128</v>
      </c>
      <c r="GB25" s="117">
        <v>208341</v>
      </c>
      <c r="GC25" s="117">
        <v>166243</v>
      </c>
      <c r="GD25" s="117">
        <v>183806</v>
      </c>
      <c r="GE25" s="116">
        <v>989415</v>
      </c>
      <c r="GF25" s="357">
        <v>1079484</v>
      </c>
      <c r="GG25" s="118">
        <v>0</v>
      </c>
      <c r="GH25" s="117">
        <v>0</v>
      </c>
      <c r="GI25" s="115">
        <v>0</v>
      </c>
      <c r="GJ25" s="114">
        <v>0</v>
      </c>
      <c r="GK25" s="117">
        <v>0</v>
      </c>
      <c r="GL25" s="117">
        <v>0</v>
      </c>
      <c r="GM25" s="117">
        <v>0</v>
      </c>
      <c r="GN25" s="117">
        <v>0</v>
      </c>
      <c r="GO25" s="117">
        <v>20790</v>
      </c>
      <c r="GP25" s="116">
        <v>20790</v>
      </c>
      <c r="GQ25" s="119">
        <v>20790</v>
      </c>
      <c r="GR25" s="113">
        <v>0</v>
      </c>
      <c r="GS25" s="117">
        <v>184799</v>
      </c>
      <c r="GT25" s="116">
        <v>184799</v>
      </c>
      <c r="GU25" s="113">
        <v>0</v>
      </c>
      <c r="GV25" s="117">
        <v>0</v>
      </c>
      <c r="GW25" s="117">
        <v>31850</v>
      </c>
      <c r="GX25" s="117">
        <v>0</v>
      </c>
      <c r="GY25" s="117">
        <v>14000</v>
      </c>
      <c r="GZ25" s="117">
        <v>0</v>
      </c>
      <c r="HA25" s="115">
        <v>45850</v>
      </c>
      <c r="HB25" s="119">
        <v>230649</v>
      </c>
      <c r="HC25" s="113">
        <v>48892</v>
      </c>
      <c r="HD25" s="117">
        <v>157802</v>
      </c>
      <c r="HE25" s="115">
        <v>206694</v>
      </c>
      <c r="HF25" s="114">
        <v>0</v>
      </c>
      <c r="HG25" s="117">
        <v>1052159</v>
      </c>
      <c r="HH25" s="117">
        <v>826948</v>
      </c>
      <c r="HI25" s="117">
        <v>172370</v>
      </c>
      <c r="HJ25" s="117">
        <v>1673045</v>
      </c>
      <c r="HK25" s="117">
        <v>413145</v>
      </c>
      <c r="HL25" s="116">
        <v>4137667</v>
      </c>
      <c r="HM25" s="112">
        <v>4344361</v>
      </c>
      <c r="HN25" s="373"/>
      <c r="HO25" s="374"/>
      <c r="HP25" s="375"/>
      <c r="HQ25" s="376"/>
      <c r="HR25" s="374"/>
      <c r="HS25" s="374"/>
      <c r="HT25" s="374"/>
      <c r="HU25" s="374"/>
      <c r="HV25" s="374"/>
      <c r="HW25" s="377"/>
      <c r="HX25" s="378"/>
      <c r="HY25" s="148">
        <v>0</v>
      </c>
      <c r="HZ25" s="149">
        <v>0</v>
      </c>
      <c r="IA25" s="150">
        <v>0</v>
      </c>
      <c r="IB25" s="162">
        <v>0</v>
      </c>
      <c r="IC25" s="149">
        <v>662142</v>
      </c>
      <c r="ID25" s="163">
        <v>467321</v>
      </c>
      <c r="IE25" s="150">
        <v>218277</v>
      </c>
      <c r="IF25" s="149">
        <v>323636</v>
      </c>
      <c r="IG25" s="150">
        <v>21263</v>
      </c>
      <c r="IH25" s="164">
        <v>1692639</v>
      </c>
      <c r="II25" s="156">
        <v>1692639</v>
      </c>
      <c r="IJ25" s="259">
        <v>0</v>
      </c>
      <c r="IK25" s="266">
        <v>0</v>
      </c>
      <c r="IL25" s="267">
        <v>0</v>
      </c>
      <c r="IM25" s="157"/>
      <c r="IN25" s="123">
        <v>0</v>
      </c>
      <c r="IO25" s="123">
        <v>0</v>
      </c>
      <c r="IP25" s="123">
        <v>0</v>
      </c>
      <c r="IQ25" s="123">
        <v>0</v>
      </c>
      <c r="IR25" s="123">
        <v>0</v>
      </c>
      <c r="IS25" s="158">
        <v>0</v>
      </c>
      <c r="IT25" s="360">
        <v>0</v>
      </c>
      <c r="IU25" s="159">
        <v>0</v>
      </c>
      <c r="IV25" s="123">
        <v>0</v>
      </c>
      <c r="IW25" s="124">
        <v>0</v>
      </c>
      <c r="IX25" s="161"/>
      <c r="IY25" s="123">
        <v>0</v>
      </c>
      <c r="IZ25" s="123">
        <v>0</v>
      </c>
      <c r="JA25" s="123">
        <v>0</v>
      </c>
      <c r="JB25" s="123">
        <v>0</v>
      </c>
      <c r="JC25" s="123">
        <v>0</v>
      </c>
      <c r="JD25" s="124">
        <v>0</v>
      </c>
      <c r="JE25" s="125">
        <v>0</v>
      </c>
      <c r="JF25" s="159">
        <v>0</v>
      </c>
      <c r="JG25" s="123">
        <v>0</v>
      </c>
      <c r="JH25" s="158">
        <v>0</v>
      </c>
      <c r="JI25" s="122">
        <v>0</v>
      </c>
      <c r="JJ25" s="123">
        <v>159918</v>
      </c>
      <c r="JK25" s="123">
        <v>222360</v>
      </c>
      <c r="JL25" s="123">
        <v>0</v>
      </c>
      <c r="JM25" s="123">
        <v>22089</v>
      </c>
      <c r="JN25" s="123">
        <v>21263</v>
      </c>
      <c r="JO25" s="124">
        <v>425630</v>
      </c>
      <c r="JP25" s="360">
        <v>425630</v>
      </c>
      <c r="JQ25" s="159">
        <v>0</v>
      </c>
      <c r="JR25" s="123">
        <v>0</v>
      </c>
      <c r="JS25" s="158">
        <v>0</v>
      </c>
      <c r="JT25" s="122">
        <v>0</v>
      </c>
      <c r="JU25" s="123">
        <v>0</v>
      </c>
      <c r="JV25" s="123">
        <v>0</v>
      </c>
      <c r="JW25" s="123">
        <v>0</v>
      </c>
      <c r="JX25" s="123">
        <v>69015</v>
      </c>
      <c r="JY25" s="123">
        <v>0</v>
      </c>
      <c r="JZ25" s="124">
        <v>69015</v>
      </c>
      <c r="KA25" s="360">
        <v>69015</v>
      </c>
      <c r="KB25" s="262">
        <v>0</v>
      </c>
      <c r="KC25" s="256">
        <v>0</v>
      </c>
      <c r="KD25" s="124">
        <v>0</v>
      </c>
      <c r="KE25" s="122">
        <v>0</v>
      </c>
      <c r="KF25" s="123">
        <v>84521</v>
      </c>
      <c r="KG25" s="123">
        <v>244961</v>
      </c>
      <c r="KH25" s="123">
        <v>0</v>
      </c>
      <c r="KI25" s="123">
        <v>0</v>
      </c>
      <c r="KJ25" s="123">
        <v>0</v>
      </c>
      <c r="KK25" s="124">
        <v>329482</v>
      </c>
      <c r="KL25" s="160">
        <v>329482</v>
      </c>
      <c r="KM25" s="259">
        <v>0</v>
      </c>
      <c r="KN25" s="266">
        <v>0</v>
      </c>
      <c r="KO25" s="267">
        <v>0</v>
      </c>
      <c r="KP25" s="395"/>
      <c r="KQ25" s="123">
        <v>417703</v>
      </c>
      <c r="KR25" s="123">
        <v>0</v>
      </c>
      <c r="KS25" s="123">
        <v>218277</v>
      </c>
      <c r="KT25" s="123">
        <v>232532</v>
      </c>
      <c r="KU25" s="123">
        <v>0</v>
      </c>
      <c r="KV25" s="124">
        <v>868512</v>
      </c>
      <c r="KW25" s="360">
        <v>868512</v>
      </c>
      <c r="KX25" s="159">
        <v>0</v>
      </c>
      <c r="KY25" s="123">
        <v>0</v>
      </c>
      <c r="KZ25" s="124">
        <v>0</v>
      </c>
      <c r="LA25" s="395"/>
      <c r="LB25" s="123">
        <v>0</v>
      </c>
      <c r="LC25" s="123">
        <v>0</v>
      </c>
      <c r="LD25" s="123">
        <v>0</v>
      </c>
      <c r="LE25" s="123">
        <v>0</v>
      </c>
      <c r="LF25" s="123">
        <v>0</v>
      </c>
      <c r="LG25" s="124">
        <v>0</v>
      </c>
      <c r="LH25" s="125">
        <v>0</v>
      </c>
      <c r="LI25" s="159">
        <v>0</v>
      </c>
      <c r="LJ25" s="123">
        <v>0</v>
      </c>
      <c r="LK25" s="124">
        <v>0</v>
      </c>
      <c r="LL25" s="395"/>
      <c r="LM25" s="123">
        <v>0</v>
      </c>
      <c r="LN25" s="123">
        <v>0</v>
      </c>
      <c r="LO25" s="123">
        <v>0</v>
      </c>
      <c r="LP25" s="123">
        <v>0</v>
      </c>
      <c r="LQ25" s="123">
        <v>0</v>
      </c>
      <c r="LR25" s="124">
        <v>0</v>
      </c>
      <c r="LS25" s="360">
        <v>0</v>
      </c>
      <c r="LT25" s="159">
        <v>0</v>
      </c>
      <c r="LU25" s="123">
        <v>0</v>
      </c>
      <c r="LV25" s="124">
        <v>0</v>
      </c>
      <c r="LW25" s="395"/>
      <c r="LX25" s="123">
        <v>0</v>
      </c>
      <c r="LY25" s="123">
        <v>0</v>
      </c>
      <c r="LZ25" s="123">
        <v>0</v>
      </c>
      <c r="MA25" s="123">
        <v>0</v>
      </c>
      <c r="MB25" s="123">
        <v>0</v>
      </c>
      <c r="MC25" s="124">
        <v>0</v>
      </c>
      <c r="MD25" s="125">
        <v>0</v>
      </c>
      <c r="ME25" s="159">
        <v>0</v>
      </c>
      <c r="MF25" s="123">
        <v>0</v>
      </c>
      <c r="MG25" s="124">
        <v>0</v>
      </c>
      <c r="MH25" s="395"/>
      <c r="MI25" s="123">
        <v>149620</v>
      </c>
      <c r="MJ25" s="123">
        <v>695471</v>
      </c>
      <c r="MK25" s="123">
        <v>1664064</v>
      </c>
      <c r="ML25" s="123">
        <v>1936225</v>
      </c>
      <c r="MM25" s="123">
        <v>574220</v>
      </c>
      <c r="MN25" s="124">
        <v>5019600</v>
      </c>
      <c r="MO25" s="160">
        <v>5019600</v>
      </c>
      <c r="MP25" s="159">
        <v>0</v>
      </c>
      <c r="MQ25" s="123">
        <v>0</v>
      </c>
      <c r="MR25" s="124">
        <v>0</v>
      </c>
      <c r="MS25" s="395"/>
      <c r="MT25" s="123">
        <v>0</v>
      </c>
      <c r="MU25" s="123">
        <v>209933</v>
      </c>
      <c r="MV25" s="123">
        <v>822783</v>
      </c>
      <c r="MW25" s="123">
        <v>1661572</v>
      </c>
      <c r="MX25" s="123">
        <v>574220</v>
      </c>
      <c r="MY25" s="124">
        <v>3268508</v>
      </c>
      <c r="MZ25" s="160">
        <v>3268508</v>
      </c>
      <c r="NA25" s="159">
        <v>0</v>
      </c>
      <c r="NB25" s="123">
        <v>0</v>
      </c>
      <c r="NC25" s="124">
        <v>0</v>
      </c>
      <c r="ND25" s="395"/>
      <c r="NE25" s="123">
        <v>149620</v>
      </c>
      <c r="NF25" s="123">
        <v>485538</v>
      </c>
      <c r="NG25" s="123">
        <v>841281</v>
      </c>
      <c r="NH25" s="123">
        <v>274653</v>
      </c>
      <c r="NI25" s="123">
        <v>0</v>
      </c>
      <c r="NJ25" s="124">
        <v>1751092</v>
      </c>
      <c r="NK25" s="360">
        <v>1751092</v>
      </c>
      <c r="NL25" s="159">
        <v>0</v>
      </c>
      <c r="NM25" s="123">
        <v>0</v>
      </c>
      <c r="NN25" s="124">
        <v>0</v>
      </c>
      <c r="NO25" s="395"/>
      <c r="NP25" s="123">
        <v>0</v>
      </c>
      <c r="NQ25" s="123">
        <v>0</v>
      </c>
      <c r="NR25" s="123">
        <v>0</v>
      </c>
      <c r="NS25" s="123">
        <v>0</v>
      </c>
      <c r="NT25" s="123">
        <v>0</v>
      </c>
      <c r="NU25" s="124">
        <v>0</v>
      </c>
      <c r="NV25" s="125">
        <v>0</v>
      </c>
      <c r="NW25" s="159">
        <v>0</v>
      </c>
      <c r="NX25" s="123">
        <v>0</v>
      </c>
      <c r="NY25" s="124">
        <v>0</v>
      </c>
      <c r="NZ25" s="395"/>
      <c r="OA25" s="123">
        <v>0</v>
      </c>
      <c r="OB25" s="123">
        <v>0</v>
      </c>
      <c r="OC25" s="123">
        <v>0</v>
      </c>
      <c r="OD25" s="123">
        <v>0</v>
      </c>
      <c r="OE25" s="123">
        <v>0</v>
      </c>
      <c r="OF25" s="124">
        <v>0</v>
      </c>
      <c r="OG25" s="125">
        <v>0</v>
      </c>
      <c r="OH25" s="159">
        <v>208293</v>
      </c>
      <c r="OI25" s="123">
        <v>697502</v>
      </c>
      <c r="OJ25" s="158">
        <v>905795</v>
      </c>
      <c r="OK25" s="122">
        <v>0</v>
      </c>
      <c r="OL25" s="123">
        <v>4684105</v>
      </c>
      <c r="OM25" s="123">
        <v>3960154</v>
      </c>
      <c r="ON25" s="123">
        <v>4566847</v>
      </c>
      <c r="OO25" s="123">
        <v>6153013</v>
      </c>
      <c r="OP25" s="123">
        <v>2556229</v>
      </c>
      <c r="OQ25" s="124">
        <v>21920348</v>
      </c>
      <c r="OR25" s="160">
        <v>22826143</v>
      </c>
    </row>
    <row r="26" spans="1:408" ht="20.25" customHeight="1" x14ac:dyDescent="0.2">
      <c r="A26" s="130" t="s">
        <v>21</v>
      </c>
      <c r="B26" s="113">
        <v>333574</v>
      </c>
      <c r="C26" s="117">
        <v>303627</v>
      </c>
      <c r="D26" s="116">
        <v>637201</v>
      </c>
      <c r="E26" s="112">
        <v>0</v>
      </c>
      <c r="F26" s="117">
        <v>1947428</v>
      </c>
      <c r="G26" s="117">
        <v>3254150</v>
      </c>
      <c r="H26" s="117">
        <v>1995201</v>
      </c>
      <c r="I26" s="117">
        <v>1936151</v>
      </c>
      <c r="J26" s="117">
        <v>2056473</v>
      </c>
      <c r="K26" s="198">
        <v>11189403</v>
      </c>
      <c r="L26" s="119">
        <v>11826604</v>
      </c>
      <c r="M26" s="113">
        <v>104518</v>
      </c>
      <c r="N26" s="117">
        <v>92437</v>
      </c>
      <c r="O26" s="116">
        <v>196955</v>
      </c>
      <c r="P26" s="113">
        <v>0</v>
      </c>
      <c r="Q26" s="117">
        <v>762797</v>
      </c>
      <c r="R26" s="117">
        <v>916085</v>
      </c>
      <c r="S26" s="117">
        <v>661729</v>
      </c>
      <c r="T26" s="117">
        <v>507130</v>
      </c>
      <c r="U26" s="117">
        <v>677332</v>
      </c>
      <c r="V26" s="116">
        <v>3525073</v>
      </c>
      <c r="W26" s="119">
        <v>3722028</v>
      </c>
      <c r="X26" s="113">
        <v>0</v>
      </c>
      <c r="Y26" s="117">
        <v>0</v>
      </c>
      <c r="Z26" s="116">
        <v>0</v>
      </c>
      <c r="AA26" s="113">
        <v>0</v>
      </c>
      <c r="AB26" s="117">
        <v>300906</v>
      </c>
      <c r="AC26" s="117">
        <v>337425</v>
      </c>
      <c r="AD26" s="117">
        <v>164993</v>
      </c>
      <c r="AE26" s="117">
        <v>180044</v>
      </c>
      <c r="AF26" s="117">
        <v>201424</v>
      </c>
      <c r="AG26" s="116">
        <v>1184792</v>
      </c>
      <c r="AH26" s="119">
        <v>1184792</v>
      </c>
      <c r="AI26" s="113">
        <v>0</v>
      </c>
      <c r="AJ26" s="117">
        <v>0</v>
      </c>
      <c r="AK26" s="116">
        <v>0</v>
      </c>
      <c r="AL26" s="113">
        <v>0</v>
      </c>
      <c r="AM26" s="117">
        <v>0</v>
      </c>
      <c r="AN26" s="117">
        <v>0</v>
      </c>
      <c r="AO26" s="117">
        <v>81011</v>
      </c>
      <c r="AP26" s="117">
        <v>92330</v>
      </c>
      <c r="AQ26" s="117">
        <v>90130</v>
      </c>
      <c r="AR26" s="116">
        <v>263471</v>
      </c>
      <c r="AS26" s="119">
        <v>263471</v>
      </c>
      <c r="AT26" s="113">
        <v>52783</v>
      </c>
      <c r="AU26" s="117">
        <v>66929</v>
      </c>
      <c r="AV26" s="116">
        <v>119712</v>
      </c>
      <c r="AW26" s="113">
        <v>0</v>
      </c>
      <c r="AX26" s="117">
        <v>388307</v>
      </c>
      <c r="AY26" s="117">
        <v>395967</v>
      </c>
      <c r="AZ26" s="117">
        <v>283470</v>
      </c>
      <c r="BA26" s="117">
        <v>165092</v>
      </c>
      <c r="BB26" s="117">
        <v>181611</v>
      </c>
      <c r="BC26" s="116">
        <v>1414447</v>
      </c>
      <c r="BD26" s="119">
        <v>1534159</v>
      </c>
      <c r="BE26" s="113">
        <v>9245</v>
      </c>
      <c r="BF26" s="117">
        <v>0</v>
      </c>
      <c r="BG26" s="115">
        <v>9245</v>
      </c>
      <c r="BH26" s="114">
        <v>0</v>
      </c>
      <c r="BI26" s="117">
        <v>0</v>
      </c>
      <c r="BJ26" s="117">
        <v>49441</v>
      </c>
      <c r="BK26" s="117">
        <v>18491</v>
      </c>
      <c r="BL26" s="117">
        <v>0</v>
      </c>
      <c r="BM26" s="117">
        <v>28026</v>
      </c>
      <c r="BN26" s="116">
        <v>95958</v>
      </c>
      <c r="BO26" s="119">
        <v>105203</v>
      </c>
      <c r="BP26" s="113">
        <v>42490</v>
      </c>
      <c r="BQ26" s="117">
        <v>25508</v>
      </c>
      <c r="BR26" s="116">
        <v>67998</v>
      </c>
      <c r="BS26" s="113">
        <v>0</v>
      </c>
      <c r="BT26" s="117">
        <v>73584</v>
      </c>
      <c r="BU26" s="117">
        <v>133252</v>
      </c>
      <c r="BV26" s="117">
        <v>113764</v>
      </c>
      <c r="BW26" s="117">
        <v>69664</v>
      </c>
      <c r="BX26" s="117">
        <v>176141</v>
      </c>
      <c r="BY26" s="116">
        <v>566405</v>
      </c>
      <c r="BZ26" s="119">
        <v>634403</v>
      </c>
      <c r="CA26" s="113">
        <v>35853</v>
      </c>
      <c r="CB26" s="117">
        <v>33195</v>
      </c>
      <c r="CC26" s="116">
        <v>69048</v>
      </c>
      <c r="CD26" s="113">
        <v>0</v>
      </c>
      <c r="CE26" s="117">
        <v>816777</v>
      </c>
      <c r="CF26" s="117">
        <v>1109151</v>
      </c>
      <c r="CG26" s="117">
        <v>293805</v>
      </c>
      <c r="CH26" s="117">
        <v>549800</v>
      </c>
      <c r="CI26" s="117">
        <v>259218</v>
      </c>
      <c r="CJ26" s="116">
        <v>3028751</v>
      </c>
      <c r="CK26" s="119">
        <v>3097799</v>
      </c>
      <c r="CL26" s="113">
        <v>0</v>
      </c>
      <c r="CM26" s="117">
        <v>0</v>
      </c>
      <c r="CN26" s="116">
        <v>0</v>
      </c>
      <c r="CO26" s="114">
        <v>0</v>
      </c>
      <c r="CP26" s="117">
        <v>816777</v>
      </c>
      <c r="CQ26" s="117">
        <v>985492</v>
      </c>
      <c r="CR26" s="117">
        <v>228752</v>
      </c>
      <c r="CS26" s="117">
        <v>495307</v>
      </c>
      <c r="CT26" s="117">
        <v>131245</v>
      </c>
      <c r="CU26" s="116">
        <v>2657573</v>
      </c>
      <c r="CV26" s="119">
        <v>2657573</v>
      </c>
      <c r="CW26" s="113">
        <v>35853</v>
      </c>
      <c r="CX26" s="117">
        <v>33195</v>
      </c>
      <c r="CY26" s="116">
        <v>69048</v>
      </c>
      <c r="CZ26" s="113">
        <v>0</v>
      </c>
      <c r="DA26" s="117">
        <v>0</v>
      </c>
      <c r="DB26" s="117">
        <v>123659</v>
      </c>
      <c r="DC26" s="117">
        <v>65053</v>
      </c>
      <c r="DD26" s="117">
        <v>54493</v>
      </c>
      <c r="DE26" s="117">
        <v>127973</v>
      </c>
      <c r="DF26" s="116">
        <v>371178</v>
      </c>
      <c r="DG26" s="119">
        <v>440226</v>
      </c>
      <c r="DH26" s="113">
        <v>0</v>
      </c>
      <c r="DI26" s="117">
        <v>0</v>
      </c>
      <c r="DJ26" s="115">
        <v>0</v>
      </c>
      <c r="DK26" s="114">
        <v>0</v>
      </c>
      <c r="DL26" s="117">
        <v>15087</v>
      </c>
      <c r="DM26" s="117">
        <v>73161</v>
      </c>
      <c r="DN26" s="117">
        <v>234738</v>
      </c>
      <c r="DO26" s="117">
        <v>130773</v>
      </c>
      <c r="DP26" s="117">
        <v>140926</v>
      </c>
      <c r="DQ26" s="116">
        <v>594685</v>
      </c>
      <c r="DR26" s="119">
        <v>594685</v>
      </c>
      <c r="DS26" s="113">
        <v>0</v>
      </c>
      <c r="DT26" s="117">
        <v>0</v>
      </c>
      <c r="DU26" s="116">
        <v>0</v>
      </c>
      <c r="DV26" s="113">
        <v>0</v>
      </c>
      <c r="DW26" s="117">
        <v>15087</v>
      </c>
      <c r="DX26" s="117">
        <v>18263</v>
      </c>
      <c r="DY26" s="117">
        <v>234738</v>
      </c>
      <c r="DZ26" s="117">
        <v>130773</v>
      </c>
      <c r="EA26" s="117">
        <v>0</v>
      </c>
      <c r="EB26" s="116">
        <v>398861</v>
      </c>
      <c r="EC26" s="119">
        <v>398861</v>
      </c>
      <c r="ED26" s="113">
        <v>0</v>
      </c>
      <c r="EE26" s="115">
        <v>0</v>
      </c>
      <c r="EF26" s="116">
        <v>0</v>
      </c>
      <c r="EG26" s="113">
        <v>0</v>
      </c>
      <c r="EH26" s="117">
        <v>0</v>
      </c>
      <c r="EI26" s="117">
        <v>54898</v>
      </c>
      <c r="EJ26" s="117">
        <v>0</v>
      </c>
      <c r="EK26" s="117">
        <v>0</v>
      </c>
      <c r="EL26" s="117">
        <v>140926</v>
      </c>
      <c r="EM26" s="115">
        <v>195824</v>
      </c>
      <c r="EN26" s="119">
        <v>195824</v>
      </c>
      <c r="EO26" s="113">
        <v>0</v>
      </c>
      <c r="EP26" s="117">
        <v>0</v>
      </c>
      <c r="EQ26" s="115">
        <v>0</v>
      </c>
      <c r="ER26" s="114">
        <v>0</v>
      </c>
      <c r="ES26" s="117">
        <v>0</v>
      </c>
      <c r="ET26" s="117">
        <v>0</v>
      </c>
      <c r="EU26" s="117">
        <v>0</v>
      </c>
      <c r="EV26" s="117">
        <v>0</v>
      </c>
      <c r="EW26" s="117">
        <v>0</v>
      </c>
      <c r="EX26" s="116">
        <v>0</v>
      </c>
      <c r="EY26" s="119">
        <v>0</v>
      </c>
      <c r="EZ26" s="113">
        <v>0</v>
      </c>
      <c r="FA26" s="117">
        <v>0</v>
      </c>
      <c r="FB26" s="115">
        <v>0</v>
      </c>
      <c r="FC26" s="395"/>
      <c r="FD26" s="117">
        <v>0</v>
      </c>
      <c r="FE26" s="117">
        <v>0</v>
      </c>
      <c r="FF26" s="117">
        <v>0</v>
      </c>
      <c r="FG26" s="117">
        <v>0</v>
      </c>
      <c r="FH26" s="117">
        <v>0</v>
      </c>
      <c r="FI26" s="116">
        <v>0</v>
      </c>
      <c r="FJ26" s="119">
        <v>0</v>
      </c>
      <c r="FK26" s="113">
        <v>93464</v>
      </c>
      <c r="FL26" s="117">
        <v>12698</v>
      </c>
      <c r="FM26" s="116">
        <v>106162</v>
      </c>
      <c r="FN26" s="113">
        <v>0</v>
      </c>
      <c r="FO26" s="117">
        <v>64141</v>
      </c>
      <c r="FP26" s="117">
        <v>227598</v>
      </c>
      <c r="FQ26" s="117">
        <v>87689</v>
      </c>
      <c r="FR26" s="117">
        <v>175385</v>
      </c>
      <c r="FS26" s="117">
        <v>154105</v>
      </c>
      <c r="FT26" s="116">
        <v>708918</v>
      </c>
      <c r="FU26" s="119">
        <v>815080</v>
      </c>
      <c r="FV26" s="118">
        <v>27104</v>
      </c>
      <c r="FW26" s="117">
        <v>12698</v>
      </c>
      <c r="FX26" s="115">
        <v>39802</v>
      </c>
      <c r="FY26" s="114">
        <v>0</v>
      </c>
      <c r="FZ26" s="117">
        <v>64141</v>
      </c>
      <c r="GA26" s="117">
        <v>227598</v>
      </c>
      <c r="GB26" s="117">
        <v>87689</v>
      </c>
      <c r="GC26" s="117">
        <v>175385</v>
      </c>
      <c r="GD26" s="117">
        <v>154105</v>
      </c>
      <c r="GE26" s="116">
        <v>708918</v>
      </c>
      <c r="GF26" s="357">
        <v>748720</v>
      </c>
      <c r="GG26" s="118">
        <v>0</v>
      </c>
      <c r="GH26" s="117">
        <v>0</v>
      </c>
      <c r="GI26" s="115">
        <v>0</v>
      </c>
      <c r="GJ26" s="114">
        <v>0</v>
      </c>
      <c r="GK26" s="117">
        <v>0</v>
      </c>
      <c r="GL26" s="117">
        <v>0</v>
      </c>
      <c r="GM26" s="117">
        <v>0</v>
      </c>
      <c r="GN26" s="117">
        <v>0</v>
      </c>
      <c r="GO26" s="117">
        <v>0</v>
      </c>
      <c r="GP26" s="116">
        <v>0</v>
      </c>
      <c r="GQ26" s="119">
        <v>0</v>
      </c>
      <c r="GR26" s="113">
        <v>66360</v>
      </c>
      <c r="GS26" s="117">
        <v>0</v>
      </c>
      <c r="GT26" s="116">
        <v>66360</v>
      </c>
      <c r="GU26" s="113">
        <v>0</v>
      </c>
      <c r="GV26" s="117">
        <v>0</v>
      </c>
      <c r="GW26" s="117">
        <v>0</v>
      </c>
      <c r="GX26" s="117">
        <v>0</v>
      </c>
      <c r="GY26" s="117">
        <v>0</v>
      </c>
      <c r="GZ26" s="117">
        <v>0</v>
      </c>
      <c r="HA26" s="115">
        <v>0</v>
      </c>
      <c r="HB26" s="119">
        <v>66360</v>
      </c>
      <c r="HC26" s="113">
        <v>99739</v>
      </c>
      <c r="HD26" s="117">
        <v>165297</v>
      </c>
      <c r="HE26" s="115">
        <v>265036</v>
      </c>
      <c r="HF26" s="114">
        <v>0</v>
      </c>
      <c r="HG26" s="117">
        <v>288626</v>
      </c>
      <c r="HH26" s="117">
        <v>928155</v>
      </c>
      <c r="HI26" s="117">
        <v>717240</v>
      </c>
      <c r="HJ26" s="117">
        <v>573063</v>
      </c>
      <c r="HK26" s="117">
        <v>824892</v>
      </c>
      <c r="HL26" s="116">
        <v>3331976</v>
      </c>
      <c r="HM26" s="112">
        <v>3597012</v>
      </c>
      <c r="HN26" s="373"/>
      <c r="HO26" s="374"/>
      <c r="HP26" s="375"/>
      <c r="HQ26" s="376"/>
      <c r="HR26" s="374"/>
      <c r="HS26" s="374"/>
      <c r="HT26" s="374"/>
      <c r="HU26" s="374"/>
      <c r="HV26" s="374"/>
      <c r="HW26" s="377"/>
      <c r="HX26" s="378"/>
      <c r="HY26" s="166">
        <v>0</v>
      </c>
      <c r="HZ26" s="152">
        <v>0</v>
      </c>
      <c r="IA26" s="166">
        <v>0</v>
      </c>
      <c r="IB26" s="151">
        <v>0</v>
      </c>
      <c r="IC26" s="152">
        <v>507789</v>
      </c>
      <c r="ID26" s="153">
        <v>460986</v>
      </c>
      <c r="IE26" s="154">
        <v>517151</v>
      </c>
      <c r="IF26" s="152">
        <v>254553</v>
      </c>
      <c r="IG26" s="154">
        <v>0</v>
      </c>
      <c r="IH26" s="155">
        <v>1740479</v>
      </c>
      <c r="II26" s="166">
        <v>1740479</v>
      </c>
      <c r="IJ26" s="259">
        <v>0</v>
      </c>
      <c r="IK26" s="266">
        <v>0</v>
      </c>
      <c r="IL26" s="267">
        <v>0</v>
      </c>
      <c r="IM26" s="157"/>
      <c r="IN26" s="123">
        <v>0</v>
      </c>
      <c r="IO26" s="123">
        <v>0</v>
      </c>
      <c r="IP26" s="123">
        <v>0</v>
      </c>
      <c r="IQ26" s="123">
        <v>0</v>
      </c>
      <c r="IR26" s="123">
        <v>0</v>
      </c>
      <c r="IS26" s="158">
        <v>0</v>
      </c>
      <c r="IT26" s="360">
        <v>0</v>
      </c>
      <c r="IU26" s="159">
        <v>0</v>
      </c>
      <c r="IV26" s="123">
        <v>0</v>
      </c>
      <c r="IW26" s="124">
        <v>0</v>
      </c>
      <c r="IX26" s="161"/>
      <c r="IY26" s="123">
        <v>0</v>
      </c>
      <c r="IZ26" s="123">
        <v>0</v>
      </c>
      <c r="JA26" s="123">
        <v>0</v>
      </c>
      <c r="JB26" s="123">
        <v>0</v>
      </c>
      <c r="JC26" s="123">
        <v>0</v>
      </c>
      <c r="JD26" s="124">
        <v>0</v>
      </c>
      <c r="JE26" s="125">
        <v>0</v>
      </c>
      <c r="JF26" s="159">
        <v>0</v>
      </c>
      <c r="JG26" s="123">
        <v>0</v>
      </c>
      <c r="JH26" s="158">
        <v>0</v>
      </c>
      <c r="JI26" s="122">
        <v>0</v>
      </c>
      <c r="JJ26" s="123">
        <v>304381</v>
      </c>
      <c r="JK26" s="123">
        <v>109167</v>
      </c>
      <c r="JL26" s="123">
        <v>134727</v>
      </c>
      <c r="JM26" s="123">
        <v>29376</v>
      </c>
      <c r="JN26" s="123">
        <v>0</v>
      </c>
      <c r="JO26" s="124">
        <v>577651</v>
      </c>
      <c r="JP26" s="360">
        <v>577651</v>
      </c>
      <c r="JQ26" s="159">
        <v>0</v>
      </c>
      <c r="JR26" s="123">
        <v>0</v>
      </c>
      <c r="JS26" s="158">
        <v>0</v>
      </c>
      <c r="JT26" s="122">
        <v>0</v>
      </c>
      <c r="JU26" s="123">
        <v>0</v>
      </c>
      <c r="JV26" s="123">
        <v>0</v>
      </c>
      <c r="JW26" s="123">
        <v>0</v>
      </c>
      <c r="JX26" s="123">
        <v>0</v>
      </c>
      <c r="JY26" s="123">
        <v>0</v>
      </c>
      <c r="JZ26" s="124">
        <v>0</v>
      </c>
      <c r="KA26" s="360">
        <v>0</v>
      </c>
      <c r="KB26" s="262">
        <v>0</v>
      </c>
      <c r="KC26" s="256">
        <v>0</v>
      </c>
      <c r="KD26" s="124">
        <v>0</v>
      </c>
      <c r="KE26" s="122">
        <v>0</v>
      </c>
      <c r="KF26" s="123">
        <v>0</v>
      </c>
      <c r="KG26" s="123">
        <v>137286</v>
      </c>
      <c r="KH26" s="123">
        <v>382424</v>
      </c>
      <c r="KI26" s="123">
        <v>0</v>
      </c>
      <c r="KJ26" s="123">
        <v>0</v>
      </c>
      <c r="KK26" s="124">
        <v>519710</v>
      </c>
      <c r="KL26" s="160">
        <v>519710</v>
      </c>
      <c r="KM26" s="259">
        <v>0</v>
      </c>
      <c r="KN26" s="266">
        <v>0</v>
      </c>
      <c r="KO26" s="267">
        <v>0</v>
      </c>
      <c r="KP26" s="395"/>
      <c r="KQ26" s="123">
        <v>203408</v>
      </c>
      <c r="KR26" s="123">
        <v>214533</v>
      </c>
      <c r="KS26" s="123">
        <v>0</v>
      </c>
      <c r="KT26" s="123">
        <v>225177</v>
      </c>
      <c r="KU26" s="123">
        <v>0</v>
      </c>
      <c r="KV26" s="124">
        <v>643118</v>
      </c>
      <c r="KW26" s="360">
        <v>643118</v>
      </c>
      <c r="KX26" s="159">
        <v>0</v>
      </c>
      <c r="KY26" s="123">
        <v>0</v>
      </c>
      <c r="KZ26" s="124">
        <v>0</v>
      </c>
      <c r="LA26" s="395"/>
      <c r="LB26" s="123">
        <v>0</v>
      </c>
      <c r="LC26" s="123">
        <v>0</v>
      </c>
      <c r="LD26" s="123">
        <v>0</v>
      </c>
      <c r="LE26" s="123">
        <v>0</v>
      </c>
      <c r="LF26" s="123">
        <v>0</v>
      </c>
      <c r="LG26" s="124">
        <v>0</v>
      </c>
      <c r="LH26" s="125">
        <v>0</v>
      </c>
      <c r="LI26" s="159">
        <v>0</v>
      </c>
      <c r="LJ26" s="123">
        <v>0</v>
      </c>
      <c r="LK26" s="124">
        <v>0</v>
      </c>
      <c r="LL26" s="395"/>
      <c r="LM26" s="123">
        <v>0</v>
      </c>
      <c r="LN26" s="123">
        <v>0</v>
      </c>
      <c r="LO26" s="123">
        <v>0</v>
      </c>
      <c r="LP26" s="123">
        <v>0</v>
      </c>
      <c r="LQ26" s="123">
        <v>0</v>
      </c>
      <c r="LR26" s="124">
        <v>0</v>
      </c>
      <c r="LS26" s="360">
        <v>0</v>
      </c>
      <c r="LT26" s="159">
        <v>0</v>
      </c>
      <c r="LU26" s="123">
        <v>0</v>
      </c>
      <c r="LV26" s="124">
        <v>0</v>
      </c>
      <c r="LW26" s="395"/>
      <c r="LX26" s="123">
        <v>0</v>
      </c>
      <c r="LY26" s="123">
        <v>0</v>
      </c>
      <c r="LZ26" s="123">
        <v>0</v>
      </c>
      <c r="MA26" s="123">
        <v>0</v>
      </c>
      <c r="MB26" s="123">
        <v>0</v>
      </c>
      <c r="MC26" s="124">
        <v>0</v>
      </c>
      <c r="MD26" s="125">
        <v>0</v>
      </c>
      <c r="ME26" s="159">
        <v>0</v>
      </c>
      <c r="MF26" s="123">
        <v>0</v>
      </c>
      <c r="MG26" s="124">
        <v>0</v>
      </c>
      <c r="MH26" s="395"/>
      <c r="MI26" s="123">
        <v>0</v>
      </c>
      <c r="MJ26" s="123">
        <v>203403</v>
      </c>
      <c r="MK26" s="123">
        <v>872681</v>
      </c>
      <c r="ML26" s="123">
        <v>2307519</v>
      </c>
      <c r="MM26" s="123">
        <v>1159704</v>
      </c>
      <c r="MN26" s="124">
        <v>4543307</v>
      </c>
      <c r="MO26" s="160">
        <v>4543307</v>
      </c>
      <c r="MP26" s="159">
        <v>0</v>
      </c>
      <c r="MQ26" s="123">
        <v>0</v>
      </c>
      <c r="MR26" s="124">
        <v>0</v>
      </c>
      <c r="MS26" s="395"/>
      <c r="MT26" s="123">
        <v>0</v>
      </c>
      <c r="MU26" s="123">
        <v>0</v>
      </c>
      <c r="MV26" s="123">
        <v>446511</v>
      </c>
      <c r="MW26" s="123">
        <v>1306337</v>
      </c>
      <c r="MX26" s="123">
        <v>638590</v>
      </c>
      <c r="MY26" s="124">
        <v>2391438</v>
      </c>
      <c r="MZ26" s="160">
        <v>2391438</v>
      </c>
      <c r="NA26" s="159">
        <v>0</v>
      </c>
      <c r="NB26" s="123">
        <v>0</v>
      </c>
      <c r="NC26" s="124">
        <v>0</v>
      </c>
      <c r="ND26" s="395"/>
      <c r="NE26" s="123">
        <v>0</v>
      </c>
      <c r="NF26" s="123">
        <v>203403</v>
      </c>
      <c r="NG26" s="123">
        <v>426170</v>
      </c>
      <c r="NH26" s="123">
        <v>1001182</v>
      </c>
      <c r="NI26" s="123">
        <v>521114</v>
      </c>
      <c r="NJ26" s="124">
        <v>2151869</v>
      </c>
      <c r="NK26" s="360">
        <v>2151869</v>
      </c>
      <c r="NL26" s="159">
        <v>0</v>
      </c>
      <c r="NM26" s="123">
        <v>0</v>
      </c>
      <c r="NN26" s="124">
        <v>0</v>
      </c>
      <c r="NO26" s="395"/>
      <c r="NP26" s="123">
        <v>0</v>
      </c>
      <c r="NQ26" s="123">
        <v>0</v>
      </c>
      <c r="NR26" s="123">
        <v>0</v>
      </c>
      <c r="NS26" s="123">
        <v>0</v>
      </c>
      <c r="NT26" s="123">
        <v>0</v>
      </c>
      <c r="NU26" s="124">
        <v>0</v>
      </c>
      <c r="NV26" s="125">
        <v>0</v>
      </c>
      <c r="NW26" s="159">
        <v>0</v>
      </c>
      <c r="NX26" s="123">
        <v>0</v>
      </c>
      <c r="NY26" s="124">
        <v>0</v>
      </c>
      <c r="NZ26" s="395"/>
      <c r="OA26" s="123">
        <v>0</v>
      </c>
      <c r="OB26" s="123">
        <v>0</v>
      </c>
      <c r="OC26" s="123">
        <v>0</v>
      </c>
      <c r="OD26" s="123">
        <v>0</v>
      </c>
      <c r="OE26" s="123">
        <v>0</v>
      </c>
      <c r="OF26" s="124">
        <v>0</v>
      </c>
      <c r="OG26" s="125">
        <v>0</v>
      </c>
      <c r="OH26" s="159">
        <v>333574</v>
      </c>
      <c r="OI26" s="123">
        <v>303627</v>
      </c>
      <c r="OJ26" s="158">
        <v>637201</v>
      </c>
      <c r="OK26" s="122">
        <v>0</v>
      </c>
      <c r="OL26" s="123">
        <v>2455217</v>
      </c>
      <c r="OM26" s="123">
        <v>3918539</v>
      </c>
      <c r="ON26" s="123">
        <v>3385033</v>
      </c>
      <c r="OO26" s="123">
        <v>4498223</v>
      </c>
      <c r="OP26" s="123">
        <v>3216177</v>
      </c>
      <c r="OQ26" s="124">
        <v>17473189</v>
      </c>
      <c r="OR26" s="160">
        <v>18110390</v>
      </c>
    </row>
    <row r="27" spans="1:408" ht="20.25" customHeight="1" x14ac:dyDescent="0.2">
      <c r="A27" s="130" t="s">
        <v>22</v>
      </c>
      <c r="B27" s="113">
        <v>81242</v>
      </c>
      <c r="C27" s="117">
        <v>172508</v>
      </c>
      <c r="D27" s="116">
        <v>253750</v>
      </c>
      <c r="E27" s="112">
        <v>0</v>
      </c>
      <c r="F27" s="117">
        <v>961932</v>
      </c>
      <c r="G27" s="117">
        <v>996203</v>
      </c>
      <c r="H27" s="117">
        <v>375556</v>
      </c>
      <c r="I27" s="117">
        <v>2250531</v>
      </c>
      <c r="J27" s="117">
        <v>1404190</v>
      </c>
      <c r="K27" s="198">
        <v>5988412</v>
      </c>
      <c r="L27" s="119">
        <v>6242162</v>
      </c>
      <c r="M27" s="113">
        <v>19152</v>
      </c>
      <c r="N27" s="117">
        <v>39991</v>
      </c>
      <c r="O27" s="116">
        <v>59143</v>
      </c>
      <c r="P27" s="113">
        <v>0</v>
      </c>
      <c r="Q27" s="117">
        <v>197052</v>
      </c>
      <c r="R27" s="117">
        <v>331985</v>
      </c>
      <c r="S27" s="117">
        <v>257610</v>
      </c>
      <c r="T27" s="117">
        <v>756435</v>
      </c>
      <c r="U27" s="117">
        <v>767887</v>
      </c>
      <c r="V27" s="116">
        <v>2310969</v>
      </c>
      <c r="W27" s="119">
        <v>2370112</v>
      </c>
      <c r="X27" s="113">
        <v>0</v>
      </c>
      <c r="Y27" s="117">
        <v>0</v>
      </c>
      <c r="Z27" s="116">
        <v>0</v>
      </c>
      <c r="AA27" s="113">
        <v>0</v>
      </c>
      <c r="AB27" s="117">
        <v>75784</v>
      </c>
      <c r="AC27" s="117">
        <v>37636</v>
      </c>
      <c r="AD27" s="117">
        <v>215057</v>
      </c>
      <c r="AE27" s="117">
        <v>349601</v>
      </c>
      <c r="AF27" s="117">
        <v>267029</v>
      </c>
      <c r="AG27" s="116">
        <v>945107</v>
      </c>
      <c r="AH27" s="119">
        <v>945107</v>
      </c>
      <c r="AI27" s="113">
        <v>0</v>
      </c>
      <c r="AJ27" s="117">
        <v>0</v>
      </c>
      <c r="AK27" s="116">
        <v>0</v>
      </c>
      <c r="AL27" s="113">
        <v>0</v>
      </c>
      <c r="AM27" s="117">
        <v>0</v>
      </c>
      <c r="AN27" s="117">
        <v>0</v>
      </c>
      <c r="AO27" s="117">
        <v>0</v>
      </c>
      <c r="AP27" s="117">
        <v>67746</v>
      </c>
      <c r="AQ27" s="117">
        <v>281828</v>
      </c>
      <c r="AR27" s="116">
        <v>349574</v>
      </c>
      <c r="AS27" s="119">
        <v>349574</v>
      </c>
      <c r="AT27" s="113">
        <v>19152</v>
      </c>
      <c r="AU27" s="117">
        <v>16786</v>
      </c>
      <c r="AV27" s="116">
        <v>35938</v>
      </c>
      <c r="AW27" s="113">
        <v>0</v>
      </c>
      <c r="AX27" s="117">
        <v>66304</v>
      </c>
      <c r="AY27" s="117">
        <v>242279</v>
      </c>
      <c r="AZ27" s="117">
        <v>0</v>
      </c>
      <c r="BA27" s="117">
        <v>258756</v>
      </c>
      <c r="BB27" s="117">
        <v>200039</v>
      </c>
      <c r="BC27" s="116">
        <v>767378</v>
      </c>
      <c r="BD27" s="119">
        <v>803316</v>
      </c>
      <c r="BE27" s="113">
        <v>0</v>
      </c>
      <c r="BF27" s="117">
        <v>0</v>
      </c>
      <c r="BG27" s="115">
        <v>0</v>
      </c>
      <c r="BH27" s="114">
        <v>0</v>
      </c>
      <c r="BI27" s="117">
        <v>20076</v>
      </c>
      <c r="BJ27" s="117">
        <v>27472</v>
      </c>
      <c r="BK27" s="117">
        <v>0</v>
      </c>
      <c r="BL27" s="117">
        <v>0</v>
      </c>
      <c r="BM27" s="117">
        <v>0</v>
      </c>
      <c r="BN27" s="116">
        <v>47548</v>
      </c>
      <c r="BO27" s="119">
        <v>47548</v>
      </c>
      <c r="BP27" s="113">
        <v>0</v>
      </c>
      <c r="BQ27" s="117">
        <v>23205</v>
      </c>
      <c r="BR27" s="116">
        <v>23205</v>
      </c>
      <c r="BS27" s="113">
        <v>0</v>
      </c>
      <c r="BT27" s="117">
        <v>34888</v>
      </c>
      <c r="BU27" s="117">
        <v>24598</v>
      </c>
      <c r="BV27" s="117">
        <v>42553</v>
      </c>
      <c r="BW27" s="117">
        <v>80332</v>
      </c>
      <c r="BX27" s="117">
        <v>18991</v>
      </c>
      <c r="BY27" s="116">
        <v>201362</v>
      </c>
      <c r="BZ27" s="119">
        <v>224567</v>
      </c>
      <c r="CA27" s="113">
        <v>0</v>
      </c>
      <c r="CB27" s="117">
        <v>0</v>
      </c>
      <c r="CC27" s="116">
        <v>0</v>
      </c>
      <c r="CD27" s="113">
        <v>0</v>
      </c>
      <c r="CE27" s="117">
        <v>272724</v>
      </c>
      <c r="CF27" s="117">
        <v>426958</v>
      </c>
      <c r="CG27" s="117">
        <v>12480</v>
      </c>
      <c r="CH27" s="117">
        <v>452484</v>
      </c>
      <c r="CI27" s="117">
        <v>248353</v>
      </c>
      <c r="CJ27" s="116">
        <v>1412999</v>
      </c>
      <c r="CK27" s="119">
        <v>1412999</v>
      </c>
      <c r="CL27" s="113">
        <v>0</v>
      </c>
      <c r="CM27" s="117">
        <v>0</v>
      </c>
      <c r="CN27" s="116">
        <v>0</v>
      </c>
      <c r="CO27" s="114">
        <v>0</v>
      </c>
      <c r="CP27" s="117">
        <v>272724</v>
      </c>
      <c r="CQ27" s="117">
        <v>398622</v>
      </c>
      <c r="CR27" s="117">
        <v>0</v>
      </c>
      <c r="CS27" s="117">
        <v>366461</v>
      </c>
      <c r="CT27" s="117">
        <v>248353</v>
      </c>
      <c r="CU27" s="116">
        <v>1286160</v>
      </c>
      <c r="CV27" s="119">
        <v>1286160</v>
      </c>
      <c r="CW27" s="113">
        <v>0</v>
      </c>
      <c r="CX27" s="117">
        <v>0</v>
      </c>
      <c r="CY27" s="116">
        <v>0</v>
      </c>
      <c r="CZ27" s="113">
        <v>0</v>
      </c>
      <c r="DA27" s="117">
        <v>0</v>
      </c>
      <c r="DB27" s="117">
        <v>28336</v>
      </c>
      <c r="DC27" s="117">
        <v>12480</v>
      </c>
      <c r="DD27" s="117">
        <v>86023</v>
      </c>
      <c r="DE27" s="117">
        <v>0</v>
      </c>
      <c r="DF27" s="116">
        <v>126839</v>
      </c>
      <c r="DG27" s="119">
        <v>126839</v>
      </c>
      <c r="DH27" s="113">
        <v>0</v>
      </c>
      <c r="DI27" s="117">
        <v>0</v>
      </c>
      <c r="DJ27" s="115">
        <v>0</v>
      </c>
      <c r="DK27" s="114">
        <v>0</v>
      </c>
      <c r="DL27" s="117">
        <v>68789</v>
      </c>
      <c r="DM27" s="117">
        <v>0</v>
      </c>
      <c r="DN27" s="117">
        <v>0</v>
      </c>
      <c r="DO27" s="117">
        <v>8015</v>
      </c>
      <c r="DP27" s="117">
        <v>104231</v>
      </c>
      <c r="DQ27" s="116">
        <v>181035</v>
      </c>
      <c r="DR27" s="119">
        <v>181035</v>
      </c>
      <c r="DS27" s="113">
        <v>0</v>
      </c>
      <c r="DT27" s="117">
        <v>0</v>
      </c>
      <c r="DU27" s="116">
        <v>0</v>
      </c>
      <c r="DV27" s="113">
        <v>0</v>
      </c>
      <c r="DW27" s="117">
        <v>68789</v>
      </c>
      <c r="DX27" s="117">
        <v>0</v>
      </c>
      <c r="DY27" s="117">
        <v>0</v>
      </c>
      <c r="DZ27" s="117">
        <v>0</v>
      </c>
      <c r="EA27" s="117">
        <v>104231</v>
      </c>
      <c r="EB27" s="116">
        <v>173020</v>
      </c>
      <c r="EC27" s="119">
        <v>173020</v>
      </c>
      <c r="ED27" s="113">
        <v>0</v>
      </c>
      <c r="EE27" s="115">
        <v>0</v>
      </c>
      <c r="EF27" s="116">
        <v>0</v>
      </c>
      <c r="EG27" s="113">
        <v>0</v>
      </c>
      <c r="EH27" s="117">
        <v>0</v>
      </c>
      <c r="EI27" s="117">
        <v>0</v>
      </c>
      <c r="EJ27" s="117">
        <v>0</v>
      </c>
      <c r="EK27" s="117">
        <v>8015</v>
      </c>
      <c r="EL27" s="117">
        <v>0</v>
      </c>
      <c r="EM27" s="115">
        <v>8015</v>
      </c>
      <c r="EN27" s="119">
        <v>8015</v>
      </c>
      <c r="EO27" s="113">
        <v>0</v>
      </c>
      <c r="EP27" s="117">
        <v>0</v>
      </c>
      <c r="EQ27" s="115">
        <v>0</v>
      </c>
      <c r="ER27" s="114">
        <v>0</v>
      </c>
      <c r="ES27" s="117">
        <v>0</v>
      </c>
      <c r="ET27" s="117">
        <v>0</v>
      </c>
      <c r="EU27" s="117">
        <v>0</v>
      </c>
      <c r="EV27" s="117">
        <v>0</v>
      </c>
      <c r="EW27" s="117">
        <v>0</v>
      </c>
      <c r="EX27" s="116">
        <v>0</v>
      </c>
      <c r="EY27" s="119">
        <v>0</v>
      </c>
      <c r="EZ27" s="113">
        <v>0</v>
      </c>
      <c r="FA27" s="117">
        <v>0</v>
      </c>
      <c r="FB27" s="115">
        <v>0</v>
      </c>
      <c r="FC27" s="395"/>
      <c r="FD27" s="117">
        <v>0</v>
      </c>
      <c r="FE27" s="117">
        <v>0</v>
      </c>
      <c r="FF27" s="117">
        <v>0</v>
      </c>
      <c r="FG27" s="117">
        <v>0</v>
      </c>
      <c r="FH27" s="117">
        <v>0</v>
      </c>
      <c r="FI27" s="116">
        <v>0</v>
      </c>
      <c r="FJ27" s="119">
        <v>0</v>
      </c>
      <c r="FK27" s="113">
        <v>62090</v>
      </c>
      <c r="FL27" s="117">
        <v>56112</v>
      </c>
      <c r="FM27" s="116">
        <v>118202</v>
      </c>
      <c r="FN27" s="113">
        <v>0</v>
      </c>
      <c r="FO27" s="117">
        <v>26432</v>
      </c>
      <c r="FP27" s="117">
        <v>74655</v>
      </c>
      <c r="FQ27" s="117">
        <v>44401</v>
      </c>
      <c r="FR27" s="117">
        <v>102109</v>
      </c>
      <c r="FS27" s="117">
        <v>78673</v>
      </c>
      <c r="FT27" s="116">
        <v>326270</v>
      </c>
      <c r="FU27" s="119">
        <v>444472</v>
      </c>
      <c r="FV27" s="118">
        <v>32690</v>
      </c>
      <c r="FW27" s="117">
        <v>28812</v>
      </c>
      <c r="FX27" s="115">
        <v>61502</v>
      </c>
      <c r="FY27" s="114">
        <v>0</v>
      </c>
      <c r="FZ27" s="117">
        <v>26432</v>
      </c>
      <c r="GA27" s="117">
        <v>74655</v>
      </c>
      <c r="GB27" s="117">
        <v>44401</v>
      </c>
      <c r="GC27" s="117">
        <v>102109</v>
      </c>
      <c r="GD27" s="117">
        <v>78673</v>
      </c>
      <c r="GE27" s="116">
        <v>326270</v>
      </c>
      <c r="GF27" s="357">
        <v>387772</v>
      </c>
      <c r="GG27" s="118">
        <v>0</v>
      </c>
      <c r="GH27" s="117">
        <v>0</v>
      </c>
      <c r="GI27" s="115">
        <v>0</v>
      </c>
      <c r="GJ27" s="114">
        <v>0</v>
      </c>
      <c r="GK27" s="117">
        <v>0</v>
      </c>
      <c r="GL27" s="117">
        <v>0</v>
      </c>
      <c r="GM27" s="117">
        <v>0</v>
      </c>
      <c r="GN27" s="117">
        <v>0</v>
      </c>
      <c r="GO27" s="117">
        <v>0</v>
      </c>
      <c r="GP27" s="116">
        <v>0</v>
      </c>
      <c r="GQ27" s="119">
        <v>0</v>
      </c>
      <c r="GR27" s="113">
        <v>29400</v>
      </c>
      <c r="GS27" s="117">
        <v>27300</v>
      </c>
      <c r="GT27" s="116">
        <v>56700</v>
      </c>
      <c r="GU27" s="113">
        <v>0</v>
      </c>
      <c r="GV27" s="117">
        <v>0</v>
      </c>
      <c r="GW27" s="117">
        <v>0</v>
      </c>
      <c r="GX27" s="117">
        <v>0</v>
      </c>
      <c r="GY27" s="117">
        <v>0</v>
      </c>
      <c r="GZ27" s="117">
        <v>0</v>
      </c>
      <c r="HA27" s="115">
        <v>0</v>
      </c>
      <c r="HB27" s="119">
        <v>56700</v>
      </c>
      <c r="HC27" s="113">
        <v>0</v>
      </c>
      <c r="HD27" s="117">
        <v>76405</v>
      </c>
      <c r="HE27" s="115">
        <v>76405</v>
      </c>
      <c r="HF27" s="114">
        <v>0</v>
      </c>
      <c r="HG27" s="117">
        <v>396935</v>
      </c>
      <c r="HH27" s="117">
        <v>162605</v>
      </c>
      <c r="HI27" s="117">
        <v>61065</v>
      </c>
      <c r="HJ27" s="117">
        <v>931488</v>
      </c>
      <c r="HK27" s="117">
        <v>205046</v>
      </c>
      <c r="HL27" s="116">
        <v>1757139</v>
      </c>
      <c r="HM27" s="112">
        <v>1833544</v>
      </c>
      <c r="HN27" s="373"/>
      <c r="HO27" s="374"/>
      <c r="HP27" s="375"/>
      <c r="HQ27" s="376"/>
      <c r="HR27" s="374"/>
      <c r="HS27" s="374"/>
      <c r="HT27" s="374"/>
      <c r="HU27" s="374"/>
      <c r="HV27" s="374"/>
      <c r="HW27" s="377"/>
      <c r="HX27" s="378"/>
      <c r="HY27" s="148">
        <v>35077</v>
      </c>
      <c r="HZ27" s="149">
        <v>0</v>
      </c>
      <c r="IA27" s="150">
        <v>35077</v>
      </c>
      <c r="IB27" s="162">
        <v>0</v>
      </c>
      <c r="IC27" s="149">
        <v>406546</v>
      </c>
      <c r="ID27" s="163">
        <v>370881</v>
      </c>
      <c r="IE27" s="150">
        <v>242774</v>
      </c>
      <c r="IF27" s="149">
        <v>449960</v>
      </c>
      <c r="IG27" s="150">
        <v>224273</v>
      </c>
      <c r="IH27" s="164">
        <v>1694434</v>
      </c>
      <c r="II27" s="156">
        <v>1729511</v>
      </c>
      <c r="IJ27" s="259">
        <v>0</v>
      </c>
      <c r="IK27" s="266">
        <v>0</v>
      </c>
      <c r="IL27" s="267">
        <v>0</v>
      </c>
      <c r="IM27" s="157"/>
      <c r="IN27" s="123">
        <v>150248</v>
      </c>
      <c r="IO27" s="123">
        <v>184562</v>
      </c>
      <c r="IP27" s="123">
        <v>0</v>
      </c>
      <c r="IQ27" s="123">
        <v>0</v>
      </c>
      <c r="IR27" s="123">
        <v>0</v>
      </c>
      <c r="IS27" s="158">
        <v>334810</v>
      </c>
      <c r="IT27" s="360">
        <v>334810</v>
      </c>
      <c r="IU27" s="159">
        <v>0</v>
      </c>
      <c r="IV27" s="123">
        <v>0</v>
      </c>
      <c r="IW27" s="124">
        <v>0</v>
      </c>
      <c r="IX27" s="161"/>
      <c r="IY27" s="123">
        <v>0</v>
      </c>
      <c r="IZ27" s="123">
        <v>0</v>
      </c>
      <c r="JA27" s="123">
        <v>0</v>
      </c>
      <c r="JB27" s="123">
        <v>0</v>
      </c>
      <c r="JC27" s="123">
        <v>0</v>
      </c>
      <c r="JD27" s="124">
        <v>0</v>
      </c>
      <c r="JE27" s="125">
        <v>0</v>
      </c>
      <c r="JF27" s="159">
        <v>0</v>
      </c>
      <c r="JG27" s="123">
        <v>0</v>
      </c>
      <c r="JH27" s="158">
        <v>0</v>
      </c>
      <c r="JI27" s="122">
        <v>0</v>
      </c>
      <c r="JJ27" s="123">
        <v>256298</v>
      </c>
      <c r="JK27" s="123">
        <v>58597</v>
      </c>
      <c r="JL27" s="123">
        <v>0</v>
      </c>
      <c r="JM27" s="123">
        <v>0</v>
      </c>
      <c r="JN27" s="123">
        <v>0</v>
      </c>
      <c r="JO27" s="124">
        <v>314895</v>
      </c>
      <c r="JP27" s="360">
        <v>314895</v>
      </c>
      <c r="JQ27" s="159">
        <v>0</v>
      </c>
      <c r="JR27" s="123">
        <v>0</v>
      </c>
      <c r="JS27" s="158">
        <v>0</v>
      </c>
      <c r="JT27" s="122">
        <v>0</v>
      </c>
      <c r="JU27" s="123">
        <v>0</v>
      </c>
      <c r="JV27" s="123">
        <v>0</v>
      </c>
      <c r="JW27" s="123">
        <v>32893</v>
      </c>
      <c r="JX27" s="123">
        <v>0</v>
      </c>
      <c r="JY27" s="123">
        <v>0</v>
      </c>
      <c r="JZ27" s="124">
        <v>32893</v>
      </c>
      <c r="KA27" s="360">
        <v>32893</v>
      </c>
      <c r="KB27" s="262">
        <v>35077</v>
      </c>
      <c r="KC27" s="256">
        <v>0</v>
      </c>
      <c r="KD27" s="124">
        <v>35077</v>
      </c>
      <c r="KE27" s="122">
        <v>0</v>
      </c>
      <c r="KF27" s="123">
        <v>0</v>
      </c>
      <c r="KG27" s="123">
        <v>127722</v>
      </c>
      <c r="KH27" s="123">
        <v>0</v>
      </c>
      <c r="KI27" s="123">
        <v>0</v>
      </c>
      <c r="KJ27" s="123">
        <v>0</v>
      </c>
      <c r="KK27" s="124">
        <v>127722</v>
      </c>
      <c r="KL27" s="160">
        <v>162799</v>
      </c>
      <c r="KM27" s="259">
        <v>0</v>
      </c>
      <c r="KN27" s="266">
        <v>0</v>
      </c>
      <c r="KO27" s="267">
        <v>0</v>
      </c>
      <c r="KP27" s="395"/>
      <c r="KQ27" s="123">
        <v>0</v>
      </c>
      <c r="KR27" s="123">
        <v>0</v>
      </c>
      <c r="KS27" s="123">
        <v>209881</v>
      </c>
      <c r="KT27" s="123">
        <v>222397</v>
      </c>
      <c r="KU27" s="123">
        <v>224273</v>
      </c>
      <c r="KV27" s="124">
        <v>656551</v>
      </c>
      <c r="KW27" s="360">
        <v>656551</v>
      </c>
      <c r="KX27" s="159">
        <v>0</v>
      </c>
      <c r="KY27" s="123">
        <v>0</v>
      </c>
      <c r="KZ27" s="124">
        <v>0</v>
      </c>
      <c r="LA27" s="395"/>
      <c r="LB27" s="123">
        <v>0</v>
      </c>
      <c r="LC27" s="123">
        <v>0</v>
      </c>
      <c r="LD27" s="123">
        <v>0</v>
      </c>
      <c r="LE27" s="123">
        <v>0</v>
      </c>
      <c r="LF27" s="123">
        <v>0</v>
      </c>
      <c r="LG27" s="124">
        <v>0</v>
      </c>
      <c r="LH27" s="125">
        <v>0</v>
      </c>
      <c r="LI27" s="159">
        <v>0</v>
      </c>
      <c r="LJ27" s="123">
        <v>0</v>
      </c>
      <c r="LK27" s="124">
        <v>0</v>
      </c>
      <c r="LL27" s="395"/>
      <c r="LM27" s="123">
        <v>0</v>
      </c>
      <c r="LN27" s="123">
        <v>0</v>
      </c>
      <c r="LO27" s="123">
        <v>0</v>
      </c>
      <c r="LP27" s="123">
        <v>227563</v>
      </c>
      <c r="LQ27" s="123">
        <v>0</v>
      </c>
      <c r="LR27" s="124">
        <v>227563</v>
      </c>
      <c r="LS27" s="360">
        <v>227563</v>
      </c>
      <c r="LT27" s="159">
        <v>0</v>
      </c>
      <c r="LU27" s="123">
        <v>0</v>
      </c>
      <c r="LV27" s="124">
        <v>0</v>
      </c>
      <c r="LW27" s="395"/>
      <c r="LX27" s="123">
        <v>0</v>
      </c>
      <c r="LY27" s="123">
        <v>0</v>
      </c>
      <c r="LZ27" s="123">
        <v>0</v>
      </c>
      <c r="MA27" s="123">
        <v>0</v>
      </c>
      <c r="MB27" s="123">
        <v>0</v>
      </c>
      <c r="MC27" s="124">
        <v>0</v>
      </c>
      <c r="MD27" s="125">
        <v>0</v>
      </c>
      <c r="ME27" s="159">
        <v>0</v>
      </c>
      <c r="MF27" s="123">
        <v>0</v>
      </c>
      <c r="MG27" s="124">
        <v>0</v>
      </c>
      <c r="MH27" s="395"/>
      <c r="MI27" s="123">
        <v>194188</v>
      </c>
      <c r="MJ27" s="123">
        <v>230012</v>
      </c>
      <c r="MK27" s="123">
        <v>296659</v>
      </c>
      <c r="ML27" s="123">
        <v>0</v>
      </c>
      <c r="MM27" s="123">
        <v>0</v>
      </c>
      <c r="MN27" s="124">
        <v>720859</v>
      </c>
      <c r="MO27" s="160">
        <v>720859</v>
      </c>
      <c r="MP27" s="159">
        <v>0</v>
      </c>
      <c r="MQ27" s="123">
        <v>0</v>
      </c>
      <c r="MR27" s="124">
        <v>0</v>
      </c>
      <c r="MS27" s="395"/>
      <c r="MT27" s="123">
        <v>0</v>
      </c>
      <c r="MU27" s="123">
        <v>0</v>
      </c>
      <c r="MV27" s="123">
        <v>0</v>
      </c>
      <c r="MW27" s="123">
        <v>0</v>
      </c>
      <c r="MX27" s="123">
        <v>0</v>
      </c>
      <c r="MY27" s="124">
        <v>0</v>
      </c>
      <c r="MZ27" s="160">
        <v>0</v>
      </c>
      <c r="NA27" s="159">
        <v>0</v>
      </c>
      <c r="NB27" s="123">
        <v>0</v>
      </c>
      <c r="NC27" s="124">
        <v>0</v>
      </c>
      <c r="ND27" s="395"/>
      <c r="NE27" s="123">
        <v>194188</v>
      </c>
      <c r="NF27" s="123">
        <v>230012</v>
      </c>
      <c r="NG27" s="123">
        <v>296659</v>
      </c>
      <c r="NH27" s="123">
        <v>0</v>
      </c>
      <c r="NI27" s="123">
        <v>0</v>
      </c>
      <c r="NJ27" s="124">
        <v>720859</v>
      </c>
      <c r="NK27" s="360">
        <v>720859</v>
      </c>
      <c r="NL27" s="159">
        <v>0</v>
      </c>
      <c r="NM27" s="123">
        <v>0</v>
      </c>
      <c r="NN27" s="124">
        <v>0</v>
      </c>
      <c r="NO27" s="395"/>
      <c r="NP27" s="123">
        <v>0</v>
      </c>
      <c r="NQ27" s="123">
        <v>0</v>
      </c>
      <c r="NR27" s="123">
        <v>0</v>
      </c>
      <c r="NS27" s="123">
        <v>0</v>
      </c>
      <c r="NT27" s="123">
        <v>0</v>
      </c>
      <c r="NU27" s="124">
        <v>0</v>
      </c>
      <c r="NV27" s="125">
        <v>0</v>
      </c>
      <c r="NW27" s="159">
        <v>0</v>
      </c>
      <c r="NX27" s="123">
        <v>0</v>
      </c>
      <c r="NY27" s="124">
        <v>0</v>
      </c>
      <c r="NZ27" s="395"/>
      <c r="OA27" s="123">
        <v>0</v>
      </c>
      <c r="OB27" s="123">
        <v>0</v>
      </c>
      <c r="OC27" s="123">
        <v>0</v>
      </c>
      <c r="OD27" s="123">
        <v>0</v>
      </c>
      <c r="OE27" s="123">
        <v>0</v>
      </c>
      <c r="OF27" s="124">
        <v>0</v>
      </c>
      <c r="OG27" s="125">
        <v>0</v>
      </c>
      <c r="OH27" s="159">
        <v>116319</v>
      </c>
      <c r="OI27" s="123">
        <v>172508</v>
      </c>
      <c r="OJ27" s="158">
        <v>288827</v>
      </c>
      <c r="OK27" s="122">
        <v>0</v>
      </c>
      <c r="OL27" s="123">
        <v>1562666</v>
      </c>
      <c r="OM27" s="123">
        <v>1597096</v>
      </c>
      <c r="ON27" s="123">
        <v>914989</v>
      </c>
      <c r="OO27" s="123">
        <v>2700491</v>
      </c>
      <c r="OP27" s="123">
        <v>1628463</v>
      </c>
      <c r="OQ27" s="124">
        <v>8403705</v>
      </c>
      <c r="OR27" s="160">
        <v>8692532</v>
      </c>
    </row>
    <row r="28" spans="1:408" ht="20.25" customHeight="1" x14ac:dyDescent="0.2">
      <c r="A28" s="130" t="s">
        <v>23</v>
      </c>
      <c r="B28" s="113">
        <v>189030</v>
      </c>
      <c r="C28" s="117">
        <v>153747</v>
      </c>
      <c r="D28" s="116">
        <v>342777</v>
      </c>
      <c r="E28" s="112">
        <v>0</v>
      </c>
      <c r="F28" s="117">
        <v>1539730</v>
      </c>
      <c r="G28" s="117">
        <v>2335621</v>
      </c>
      <c r="H28" s="117">
        <v>2358401</v>
      </c>
      <c r="I28" s="117">
        <v>2386499</v>
      </c>
      <c r="J28" s="117">
        <v>208140</v>
      </c>
      <c r="K28" s="198">
        <v>8828391</v>
      </c>
      <c r="L28" s="119">
        <v>9171168</v>
      </c>
      <c r="M28" s="113">
        <v>54630</v>
      </c>
      <c r="N28" s="117">
        <v>59713</v>
      </c>
      <c r="O28" s="116">
        <v>114343</v>
      </c>
      <c r="P28" s="113">
        <v>0</v>
      </c>
      <c r="Q28" s="117">
        <v>208116</v>
      </c>
      <c r="R28" s="117">
        <v>459653</v>
      </c>
      <c r="S28" s="117">
        <v>1023483</v>
      </c>
      <c r="T28" s="117">
        <v>308909</v>
      </c>
      <c r="U28" s="117">
        <v>38117</v>
      </c>
      <c r="V28" s="116">
        <v>2038278</v>
      </c>
      <c r="W28" s="119">
        <v>2152621</v>
      </c>
      <c r="X28" s="113">
        <v>0</v>
      </c>
      <c r="Y28" s="117">
        <v>0</v>
      </c>
      <c r="Z28" s="116">
        <v>0</v>
      </c>
      <c r="AA28" s="113">
        <v>0</v>
      </c>
      <c r="AB28" s="117">
        <v>117539</v>
      </c>
      <c r="AC28" s="117">
        <v>142762</v>
      </c>
      <c r="AD28" s="117">
        <v>495863</v>
      </c>
      <c r="AE28" s="117">
        <v>25563</v>
      </c>
      <c r="AF28" s="117">
        <v>0</v>
      </c>
      <c r="AG28" s="116">
        <v>781727</v>
      </c>
      <c r="AH28" s="119">
        <v>781727</v>
      </c>
      <c r="AI28" s="113">
        <v>0</v>
      </c>
      <c r="AJ28" s="117">
        <v>0</v>
      </c>
      <c r="AK28" s="116">
        <v>0</v>
      </c>
      <c r="AL28" s="113">
        <v>0</v>
      </c>
      <c r="AM28" s="117">
        <v>0</v>
      </c>
      <c r="AN28" s="117">
        <v>0</v>
      </c>
      <c r="AO28" s="117">
        <v>90775</v>
      </c>
      <c r="AP28" s="117">
        <v>39936</v>
      </c>
      <c r="AQ28" s="117">
        <v>0</v>
      </c>
      <c r="AR28" s="116">
        <v>130711</v>
      </c>
      <c r="AS28" s="119">
        <v>130711</v>
      </c>
      <c r="AT28" s="113">
        <v>54630</v>
      </c>
      <c r="AU28" s="117">
        <v>37283</v>
      </c>
      <c r="AV28" s="116">
        <v>91913</v>
      </c>
      <c r="AW28" s="113">
        <v>0</v>
      </c>
      <c r="AX28" s="117">
        <v>38413</v>
      </c>
      <c r="AY28" s="117">
        <v>136495</v>
      </c>
      <c r="AZ28" s="117">
        <v>334050</v>
      </c>
      <c r="BA28" s="117">
        <v>115786</v>
      </c>
      <c r="BB28" s="117">
        <v>24215</v>
      </c>
      <c r="BC28" s="116">
        <v>648959</v>
      </c>
      <c r="BD28" s="119">
        <v>740872</v>
      </c>
      <c r="BE28" s="113">
        <v>0</v>
      </c>
      <c r="BF28" s="117">
        <v>20617</v>
      </c>
      <c r="BG28" s="115">
        <v>20617</v>
      </c>
      <c r="BH28" s="114">
        <v>0</v>
      </c>
      <c r="BI28" s="117">
        <v>0</v>
      </c>
      <c r="BJ28" s="117">
        <v>79106</v>
      </c>
      <c r="BK28" s="117">
        <v>0</v>
      </c>
      <c r="BL28" s="117">
        <v>0</v>
      </c>
      <c r="BM28" s="117">
        <v>0</v>
      </c>
      <c r="BN28" s="116">
        <v>79106</v>
      </c>
      <c r="BO28" s="119">
        <v>99723</v>
      </c>
      <c r="BP28" s="113">
        <v>0</v>
      </c>
      <c r="BQ28" s="117">
        <v>1813</v>
      </c>
      <c r="BR28" s="116">
        <v>1813</v>
      </c>
      <c r="BS28" s="113">
        <v>0</v>
      </c>
      <c r="BT28" s="117">
        <v>52164</v>
      </c>
      <c r="BU28" s="117">
        <v>101290</v>
      </c>
      <c r="BV28" s="117">
        <v>102795</v>
      </c>
      <c r="BW28" s="117">
        <v>127624</v>
      </c>
      <c r="BX28" s="117">
        <v>13902</v>
      </c>
      <c r="BY28" s="116">
        <v>397775</v>
      </c>
      <c r="BZ28" s="119">
        <v>399588</v>
      </c>
      <c r="CA28" s="113">
        <v>0</v>
      </c>
      <c r="CB28" s="117">
        <v>0</v>
      </c>
      <c r="CC28" s="116">
        <v>0</v>
      </c>
      <c r="CD28" s="113">
        <v>0</v>
      </c>
      <c r="CE28" s="117">
        <v>631750</v>
      </c>
      <c r="CF28" s="117">
        <v>1018802</v>
      </c>
      <c r="CG28" s="117">
        <v>526667</v>
      </c>
      <c r="CH28" s="117">
        <v>405004</v>
      </c>
      <c r="CI28" s="117">
        <v>0</v>
      </c>
      <c r="CJ28" s="116">
        <v>2582223</v>
      </c>
      <c r="CK28" s="119">
        <v>2582223</v>
      </c>
      <c r="CL28" s="113">
        <v>0</v>
      </c>
      <c r="CM28" s="117">
        <v>0</v>
      </c>
      <c r="CN28" s="116">
        <v>0</v>
      </c>
      <c r="CO28" s="114">
        <v>0</v>
      </c>
      <c r="CP28" s="117">
        <v>479468</v>
      </c>
      <c r="CQ28" s="117">
        <v>841883</v>
      </c>
      <c r="CR28" s="117">
        <v>417028</v>
      </c>
      <c r="CS28" s="117">
        <v>194015</v>
      </c>
      <c r="CT28" s="117">
        <v>0</v>
      </c>
      <c r="CU28" s="116">
        <v>1932394</v>
      </c>
      <c r="CV28" s="119">
        <v>1932394</v>
      </c>
      <c r="CW28" s="113">
        <v>0</v>
      </c>
      <c r="CX28" s="117">
        <v>0</v>
      </c>
      <c r="CY28" s="116">
        <v>0</v>
      </c>
      <c r="CZ28" s="113">
        <v>0</v>
      </c>
      <c r="DA28" s="117">
        <v>152282</v>
      </c>
      <c r="DB28" s="117">
        <v>176919</v>
      </c>
      <c r="DC28" s="117">
        <v>109639</v>
      </c>
      <c r="DD28" s="117">
        <v>210989</v>
      </c>
      <c r="DE28" s="117">
        <v>0</v>
      </c>
      <c r="DF28" s="116">
        <v>649829</v>
      </c>
      <c r="DG28" s="119">
        <v>649829</v>
      </c>
      <c r="DH28" s="113">
        <v>0</v>
      </c>
      <c r="DI28" s="117">
        <v>0</v>
      </c>
      <c r="DJ28" s="115">
        <v>0</v>
      </c>
      <c r="DK28" s="114">
        <v>0</v>
      </c>
      <c r="DL28" s="117">
        <v>13078</v>
      </c>
      <c r="DM28" s="117">
        <v>45506</v>
      </c>
      <c r="DN28" s="117">
        <v>163038</v>
      </c>
      <c r="DO28" s="117">
        <v>43171</v>
      </c>
      <c r="DP28" s="117">
        <v>0</v>
      </c>
      <c r="DQ28" s="116">
        <v>264793</v>
      </c>
      <c r="DR28" s="119">
        <v>264793</v>
      </c>
      <c r="DS28" s="113">
        <v>0</v>
      </c>
      <c r="DT28" s="117">
        <v>0</v>
      </c>
      <c r="DU28" s="116">
        <v>0</v>
      </c>
      <c r="DV28" s="113">
        <v>0</v>
      </c>
      <c r="DW28" s="117">
        <v>13078</v>
      </c>
      <c r="DX28" s="117">
        <v>45506</v>
      </c>
      <c r="DY28" s="117">
        <v>163038</v>
      </c>
      <c r="DZ28" s="117">
        <v>43171</v>
      </c>
      <c r="EA28" s="117">
        <v>0</v>
      </c>
      <c r="EB28" s="116">
        <v>264793</v>
      </c>
      <c r="EC28" s="119">
        <v>264793</v>
      </c>
      <c r="ED28" s="113">
        <v>0</v>
      </c>
      <c r="EE28" s="115">
        <v>0</v>
      </c>
      <c r="EF28" s="116">
        <v>0</v>
      </c>
      <c r="EG28" s="113">
        <v>0</v>
      </c>
      <c r="EH28" s="117">
        <v>0</v>
      </c>
      <c r="EI28" s="117">
        <v>0</v>
      </c>
      <c r="EJ28" s="117">
        <v>0</v>
      </c>
      <c r="EK28" s="117">
        <v>0</v>
      </c>
      <c r="EL28" s="117">
        <v>0</v>
      </c>
      <c r="EM28" s="115">
        <v>0</v>
      </c>
      <c r="EN28" s="119">
        <v>0</v>
      </c>
      <c r="EO28" s="113">
        <v>0</v>
      </c>
      <c r="EP28" s="117">
        <v>0</v>
      </c>
      <c r="EQ28" s="115">
        <v>0</v>
      </c>
      <c r="ER28" s="114">
        <v>0</v>
      </c>
      <c r="ES28" s="117">
        <v>0</v>
      </c>
      <c r="ET28" s="117">
        <v>0</v>
      </c>
      <c r="EU28" s="117">
        <v>0</v>
      </c>
      <c r="EV28" s="117">
        <v>0</v>
      </c>
      <c r="EW28" s="117">
        <v>0</v>
      </c>
      <c r="EX28" s="116">
        <v>0</v>
      </c>
      <c r="EY28" s="119">
        <v>0</v>
      </c>
      <c r="EZ28" s="113">
        <v>0</v>
      </c>
      <c r="FA28" s="117">
        <v>0</v>
      </c>
      <c r="FB28" s="115">
        <v>0</v>
      </c>
      <c r="FC28" s="395"/>
      <c r="FD28" s="117">
        <v>0</v>
      </c>
      <c r="FE28" s="117">
        <v>0</v>
      </c>
      <c r="FF28" s="117">
        <v>0</v>
      </c>
      <c r="FG28" s="117">
        <v>0</v>
      </c>
      <c r="FH28" s="117">
        <v>0</v>
      </c>
      <c r="FI28" s="116">
        <v>0</v>
      </c>
      <c r="FJ28" s="119">
        <v>0</v>
      </c>
      <c r="FK28" s="113">
        <v>134400</v>
      </c>
      <c r="FL28" s="117">
        <v>16240</v>
      </c>
      <c r="FM28" s="116">
        <v>150640</v>
      </c>
      <c r="FN28" s="113">
        <v>0</v>
      </c>
      <c r="FO28" s="117">
        <v>40005</v>
      </c>
      <c r="FP28" s="117">
        <v>188762</v>
      </c>
      <c r="FQ28" s="117">
        <v>190897</v>
      </c>
      <c r="FR28" s="117">
        <v>110873</v>
      </c>
      <c r="FS28" s="117">
        <v>2562</v>
      </c>
      <c r="FT28" s="116">
        <v>533099</v>
      </c>
      <c r="FU28" s="119">
        <v>683739</v>
      </c>
      <c r="FV28" s="118">
        <v>10794</v>
      </c>
      <c r="FW28" s="117">
        <v>16240</v>
      </c>
      <c r="FX28" s="115">
        <v>27034</v>
      </c>
      <c r="FY28" s="114">
        <v>0</v>
      </c>
      <c r="FZ28" s="117">
        <v>40005</v>
      </c>
      <c r="GA28" s="117">
        <v>188762</v>
      </c>
      <c r="GB28" s="117">
        <v>190897</v>
      </c>
      <c r="GC28" s="117">
        <v>110873</v>
      </c>
      <c r="GD28" s="117">
        <v>2562</v>
      </c>
      <c r="GE28" s="116">
        <v>533099</v>
      </c>
      <c r="GF28" s="357">
        <v>560133</v>
      </c>
      <c r="GG28" s="118">
        <v>8806</v>
      </c>
      <c r="GH28" s="117">
        <v>0</v>
      </c>
      <c r="GI28" s="115">
        <v>8806</v>
      </c>
      <c r="GJ28" s="114">
        <v>0</v>
      </c>
      <c r="GK28" s="117">
        <v>0</v>
      </c>
      <c r="GL28" s="117">
        <v>0</v>
      </c>
      <c r="GM28" s="117">
        <v>0</v>
      </c>
      <c r="GN28" s="117">
        <v>0</v>
      </c>
      <c r="GO28" s="117">
        <v>0</v>
      </c>
      <c r="GP28" s="116">
        <v>0</v>
      </c>
      <c r="GQ28" s="119">
        <v>8806</v>
      </c>
      <c r="GR28" s="113">
        <v>114800</v>
      </c>
      <c r="GS28" s="117">
        <v>0</v>
      </c>
      <c r="GT28" s="116">
        <v>114800</v>
      </c>
      <c r="GU28" s="113">
        <v>0</v>
      </c>
      <c r="GV28" s="117">
        <v>0</v>
      </c>
      <c r="GW28" s="117">
        <v>0</v>
      </c>
      <c r="GX28" s="117">
        <v>0</v>
      </c>
      <c r="GY28" s="117">
        <v>0</v>
      </c>
      <c r="GZ28" s="117">
        <v>0</v>
      </c>
      <c r="HA28" s="115">
        <v>0</v>
      </c>
      <c r="HB28" s="119">
        <v>114800</v>
      </c>
      <c r="HC28" s="113">
        <v>0</v>
      </c>
      <c r="HD28" s="117">
        <v>77794</v>
      </c>
      <c r="HE28" s="115">
        <v>77794</v>
      </c>
      <c r="HF28" s="114">
        <v>0</v>
      </c>
      <c r="HG28" s="117">
        <v>646781</v>
      </c>
      <c r="HH28" s="117">
        <v>622898</v>
      </c>
      <c r="HI28" s="117">
        <v>454316</v>
      </c>
      <c r="HJ28" s="117">
        <v>1518542</v>
      </c>
      <c r="HK28" s="117">
        <v>167461</v>
      </c>
      <c r="HL28" s="116">
        <v>3409998</v>
      </c>
      <c r="HM28" s="112">
        <v>3487792</v>
      </c>
      <c r="HN28" s="373"/>
      <c r="HO28" s="374"/>
      <c r="HP28" s="375"/>
      <c r="HQ28" s="376"/>
      <c r="HR28" s="374"/>
      <c r="HS28" s="374"/>
      <c r="HT28" s="374"/>
      <c r="HU28" s="374"/>
      <c r="HV28" s="374"/>
      <c r="HW28" s="377"/>
      <c r="HX28" s="378"/>
      <c r="HY28" s="166">
        <v>0</v>
      </c>
      <c r="HZ28" s="152">
        <v>0</v>
      </c>
      <c r="IA28" s="166">
        <v>0</v>
      </c>
      <c r="IB28" s="151">
        <v>0</v>
      </c>
      <c r="IC28" s="152">
        <v>103930</v>
      </c>
      <c r="ID28" s="153">
        <v>50877</v>
      </c>
      <c r="IE28" s="154">
        <v>222609</v>
      </c>
      <c r="IF28" s="152">
        <v>0</v>
      </c>
      <c r="IG28" s="154">
        <v>228776</v>
      </c>
      <c r="IH28" s="155">
        <v>606192</v>
      </c>
      <c r="II28" s="166">
        <v>606192</v>
      </c>
      <c r="IJ28" s="259">
        <v>0</v>
      </c>
      <c r="IK28" s="266">
        <v>0</v>
      </c>
      <c r="IL28" s="267">
        <v>0</v>
      </c>
      <c r="IM28" s="157"/>
      <c r="IN28" s="123">
        <v>0</v>
      </c>
      <c r="IO28" s="123">
        <v>0</v>
      </c>
      <c r="IP28" s="123">
        <v>0</v>
      </c>
      <c r="IQ28" s="123">
        <v>0</v>
      </c>
      <c r="IR28" s="123">
        <v>0</v>
      </c>
      <c r="IS28" s="158">
        <v>0</v>
      </c>
      <c r="IT28" s="360">
        <v>0</v>
      </c>
      <c r="IU28" s="159">
        <v>0</v>
      </c>
      <c r="IV28" s="123">
        <v>0</v>
      </c>
      <c r="IW28" s="124">
        <v>0</v>
      </c>
      <c r="IX28" s="161"/>
      <c r="IY28" s="123">
        <v>0</v>
      </c>
      <c r="IZ28" s="123">
        <v>0</v>
      </c>
      <c r="JA28" s="123">
        <v>0</v>
      </c>
      <c r="JB28" s="123">
        <v>0</v>
      </c>
      <c r="JC28" s="123">
        <v>0</v>
      </c>
      <c r="JD28" s="124">
        <v>0</v>
      </c>
      <c r="JE28" s="125">
        <v>0</v>
      </c>
      <c r="JF28" s="159">
        <v>0</v>
      </c>
      <c r="JG28" s="123">
        <v>0</v>
      </c>
      <c r="JH28" s="158">
        <v>0</v>
      </c>
      <c r="JI28" s="122">
        <v>0</v>
      </c>
      <c r="JJ28" s="123">
        <v>103930</v>
      </c>
      <c r="JK28" s="123">
        <v>50877</v>
      </c>
      <c r="JL28" s="123">
        <v>0</v>
      </c>
      <c r="JM28" s="123">
        <v>0</v>
      </c>
      <c r="JN28" s="123">
        <v>228776</v>
      </c>
      <c r="JO28" s="124">
        <v>383583</v>
      </c>
      <c r="JP28" s="360">
        <v>383583</v>
      </c>
      <c r="JQ28" s="159">
        <v>0</v>
      </c>
      <c r="JR28" s="123">
        <v>0</v>
      </c>
      <c r="JS28" s="158">
        <v>0</v>
      </c>
      <c r="JT28" s="122">
        <v>0</v>
      </c>
      <c r="JU28" s="123">
        <v>0</v>
      </c>
      <c r="JV28" s="123">
        <v>0</v>
      </c>
      <c r="JW28" s="123">
        <v>0</v>
      </c>
      <c r="JX28" s="123">
        <v>0</v>
      </c>
      <c r="JY28" s="123">
        <v>0</v>
      </c>
      <c r="JZ28" s="124">
        <v>0</v>
      </c>
      <c r="KA28" s="360">
        <v>0</v>
      </c>
      <c r="KB28" s="262">
        <v>0</v>
      </c>
      <c r="KC28" s="256">
        <v>0</v>
      </c>
      <c r="KD28" s="124">
        <v>0</v>
      </c>
      <c r="KE28" s="122">
        <v>0</v>
      </c>
      <c r="KF28" s="123">
        <v>0</v>
      </c>
      <c r="KG28" s="123">
        <v>0</v>
      </c>
      <c r="KH28" s="123">
        <v>0</v>
      </c>
      <c r="KI28" s="123">
        <v>0</v>
      </c>
      <c r="KJ28" s="123">
        <v>0</v>
      </c>
      <c r="KK28" s="124">
        <v>0</v>
      </c>
      <c r="KL28" s="160">
        <v>0</v>
      </c>
      <c r="KM28" s="259">
        <v>0</v>
      </c>
      <c r="KN28" s="266">
        <v>0</v>
      </c>
      <c r="KO28" s="267">
        <v>0</v>
      </c>
      <c r="KP28" s="395"/>
      <c r="KQ28" s="123">
        <v>0</v>
      </c>
      <c r="KR28" s="123">
        <v>0</v>
      </c>
      <c r="KS28" s="123">
        <v>222609</v>
      </c>
      <c r="KT28" s="123">
        <v>0</v>
      </c>
      <c r="KU28" s="123">
        <v>0</v>
      </c>
      <c r="KV28" s="124">
        <v>222609</v>
      </c>
      <c r="KW28" s="360">
        <v>222609</v>
      </c>
      <c r="KX28" s="159">
        <v>0</v>
      </c>
      <c r="KY28" s="123">
        <v>0</v>
      </c>
      <c r="KZ28" s="124">
        <v>0</v>
      </c>
      <c r="LA28" s="395"/>
      <c r="LB28" s="123">
        <v>0</v>
      </c>
      <c r="LC28" s="123">
        <v>0</v>
      </c>
      <c r="LD28" s="123">
        <v>0</v>
      </c>
      <c r="LE28" s="123">
        <v>0</v>
      </c>
      <c r="LF28" s="123">
        <v>0</v>
      </c>
      <c r="LG28" s="124">
        <v>0</v>
      </c>
      <c r="LH28" s="125">
        <v>0</v>
      </c>
      <c r="LI28" s="159">
        <v>0</v>
      </c>
      <c r="LJ28" s="123">
        <v>0</v>
      </c>
      <c r="LK28" s="124">
        <v>0</v>
      </c>
      <c r="LL28" s="395"/>
      <c r="LM28" s="123">
        <v>0</v>
      </c>
      <c r="LN28" s="123">
        <v>0</v>
      </c>
      <c r="LO28" s="123">
        <v>0</v>
      </c>
      <c r="LP28" s="123">
        <v>0</v>
      </c>
      <c r="LQ28" s="123">
        <v>0</v>
      </c>
      <c r="LR28" s="124">
        <v>0</v>
      </c>
      <c r="LS28" s="360">
        <v>0</v>
      </c>
      <c r="LT28" s="159">
        <v>0</v>
      </c>
      <c r="LU28" s="123">
        <v>0</v>
      </c>
      <c r="LV28" s="124">
        <v>0</v>
      </c>
      <c r="LW28" s="395"/>
      <c r="LX28" s="123">
        <v>0</v>
      </c>
      <c r="LY28" s="123">
        <v>0</v>
      </c>
      <c r="LZ28" s="123">
        <v>0</v>
      </c>
      <c r="MA28" s="123">
        <v>0</v>
      </c>
      <c r="MB28" s="123">
        <v>0</v>
      </c>
      <c r="MC28" s="124">
        <v>0</v>
      </c>
      <c r="MD28" s="125">
        <v>0</v>
      </c>
      <c r="ME28" s="159">
        <v>0</v>
      </c>
      <c r="MF28" s="123">
        <v>0</v>
      </c>
      <c r="MG28" s="124">
        <v>0</v>
      </c>
      <c r="MH28" s="395"/>
      <c r="MI28" s="123">
        <v>0</v>
      </c>
      <c r="MJ28" s="123">
        <v>204215</v>
      </c>
      <c r="MK28" s="123">
        <v>1389817</v>
      </c>
      <c r="ML28" s="123">
        <v>1622614</v>
      </c>
      <c r="MM28" s="123">
        <v>914473</v>
      </c>
      <c r="MN28" s="124">
        <v>4131119</v>
      </c>
      <c r="MO28" s="160">
        <v>4131119</v>
      </c>
      <c r="MP28" s="159">
        <v>0</v>
      </c>
      <c r="MQ28" s="123">
        <v>0</v>
      </c>
      <c r="MR28" s="124">
        <v>0</v>
      </c>
      <c r="MS28" s="395"/>
      <c r="MT28" s="123">
        <v>0</v>
      </c>
      <c r="MU28" s="123">
        <v>0</v>
      </c>
      <c r="MV28" s="123">
        <v>435731</v>
      </c>
      <c r="MW28" s="123">
        <v>1353818</v>
      </c>
      <c r="MX28" s="123">
        <v>267563</v>
      </c>
      <c r="MY28" s="124">
        <v>2057112</v>
      </c>
      <c r="MZ28" s="160">
        <v>2057112</v>
      </c>
      <c r="NA28" s="159">
        <v>0</v>
      </c>
      <c r="NB28" s="123">
        <v>0</v>
      </c>
      <c r="NC28" s="124">
        <v>0</v>
      </c>
      <c r="ND28" s="395"/>
      <c r="NE28" s="123">
        <v>0</v>
      </c>
      <c r="NF28" s="123">
        <v>204215</v>
      </c>
      <c r="NG28" s="123">
        <v>712799</v>
      </c>
      <c r="NH28" s="123">
        <v>268796</v>
      </c>
      <c r="NI28" s="123">
        <v>646910</v>
      </c>
      <c r="NJ28" s="124">
        <v>1832720</v>
      </c>
      <c r="NK28" s="360">
        <v>1832720</v>
      </c>
      <c r="NL28" s="159">
        <v>0</v>
      </c>
      <c r="NM28" s="123">
        <v>0</v>
      </c>
      <c r="NN28" s="124">
        <v>0</v>
      </c>
      <c r="NO28" s="395"/>
      <c r="NP28" s="123">
        <v>0</v>
      </c>
      <c r="NQ28" s="123">
        <v>0</v>
      </c>
      <c r="NR28" s="123">
        <v>241287</v>
      </c>
      <c r="NS28" s="123">
        <v>0</v>
      </c>
      <c r="NT28" s="123">
        <v>0</v>
      </c>
      <c r="NU28" s="124">
        <v>241287</v>
      </c>
      <c r="NV28" s="125">
        <v>241287</v>
      </c>
      <c r="NW28" s="159">
        <v>0</v>
      </c>
      <c r="NX28" s="123">
        <v>0</v>
      </c>
      <c r="NY28" s="124">
        <v>0</v>
      </c>
      <c r="NZ28" s="395"/>
      <c r="OA28" s="123">
        <v>0</v>
      </c>
      <c r="OB28" s="123">
        <v>0</v>
      </c>
      <c r="OC28" s="123">
        <v>0</v>
      </c>
      <c r="OD28" s="123">
        <v>0</v>
      </c>
      <c r="OE28" s="123">
        <v>0</v>
      </c>
      <c r="OF28" s="124">
        <v>0</v>
      </c>
      <c r="OG28" s="125">
        <v>0</v>
      </c>
      <c r="OH28" s="159">
        <v>189030</v>
      </c>
      <c r="OI28" s="123">
        <v>153747</v>
      </c>
      <c r="OJ28" s="158">
        <v>342777</v>
      </c>
      <c r="OK28" s="122">
        <v>0</v>
      </c>
      <c r="OL28" s="123">
        <v>1643660</v>
      </c>
      <c r="OM28" s="123">
        <v>2590713</v>
      </c>
      <c r="ON28" s="123">
        <v>3970827</v>
      </c>
      <c r="OO28" s="123">
        <v>4009113</v>
      </c>
      <c r="OP28" s="123">
        <v>1351389</v>
      </c>
      <c r="OQ28" s="124">
        <v>13565702</v>
      </c>
      <c r="OR28" s="160">
        <v>13908479</v>
      </c>
    </row>
    <row r="29" spans="1:408" ht="20.25" customHeight="1" x14ac:dyDescent="0.2">
      <c r="A29" s="130" t="s">
        <v>24</v>
      </c>
      <c r="B29" s="113">
        <v>279377</v>
      </c>
      <c r="C29" s="117">
        <v>155573</v>
      </c>
      <c r="D29" s="116">
        <v>434950</v>
      </c>
      <c r="E29" s="112">
        <v>0</v>
      </c>
      <c r="F29" s="117">
        <v>1970888</v>
      </c>
      <c r="G29" s="117">
        <v>2396920</v>
      </c>
      <c r="H29" s="117">
        <v>358834</v>
      </c>
      <c r="I29" s="117">
        <v>2722771</v>
      </c>
      <c r="J29" s="117">
        <v>1647178</v>
      </c>
      <c r="K29" s="198">
        <v>9096591</v>
      </c>
      <c r="L29" s="119">
        <v>9531541</v>
      </c>
      <c r="M29" s="113">
        <v>64183</v>
      </c>
      <c r="N29" s="117">
        <v>61560</v>
      </c>
      <c r="O29" s="116">
        <v>125743</v>
      </c>
      <c r="P29" s="113">
        <v>0</v>
      </c>
      <c r="Q29" s="117">
        <v>494296</v>
      </c>
      <c r="R29" s="117">
        <v>574798</v>
      </c>
      <c r="S29" s="117">
        <v>121311</v>
      </c>
      <c r="T29" s="117">
        <v>856840</v>
      </c>
      <c r="U29" s="117">
        <v>844271</v>
      </c>
      <c r="V29" s="116">
        <v>2891516</v>
      </c>
      <c r="W29" s="119">
        <v>3017259</v>
      </c>
      <c r="X29" s="113">
        <v>0</v>
      </c>
      <c r="Y29" s="117">
        <v>0</v>
      </c>
      <c r="Z29" s="116">
        <v>0</v>
      </c>
      <c r="AA29" s="113">
        <v>0</v>
      </c>
      <c r="AB29" s="117">
        <v>184034</v>
      </c>
      <c r="AC29" s="117">
        <v>293078</v>
      </c>
      <c r="AD29" s="117">
        <v>27489</v>
      </c>
      <c r="AE29" s="117">
        <v>613977</v>
      </c>
      <c r="AF29" s="117">
        <v>281699</v>
      </c>
      <c r="AG29" s="116">
        <v>1400277</v>
      </c>
      <c r="AH29" s="119">
        <v>1400277</v>
      </c>
      <c r="AI29" s="113">
        <v>0</v>
      </c>
      <c r="AJ29" s="117">
        <v>0</v>
      </c>
      <c r="AK29" s="116">
        <v>0</v>
      </c>
      <c r="AL29" s="113">
        <v>0</v>
      </c>
      <c r="AM29" s="117">
        <v>0</v>
      </c>
      <c r="AN29" s="117">
        <v>0</v>
      </c>
      <c r="AO29" s="117">
        <v>0</v>
      </c>
      <c r="AP29" s="117">
        <v>0</v>
      </c>
      <c r="AQ29" s="117">
        <v>90951</v>
      </c>
      <c r="AR29" s="116">
        <v>90951</v>
      </c>
      <c r="AS29" s="119">
        <v>90951</v>
      </c>
      <c r="AT29" s="113">
        <v>0</v>
      </c>
      <c r="AU29" s="117">
        <v>52796</v>
      </c>
      <c r="AV29" s="116">
        <v>52796</v>
      </c>
      <c r="AW29" s="113">
        <v>0</v>
      </c>
      <c r="AX29" s="117">
        <v>199417</v>
      </c>
      <c r="AY29" s="117">
        <v>98795</v>
      </c>
      <c r="AZ29" s="117">
        <v>71625</v>
      </c>
      <c r="BA29" s="117">
        <v>94778</v>
      </c>
      <c r="BB29" s="117">
        <v>272725</v>
      </c>
      <c r="BC29" s="116">
        <v>737340</v>
      </c>
      <c r="BD29" s="119">
        <v>790136</v>
      </c>
      <c r="BE29" s="113">
        <v>0</v>
      </c>
      <c r="BF29" s="117">
        <v>0</v>
      </c>
      <c r="BG29" s="115">
        <v>0</v>
      </c>
      <c r="BH29" s="114">
        <v>0</v>
      </c>
      <c r="BI29" s="117">
        <v>0</v>
      </c>
      <c r="BJ29" s="117">
        <v>43226</v>
      </c>
      <c r="BK29" s="117">
        <v>0</v>
      </c>
      <c r="BL29" s="117">
        <v>0</v>
      </c>
      <c r="BM29" s="117">
        <v>83641</v>
      </c>
      <c r="BN29" s="116">
        <v>126867</v>
      </c>
      <c r="BO29" s="119">
        <v>126867</v>
      </c>
      <c r="BP29" s="113">
        <v>64183</v>
      </c>
      <c r="BQ29" s="117">
        <v>8764</v>
      </c>
      <c r="BR29" s="116">
        <v>72947</v>
      </c>
      <c r="BS29" s="113">
        <v>0</v>
      </c>
      <c r="BT29" s="117">
        <v>110845</v>
      </c>
      <c r="BU29" s="117">
        <v>139699</v>
      </c>
      <c r="BV29" s="117">
        <v>22197</v>
      </c>
      <c r="BW29" s="117">
        <v>148085</v>
      </c>
      <c r="BX29" s="117">
        <v>115255</v>
      </c>
      <c r="BY29" s="116">
        <v>536081</v>
      </c>
      <c r="BZ29" s="119">
        <v>609028</v>
      </c>
      <c r="CA29" s="113">
        <v>17860</v>
      </c>
      <c r="CB29" s="117">
        <v>0</v>
      </c>
      <c r="CC29" s="116">
        <v>17860</v>
      </c>
      <c r="CD29" s="113">
        <v>0</v>
      </c>
      <c r="CE29" s="117">
        <v>778473</v>
      </c>
      <c r="CF29" s="117">
        <v>413315</v>
      </c>
      <c r="CG29" s="117">
        <v>53039</v>
      </c>
      <c r="CH29" s="117">
        <v>320299</v>
      </c>
      <c r="CI29" s="117">
        <v>165616</v>
      </c>
      <c r="CJ29" s="116">
        <v>1730742</v>
      </c>
      <c r="CK29" s="119">
        <v>1748602</v>
      </c>
      <c r="CL29" s="113">
        <v>0</v>
      </c>
      <c r="CM29" s="117">
        <v>0</v>
      </c>
      <c r="CN29" s="116">
        <v>0</v>
      </c>
      <c r="CO29" s="114">
        <v>0</v>
      </c>
      <c r="CP29" s="117">
        <v>555613</v>
      </c>
      <c r="CQ29" s="117">
        <v>288799</v>
      </c>
      <c r="CR29" s="117">
        <v>0</v>
      </c>
      <c r="CS29" s="117">
        <v>78740</v>
      </c>
      <c r="CT29" s="117">
        <v>0</v>
      </c>
      <c r="CU29" s="116">
        <v>923152</v>
      </c>
      <c r="CV29" s="119">
        <v>923152</v>
      </c>
      <c r="CW29" s="113">
        <v>17860</v>
      </c>
      <c r="CX29" s="117">
        <v>0</v>
      </c>
      <c r="CY29" s="116">
        <v>17860</v>
      </c>
      <c r="CZ29" s="113">
        <v>0</v>
      </c>
      <c r="DA29" s="117">
        <v>222860</v>
      </c>
      <c r="DB29" s="117">
        <v>124516</v>
      </c>
      <c r="DC29" s="117">
        <v>53039</v>
      </c>
      <c r="DD29" s="117">
        <v>241559</v>
      </c>
      <c r="DE29" s="117">
        <v>165616</v>
      </c>
      <c r="DF29" s="116">
        <v>807590</v>
      </c>
      <c r="DG29" s="119">
        <v>825450</v>
      </c>
      <c r="DH29" s="113">
        <v>0</v>
      </c>
      <c r="DI29" s="117">
        <v>0</v>
      </c>
      <c r="DJ29" s="115">
        <v>0</v>
      </c>
      <c r="DK29" s="114">
        <v>0</v>
      </c>
      <c r="DL29" s="117">
        <v>23845</v>
      </c>
      <c r="DM29" s="117">
        <v>28149</v>
      </c>
      <c r="DN29" s="117">
        <v>0</v>
      </c>
      <c r="DO29" s="117">
        <v>0</v>
      </c>
      <c r="DP29" s="117">
        <v>58925</v>
      </c>
      <c r="DQ29" s="116">
        <v>110919</v>
      </c>
      <c r="DR29" s="119">
        <v>110919</v>
      </c>
      <c r="DS29" s="113">
        <v>0</v>
      </c>
      <c r="DT29" s="117">
        <v>0</v>
      </c>
      <c r="DU29" s="116">
        <v>0</v>
      </c>
      <c r="DV29" s="113">
        <v>0</v>
      </c>
      <c r="DW29" s="117">
        <v>23845</v>
      </c>
      <c r="DX29" s="117">
        <v>28149</v>
      </c>
      <c r="DY29" s="117">
        <v>0</v>
      </c>
      <c r="DZ29" s="117">
        <v>0</v>
      </c>
      <c r="EA29" s="117">
        <v>58925</v>
      </c>
      <c r="EB29" s="116">
        <v>110919</v>
      </c>
      <c r="EC29" s="119">
        <v>110919</v>
      </c>
      <c r="ED29" s="113">
        <v>0</v>
      </c>
      <c r="EE29" s="115">
        <v>0</v>
      </c>
      <c r="EF29" s="116">
        <v>0</v>
      </c>
      <c r="EG29" s="113">
        <v>0</v>
      </c>
      <c r="EH29" s="117">
        <v>0</v>
      </c>
      <c r="EI29" s="117">
        <v>0</v>
      </c>
      <c r="EJ29" s="117">
        <v>0</v>
      </c>
      <c r="EK29" s="117">
        <v>0</v>
      </c>
      <c r="EL29" s="117">
        <v>0</v>
      </c>
      <c r="EM29" s="115">
        <v>0</v>
      </c>
      <c r="EN29" s="119">
        <v>0</v>
      </c>
      <c r="EO29" s="113">
        <v>0</v>
      </c>
      <c r="EP29" s="117">
        <v>0</v>
      </c>
      <c r="EQ29" s="115">
        <v>0</v>
      </c>
      <c r="ER29" s="114">
        <v>0</v>
      </c>
      <c r="ES29" s="117">
        <v>0</v>
      </c>
      <c r="ET29" s="117">
        <v>0</v>
      </c>
      <c r="EU29" s="117">
        <v>0</v>
      </c>
      <c r="EV29" s="117">
        <v>0</v>
      </c>
      <c r="EW29" s="117">
        <v>0</v>
      </c>
      <c r="EX29" s="116">
        <v>0</v>
      </c>
      <c r="EY29" s="119">
        <v>0</v>
      </c>
      <c r="EZ29" s="113">
        <v>0</v>
      </c>
      <c r="FA29" s="117">
        <v>0</v>
      </c>
      <c r="FB29" s="115">
        <v>0</v>
      </c>
      <c r="FC29" s="395"/>
      <c r="FD29" s="117">
        <v>0</v>
      </c>
      <c r="FE29" s="117">
        <v>0</v>
      </c>
      <c r="FF29" s="117">
        <v>0</v>
      </c>
      <c r="FG29" s="117">
        <v>0</v>
      </c>
      <c r="FH29" s="117">
        <v>0</v>
      </c>
      <c r="FI29" s="116">
        <v>0</v>
      </c>
      <c r="FJ29" s="119">
        <v>0</v>
      </c>
      <c r="FK29" s="113">
        <v>10115</v>
      </c>
      <c r="FL29" s="117">
        <v>23030</v>
      </c>
      <c r="FM29" s="116">
        <v>33145</v>
      </c>
      <c r="FN29" s="113">
        <v>0</v>
      </c>
      <c r="FO29" s="117">
        <v>113267</v>
      </c>
      <c r="FP29" s="117">
        <v>154315</v>
      </c>
      <c r="FQ29" s="117">
        <v>45514</v>
      </c>
      <c r="FR29" s="117">
        <v>73346</v>
      </c>
      <c r="FS29" s="117">
        <v>161952</v>
      </c>
      <c r="FT29" s="116">
        <v>548394</v>
      </c>
      <c r="FU29" s="119">
        <v>581539</v>
      </c>
      <c r="FV29" s="118">
        <v>10115</v>
      </c>
      <c r="FW29" s="117">
        <v>23030</v>
      </c>
      <c r="FX29" s="115">
        <v>33145</v>
      </c>
      <c r="FY29" s="114">
        <v>0</v>
      </c>
      <c r="FZ29" s="117">
        <v>113267</v>
      </c>
      <c r="GA29" s="117">
        <v>154315</v>
      </c>
      <c r="GB29" s="117">
        <v>8232</v>
      </c>
      <c r="GC29" s="117">
        <v>73346</v>
      </c>
      <c r="GD29" s="117">
        <v>137312</v>
      </c>
      <c r="GE29" s="116">
        <v>486472</v>
      </c>
      <c r="GF29" s="357">
        <v>519617</v>
      </c>
      <c r="GG29" s="118">
        <v>0</v>
      </c>
      <c r="GH29" s="117">
        <v>0</v>
      </c>
      <c r="GI29" s="115">
        <v>0</v>
      </c>
      <c r="GJ29" s="114">
        <v>0</v>
      </c>
      <c r="GK29" s="117">
        <v>0</v>
      </c>
      <c r="GL29" s="117">
        <v>0</v>
      </c>
      <c r="GM29" s="117">
        <v>16632</v>
      </c>
      <c r="GN29" s="117">
        <v>0</v>
      </c>
      <c r="GO29" s="117">
        <v>24640</v>
      </c>
      <c r="GP29" s="116">
        <v>41272</v>
      </c>
      <c r="GQ29" s="119">
        <v>41272</v>
      </c>
      <c r="GR29" s="113">
        <v>0</v>
      </c>
      <c r="GS29" s="117">
        <v>0</v>
      </c>
      <c r="GT29" s="116">
        <v>0</v>
      </c>
      <c r="GU29" s="113">
        <v>0</v>
      </c>
      <c r="GV29" s="117">
        <v>0</v>
      </c>
      <c r="GW29" s="117">
        <v>0</v>
      </c>
      <c r="GX29" s="117">
        <v>20650</v>
      </c>
      <c r="GY29" s="117">
        <v>0</v>
      </c>
      <c r="GZ29" s="117">
        <v>0</v>
      </c>
      <c r="HA29" s="115">
        <v>20650</v>
      </c>
      <c r="HB29" s="119">
        <v>20650</v>
      </c>
      <c r="HC29" s="113">
        <v>187219</v>
      </c>
      <c r="HD29" s="117">
        <v>70983</v>
      </c>
      <c r="HE29" s="115">
        <v>258202</v>
      </c>
      <c r="HF29" s="114">
        <v>0</v>
      </c>
      <c r="HG29" s="117">
        <v>561007</v>
      </c>
      <c r="HH29" s="117">
        <v>1226343</v>
      </c>
      <c r="HI29" s="117">
        <v>138970</v>
      </c>
      <c r="HJ29" s="117">
        <v>1472286</v>
      </c>
      <c r="HK29" s="117">
        <v>416414</v>
      </c>
      <c r="HL29" s="116">
        <v>3815020</v>
      </c>
      <c r="HM29" s="112">
        <v>4073222</v>
      </c>
      <c r="HN29" s="373"/>
      <c r="HO29" s="374"/>
      <c r="HP29" s="375"/>
      <c r="HQ29" s="376"/>
      <c r="HR29" s="374"/>
      <c r="HS29" s="374"/>
      <c r="HT29" s="374"/>
      <c r="HU29" s="374"/>
      <c r="HV29" s="374"/>
      <c r="HW29" s="377"/>
      <c r="HX29" s="378"/>
      <c r="HY29" s="148">
        <v>35829</v>
      </c>
      <c r="HZ29" s="149">
        <v>61296</v>
      </c>
      <c r="IA29" s="150">
        <v>97125</v>
      </c>
      <c r="IB29" s="162">
        <v>0</v>
      </c>
      <c r="IC29" s="149">
        <v>418353</v>
      </c>
      <c r="ID29" s="163">
        <v>361496</v>
      </c>
      <c r="IE29" s="150">
        <v>234532</v>
      </c>
      <c r="IF29" s="149">
        <v>210766</v>
      </c>
      <c r="IG29" s="150">
        <v>458694</v>
      </c>
      <c r="IH29" s="164">
        <v>1683841</v>
      </c>
      <c r="II29" s="156">
        <v>1780966</v>
      </c>
      <c r="IJ29" s="259">
        <v>0</v>
      </c>
      <c r="IK29" s="266">
        <v>0</v>
      </c>
      <c r="IL29" s="267">
        <v>0</v>
      </c>
      <c r="IM29" s="157"/>
      <c r="IN29" s="123">
        <v>0</v>
      </c>
      <c r="IO29" s="123">
        <v>0</v>
      </c>
      <c r="IP29" s="123">
        <v>0</v>
      </c>
      <c r="IQ29" s="123">
        <v>0</v>
      </c>
      <c r="IR29" s="123">
        <v>0</v>
      </c>
      <c r="IS29" s="158">
        <v>0</v>
      </c>
      <c r="IT29" s="360">
        <v>0</v>
      </c>
      <c r="IU29" s="159">
        <v>0</v>
      </c>
      <c r="IV29" s="123">
        <v>0</v>
      </c>
      <c r="IW29" s="124">
        <v>0</v>
      </c>
      <c r="IX29" s="161"/>
      <c r="IY29" s="123">
        <v>0</v>
      </c>
      <c r="IZ29" s="123">
        <v>0</v>
      </c>
      <c r="JA29" s="123">
        <v>0</v>
      </c>
      <c r="JB29" s="123">
        <v>0</v>
      </c>
      <c r="JC29" s="123">
        <v>0</v>
      </c>
      <c r="JD29" s="124">
        <v>0</v>
      </c>
      <c r="JE29" s="125">
        <v>0</v>
      </c>
      <c r="JF29" s="159">
        <v>0</v>
      </c>
      <c r="JG29" s="123">
        <v>0</v>
      </c>
      <c r="JH29" s="158">
        <v>0</v>
      </c>
      <c r="JI29" s="122">
        <v>0</v>
      </c>
      <c r="JJ29" s="123">
        <v>63945</v>
      </c>
      <c r="JK29" s="123">
        <v>196602</v>
      </c>
      <c r="JL29" s="123">
        <v>24780</v>
      </c>
      <c r="JM29" s="123">
        <v>0</v>
      </c>
      <c r="JN29" s="123">
        <v>0</v>
      </c>
      <c r="JO29" s="124">
        <v>285327</v>
      </c>
      <c r="JP29" s="360">
        <v>285327</v>
      </c>
      <c r="JQ29" s="159">
        <v>0</v>
      </c>
      <c r="JR29" s="123">
        <v>0</v>
      </c>
      <c r="JS29" s="158">
        <v>0</v>
      </c>
      <c r="JT29" s="122">
        <v>0</v>
      </c>
      <c r="JU29" s="123">
        <v>0</v>
      </c>
      <c r="JV29" s="123">
        <v>36400</v>
      </c>
      <c r="JW29" s="123">
        <v>0</v>
      </c>
      <c r="JX29" s="123">
        <v>0</v>
      </c>
      <c r="JY29" s="123">
        <v>242874</v>
      </c>
      <c r="JZ29" s="124">
        <v>279274</v>
      </c>
      <c r="KA29" s="360">
        <v>279274</v>
      </c>
      <c r="KB29" s="262">
        <v>35829</v>
      </c>
      <c r="KC29" s="256">
        <v>61296</v>
      </c>
      <c r="KD29" s="124">
        <v>97125</v>
      </c>
      <c r="KE29" s="122">
        <v>0</v>
      </c>
      <c r="KF29" s="123">
        <v>354408</v>
      </c>
      <c r="KG29" s="123">
        <v>128494</v>
      </c>
      <c r="KH29" s="123">
        <v>0</v>
      </c>
      <c r="KI29" s="123">
        <v>0</v>
      </c>
      <c r="KJ29" s="123">
        <v>0</v>
      </c>
      <c r="KK29" s="124">
        <v>482902</v>
      </c>
      <c r="KL29" s="160">
        <v>580027</v>
      </c>
      <c r="KM29" s="259">
        <v>0</v>
      </c>
      <c r="KN29" s="266">
        <v>0</v>
      </c>
      <c r="KO29" s="267">
        <v>0</v>
      </c>
      <c r="KP29" s="395"/>
      <c r="KQ29" s="123">
        <v>0</v>
      </c>
      <c r="KR29" s="123">
        <v>0</v>
      </c>
      <c r="KS29" s="123">
        <v>209752</v>
      </c>
      <c r="KT29" s="123">
        <v>210766</v>
      </c>
      <c r="KU29" s="123">
        <v>215820</v>
      </c>
      <c r="KV29" s="124">
        <v>636338</v>
      </c>
      <c r="KW29" s="360">
        <v>636338</v>
      </c>
      <c r="KX29" s="159">
        <v>0</v>
      </c>
      <c r="KY29" s="123">
        <v>0</v>
      </c>
      <c r="KZ29" s="124">
        <v>0</v>
      </c>
      <c r="LA29" s="395"/>
      <c r="LB29" s="123">
        <v>0</v>
      </c>
      <c r="LC29" s="123">
        <v>0</v>
      </c>
      <c r="LD29" s="123">
        <v>0</v>
      </c>
      <c r="LE29" s="123">
        <v>0</v>
      </c>
      <c r="LF29" s="123">
        <v>0</v>
      </c>
      <c r="LG29" s="124">
        <v>0</v>
      </c>
      <c r="LH29" s="125">
        <v>0</v>
      </c>
      <c r="LI29" s="159">
        <v>0</v>
      </c>
      <c r="LJ29" s="123">
        <v>0</v>
      </c>
      <c r="LK29" s="124">
        <v>0</v>
      </c>
      <c r="LL29" s="395"/>
      <c r="LM29" s="123">
        <v>0</v>
      </c>
      <c r="LN29" s="123">
        <v>0</v>
      </c>
      <c r="LO29" s="123">
        <v>0</v>
      </c>
      <c r="LP29" s="123">
        <v>0</v>
      </c>
      <c r="LQ29" s="123">
        <v>0</v>
      </c>
      <c r="LR29" s="124">
        <v>0</v>
      </c>
      <c r="LS29" s="360">
        <v>0</v>
      </c>
      <c r="LT29" s="159">
        <v>0</v>
      </c>
      <c r="LU29" s="123">
        <v>0</v>
      </c>
      <c r="LV29" s="124">
        <v>0</v>
      </c>
      <c r="LW29" s="395"/>
      <c r="LX29" s="123">
        <v>0</v>
      </c>
      <c r="LY29" s="123">
        <v>0</v>
      </c>
      <c r="LZ29" s="123">
        <v>0</v>
      </c>
      <c r="MA29" s="123">
        <v>0</v>
      </c>
      <c r="MB29" s="123">
        <v>0</v>
      </c>
      <c r="MC29" s="124">
        <v>0</v>
      </c>
      <c r="MD29" s="125">
        <v>0</v>
      </c>
      <c r="ME29" s="159">
        <v>0</v>
      </c>
      <c r="MF29" s="123">
        <v>0</v>
      </c>
      <c r="MG29" s="124">
        <v>0</v>
      </c>
      <c r="MH29" s="395"/>
      <c r="MI29" s="123">
        <v>197014</v>
      </c>
      <c r="MJ29" s="123">
        <v>0</v>
      </c>
      <c r="MK29" s="123">
        <v>163808</v>
      </c>
      <c r="ML29" s="123">
        <v>992287</v>
      </c>
      <c r="MM29" s="123">
        <v>0</v>
      </c>
      <c r="MN29" s="124">
        <v>1353109</v>
      </c>
      <c r="MO29" s="160">
        <v>1353109</v>
      </c>
      <c r="MP29" s="159">
        <v>0</v>
      </c>
      <c r="MQ29" s="123">
        <v>0</v>
      </c>
      <c r="MR29" s="124">
        <v>0</v>
      </c>
      <c r="MS29" s="395"/>
      <c r="MT29" s="123">
        <v>0</v>
      </c>
      <c r="MU29" s="123">
        <v>0</v>
      </c>
      <c r="MV29" s="123">
        <v>163808</v>
      </c>
      <c r="MW29" s="123">
        <v>474170</v>
      </c>
      <c r="MX29" s="123">
        <v>0</v>
      </c>
      <c r="MY29" s="124">
        <v>637978</v>
      </c>
      <c r="MZ29" s="160">
        <v>637978</v>
      </c>
      <c r="NA29" s="159">
        <v>0</v>
      </c>
      <c r="NB29" s="123">
        <v>0</v>
      </c>
      <c r="NC29" s="124">
        <v>0</v>
      </c>
      <c r="ND29" s="395"/>
      <c r="NE29" s="123">
        <v>197014</v>
      </c>
      <c r="NF29" s="123">
        <v>0</v>
      </c>
      <c r="NG29" s="123">
        <v>0</v>
      </c>
      <c r="NH29" s="123">
        <v>518117</v>
      </c>
      <c r="NI29" s="123">
        <v>0</v>
      </c>
      <c r="NJ29" s="124">
        <v>715131</v>
      </c>
      <c r="NK29" s="360">
        <v>715131</v>
      </c>
      <c r="NL29" s="159">
        <v>0</v>
      </c>
      <c r="NM29" s="123">
        <v>0</v>
      </c>
      <c r="NN29" s="124">
        <v>0</v>
      </c>
      <c r="NO29" s="395"/>
      <c r="NP29" s="123">
        <v>0</v>
      </c>
      <c r="NQ29" s="123">
        <v>0</v>
      </c>
      <c r="NR29" s="123">
        <v>0</v>
      </c>
      <c r="NS29" s="123">
        <v>0</v>
      </c>
      <c r="NT29" s="123">
        <v>0</v>
      </c>
      <c r="NU29" s="124">
        <v>0</v>
      </c>
      <c r="NV29" s="125">
        <v>0</v>
      </c>
      <c r="NW29" s="159">
        <v>0</v>
      </c>
      <c r="NX29" s="123">
        <v>0</v>
      </c>
      <c r="NY29" s="124">
        <v>0</v>
      </c>
      <c r="NZ29" s="395"/>
      <c r="OA29" s="123">
        <v>0</v>
      </c>
      <c r="OB29" s="123">
        <v>0</v>
      </c>
      <c r="OC29" s="123">
        <v>0</v>
      </c>
      <c r="OD29" s="123">
        <v>0</v>
      </c>
      <c r="OE29" s="123">
        <v>0</v>
      </c>
      <c r="OF29" s="124">
        <v>0</v>
      </c>
      <c r="OG29" s="125">
        <v>0</v>
      </c>
      <c r="OH29" s="159">
        <v>315206</v>
      </c>
      <c r="OI29" s="123">
        <v>216869</v>
      </c>
      <c r="OJ29" s="158">
        <v>532075</v>
      </c>
      <c r="OK29" s="122">
        <v>0</v>
      </c>
      <c r="OL29" s="123">
        <v>2586255</v>
      </c>
      <c r="OM29" s="123">
        <v>2758416</v>
      </c>
      <c r="ON29" s="123">
        <v>757174</v>
      </c>
      <c r="OO29" s="123">
        <v>3925824</v>
      </c>
      <c r="OP29" s="123">
        <v>2105872</v>
      </c>
      <c r="OQ29" s="124">
        <v>12133541</v>
      </c>
      <c r="OR29" s="160">
        <v>12665616</v>
      </c>
    </row>
    <row r="30" spans="1:408" ht="20.25" customHeight="1" x14ac:dyDescent="0.2">
      <c r="A30" s="130" t="s">
        <v>25</v>
      </c>
      <c r="B30" s="113">
        <v>31192</v>
      </c>
      <c r="C30" s="117">
        <v>128612</v>
      </c>
      <c r="D30" s="116">
        <v>159804</v>
      </c>
      <c r="E30" s="112">
        <v>0</v>
      </c>
      <c r="F30" s="117">
        <v>552645</v>
      </c>
      <c r="G30" s="117">
        <v>964442</v>
      </c>
      <c r="H30" s="117">
        <v>805898</v>
      </c>
      <c r="I30" s="117">
        <v>1316105</v>
      </c>
      <c r="J30" s="117">
        <v>735695</v>
      </c>
      <c r="K30" s="198">
        <v>4374785</v>
      </c>
      <c r="L30" s="119">
        <v>4534589</v>
      </c>
      <c r="M30" s="113">
        <v>17654</v>
      </c>
      <c r="N30" s="117">
        <v>24220</v>
      </c>
      <c r="O30" s="116">
        <v>41874</v>
      </c>
      <c r="P30" s="113">
        <v>0</v>
      </c>
      <c r="Q30" s="117">
        <v>221069</v>
      </c>
      <c r="R30" s="117">
        <v>109855</v>
      </c>
      <c r="S30" s="117">
        <v>185420</v>
      </c>
      <c r="T30" s="117">
        <v>63353</v>
      </c>
      <c r="U30" s="117">
        <v>393706</v>
      </c>
      <c r="V30" s="116">
        <v>973403</v>
      </c>
      <c r="W30" s="119">
        <v>1015277</v>
      </c>
      <c r="X30" s="113">
        <v>0</v>
      </c>
      <c r="Y30" s="117">
        <v>0</v>
      </c>
      <c r="Z30" s="116">
        <v>0</v>
      </c>
      <c r="AA30" s="113">
        <v>0</v>
      </c>
      <c r="AB30" s="117">
        <v>71182</v>
      </c>
      <c r="AC30" s="117">
        <v>30813</v>
      </c>
      <c r="AD30" s="117">
        <v>84934</v>
      </c>
      <c r="AE30" s="117">
        <v>0</v>
      </c>
      <c r="AF30" s="117">
        <v>24521</v>
      </c>
      <c r="AG30" s="116">
        <v>211450</v>
      </c>
      <c r="AH30" s="119">
        <v>211450</v>
      </c>
      <c r="AI30" s="113">
        <v>0</v>
      </c>
      <c r="AJ30" s="117">
        <v>0</v>
      </c>
      <c r="AK30" s="116">
        <v>0</v>
      </c>
      <c r="AL30" s="113">
        <v>0</v>
      </c>
      <c r="AM30" s="117">
        <v>0</v>
      </c>
      <c r="AN30" s="117">
        <v>0</v>
      </c>
      <c r="AO30" s="117">
        <v>38940</v>
      </c>
      <c r="AP30" s="117">
        <v>0</v>
      </c>
      <c r="AQ30" s="117">
        <v>181095</v>
      </c>
      <c r="AR30" s="116">
        <v>220035</v>
      </c>
      <c r="AS30" s="119">
        <v>220035</v>
      </c>
      <c r="AT30" s="113">
        <v>13482</v>
      </c>
      <c r="AU30" s="117">
        <v>24220</v>
      </c>
      <c r="AV30" s="116">
        <v>37702</v>
      </c>
      <c r="AW30" s="113">
        <v>0</v>
      </c>
      <c r="AX30" s="117">
        <v>79670</v>
      </c>
      <c r="AY30" s="117">
        <v>24596</v>
      </c>
      <c r="AZ30" s="117">
        <v>40616</v>
      </c>
      <c r="BA30" s="117">
        <v>5961</v>
      </c>
      <c r="BB30" s="117">
        <v>180292</v>
      </c>
      <c r="BC30" s="116">
        <v>331135</v>
      </c>
      <c r="BD30" s="119">
        <v>368837</v>
      </c>
      <c r="BE30" s="113">
        <v>0</v>
      </c>
      <c r="BF30" s="117">
        <v>0</v>
      </c>
      <c r="BG30" s="115">
        <v>0</v>
      </c>
      <c r="BH30" s="114">
        <v>0</v>
      </c>
      <c r="BI30" s="117">
        <v>0</v>
      </c>
      <c r="BJ30" s="117">
        <v>0</v>
      </c>
      <c r="BK30" s="117">
        <v>0</v>
      </c>
      <c r="BL30" s="117">
        <v>37988</v>
      </c>
      <c r="BM30" s="117">
        <v>0</v>
      </c>
      <c r="BN30" s="116">
        <v>37988</v>
      </c>
      <c r="BO30" s="119">
        <v>37988</v>
      </c>
      <c r="BP30" s="113">
        <v>4172</v>
      </c>
      <c r="BQ30" s="117">
        <v>0</v>
      </c>
      <c r="BR30" s="116">
        <v>4172</v>
      </c>
      <c r="BS30" s="113">
        <v>0</v>
      </c>
      <c r="BT30" s="117">
        <v>70217</v>
      </c>
      <c r="BU30" s="117">
        <v>54446</v>
      </c>
      <c r="BV30" s="117">
        <v>20930</v>
      </c>
      <c r="BW30" s="117">
        <v>19404</v>
      </c>
      <c r="BX30" s="117">
        <v>7798</v>
      </c>
      <c r="BY30" s="116">
        <v>172795</v>
      </c>
      <c r="BZ30" s="119">
        <v>176967</v>
      </c>
      <c r="CA30" s="113">
        <v>0</v>
      </c>
      <c r="CB30" s="117">
        <v>64156</v>
      </c>
      <c r="CC30" s="116">
        <v>64156</v>
      </c>
      <c r="CD30" s="113">
        <v>0</v>
      </c>
      <c r="CE30" s="117">
        <v>267309</v>
      </c>
      <c r="CF30" s="117">
        <v>471665</v>
      </c>
      <c r="CG30" s="117">
        <v>501301</v>
      </c>
      <c r="CH30" s="117">
        <v>802747</v>
      </c>
      <c r="CI30" s="117">
        <v>0</v>
      </c>
      <c r="CJ30" s="116">
        <v>2043022</v>
      </c>
      <c r="CK30" s="119">
        <v>2107178</v>
      </c>
      <c r="CL30" s="113">
        <v>0</v>
      </c>
      <c r="CM30" s="117">
        <v>0</v>
      </c>
      <c r="CN30" s="116">
        <v>0</v>
      </c>
      <c r="CO30" s="114">
        <v>0</v>
      </c>
      <c r="CP30" s="117">
        <v>267309</v>
      </c>
      <c r="CQ30" s="117">
        <v>136693</v>
      </c>
      <c r="CR30" s="117">
        <v>296211</v>
      </c>
      <c r="CS30" s="117">
        <v>664214</v>
      </c>
      <c r="CT30" s="117">
        <v>0</v>
      </c>
      <c r="CU30" s="116">
        <v>1364427</v>
      </c>
      <c r="CV30" s="119">
        <v>1364427</v>
      </c>
      <c r="CW30" s="113">
        <v>0</v>
      </c>
      <c r="CX30" s="117">
        <v>64156</v>
      </c>
      <c r="CY30" s="116">
        <v>64156</v>
      </c>
      <c r="CZ30" s="113">
        <v>0</v>
      </c>
      <c r="DA30" s="117">
        <v>0</v>
      </c>
      <c r="DB30" s="117">
        <v>334972</v>
      </c>
      <c r="DC30" s="117">
        <v>205090</v>
      </c>
      <c r="DD30" s="117">
        <v>138533</v>
      </c>
      <c r="DE30" s="117">
        <v>0</v>
      </c>
      <c r="DF30" s="116">
        <v>678595</v>
      </c>
      <c r="DG30" s="119">
        <v>742751</v>
      </c>
      <c r="DH30" s="113">
        <v>0</v>
      </c>
      <c r="DI30" s="117">
        <v>0</v>
      </c>
      <c r="DJ30" s="115">
        <v>0</v>
      </c>
      <c r="DK30" s="114">
        <v>0</v>
      </c>
      <c r="DL30" s="117">
        <v>0</v>
      </c>
      <c r="DM30" s="117">
        <v>22346</v>
      </c>
      <c r="DN30" s="117">
        <v>34764</v>
      </c>
      <c r="DO30" s="117">
        <v>30676</v>
      </c>
      <c r="DP30" s="117">
        <v>0</v>
      </c>
      <c r="DQ30" s="116">
        <v>87786</v>
      </c>
      <c r="DR30" s="119">
        <v>87786</v>
      </c>
      <c r="DS30" s="113">
        <v>0</v>
      </c>
      <c r="DT30" s="117">
        <v>0</v>
      </c>
      <c r="DU30" s="116">
        <v>0</v>
      </c>
      <c r="DV30" s="113">
        <v>0</v>
      </c>
      <c r="DW30" s="117">
        <v>0</v>
      </c>
      <c r="DX30" s="117">
        <v>22346</v>
      </c>
      <c r="DY30" s="117">
        <v>34764</v>
      </c>
      <c r="DZ30" s="117">
        <v>30676</v>
      </c>
      <c r="EA30" s="117">
        <v>0</v>
      </c>
      <c r="EB30" s="116">
        <v>87786</v>
      </c>
      <c r="EC30" s="119">
        <v>87786</v>
      </c>
      <c r="ED30" s="113">
        <v>0</v>
      </c>
      <c r="EE30" s="115">
        <v>0</v>
      </c>
      <c r="EF30" s="116">
        <v>0</v>
      </c>
      <c r="EG30" s="113">
        <v>0</v>
      </c>
      <c r="EH30" s="117">
        <v>0</v>
      </c>
      <c r="EI30" s="117">
        <v>0</v>
      </c>
      <c r="EJ30" s="117">
        <v>0</v>
      </c>
      <c r="EK30" s="117">
        <v>0</v>
      </c>
      <c r="EL30" s="117">
        <v>0</v>
      </c>
      <c r="EM30" s="115">
        <v>0</v>
      </c>
      <c r="EN30" s="119">
        <v>0</v>
      </c>
      <c r="EO30" s="113">
        <v>0</v>
      </c>
      <c r="EP30" s="117">
        <v>0</v>
      </c>
      <c r="EQ30" s="115">
        <v>0</v>
      </c>
      <c r="ER30" s="114">
        <v>0</v>
      </c>
      <c r="ES30" s="117">
        <v>0</v>
      </c>
      <c r="ET30" s="117">
        <v>0</v>
      </c>
      <c r="EU30" s="117">
        <v>0</v>
      </c>
      <c r="EV30" s="117">
        <v>0</v>
      </c>
      <c r="EW30" s="117">
        <v>0</v>
      </c>
      <c r="EX30" s="116">
        <v>0</v>
      </c>
      <c r="EY30" s="119">
        <v>0</v>
      </c>
      <c r="EZ30" s="113">
        <v>0</v>
      </c>
      <c r="FA30" s="117">
        <v>0</v>
      </c>
      <c r="FB30" s="115">
        <v>0</v>
      </c>
      <c r="FC30" s="395"/>
      <c r="FD30" s="117">
        <v>0</v>
      </c>
      <c r="FE30" s="117">
        <v>0</v>
      </c>
      <c r="FF30" s="117">
        <v>0</v>
      </c>
      <c r="FG30" s="117">
        <v>0</v>
      </c>
      <c r="FH30" s="117">
        <v>0</v>
      </c>
      <c r="FI30" s="116">
        <v>0</v>
      </c>
      <c r="FJ30" s="119">
        <v>0</v>
      </c>
      <c r="FK30" s="113">
        <v>13538</v>
      </c>
      <c r="FL30" s="117">
        <v>40236</v>
      </c>
      <c r="FM30" s="116">
        <v>53774</v>
      </c>
      <c r="FN30" s="113">
        <v>0</v>
      </c>
      <c r="FO30" s="117">
        <v>64267</v>
      </c>
      <c r="FP30" s="117">
        <v>52108</v>
      </c>
      <c r="FQ30" s="117">
        <v>84413</v>
      </c>
      <c r="FR30" s="117">
        <v>47348</v>
      </c>
      <c r="FS30" s="117">
        <v>139496</v>
      </c>
      <c r="FT30" s="116">
        <v>387632</v>
      </c>
      <c r="FU30" s="119">
        <v>441406</v>
      </c>
      <c r="FV30" s="118">
        <v>13538</v>
      </c>
      <c r="FW30" s="117">
        <v>19446</v>
      </c>
      <c r="FX30" s="115">
        <v>32984</v>
      </c>
      <c r="FY30" s="114">
        <v>0</v>
      </c>
      <c r="FZ30" s="117">
        <v>43862</v>
      </c>
      <c r="GA30" s="117">
        <v>52108</v>
      </c>
      <c r="GB30" s="117">
        <v>84413</v>
      </c>
      <c r="GC30" s="117">
        <v>47348</v>
      </c>
      <c r="GD30" s="117">
        <v>139496</v>
      </c>
      <c r="GE30" s="116">
        <v>367227</v>
      </c>
      <c r="GF30" s="357">
        <v>400211</v>
      </c>
      <c r="GG30" s="118">
        <v>0</v>
      </c>
      <c r="GH30" s="117">
        <v>20790</v>
      </c>
      <c r="GI30" s="115">
        <v>20790</v>
      </c>
      <c r="GJ30" s="114">
        <v>0</v>
      </c>
      <c r="GK30" s="117">
        <v>20405</v>
      </c>
      <c r="GL30" s="117">
        <v>0</v>
      </c>
      <c r="GM30" s="117">
        <v>0</v>
      </c>
      <c r="GN30" s="117">
        <v>0</v>
      </c>
      <c r="GO30" s="117">
        <v>0</v>
      </c>
      <c r="GP30" s="116">
        <v>20405</v>
      </c>
      <c r="GQ30" s="119">
        <v>41195</v>
      </c>
      <c r="GR30" s="113">
        <v>0</v>
      </c>
      <c r="GS30" s="117">
        <v>0</v>
      </c>
      <c r="GT30" s="116">
        <v>0</v>
      </c>
      <c r="GU30" s="113">
        <v>0</v>
      </c>
      <c r="GV30" s="117">
        <v>0</v>
      </c>
      <c r="GW30" s="117">
        <v>0</v>
      </c>
      <c r="GX30" s="117">
        <v>0</v>
      </c>
      <c r="GY30" s="117">
        <v>0</v>
      </c>
      <c r="GZ30" s="117">
        <v>0</v>
      </c>
      <c r="HA30" s="115">
        <v>0</v>
      </c>
      <c r="HB30" s="119">
        <v>0</v>
      </c>
      <c r="HC30" s="113">
        <v>0</v>
      </c>
      <c r="HD30" s="117">
        <v>0</v>
      </c>
      <c r="HE30" s="115">
        <v>0</v>
      </c>
      <c r="HF30" s="114">
        <v>0</v>
      </c>
      <c r="HG30" s="117">
        <v>0</v>
      </c>
      <c r="HH30" s="117">
        <v>308468</v>
      </c>
      <c r="HI30" s="117">
        <v>0</v>
      </c>
      <c r="HJ30" s="117">
        <v>371981</v>
      </c>
      <c r="HK30" s="117">
        <v>202493</v>
      </c>
      <c r="HL30" s="116">
        <v>882942</v>
      </c>
      <c r="HM30" s="112">
        <v>882942</v>
      </c>
      <c r="HN30" s="373"/>
      <c r="HO30" s="374"/>
      <c r="HP30" s="375"/>
      <c r="HQ30" s="376"/>
      <c r="HR30" s="374"/>
      <c r="HS30" s="374"/>
      <c r="HT30" s="374"/>
      <c r="HU30" s="374"/>
      <c r="HV30" s="374"/>
      <c r="HW30" s="377"/>
      <c r="HX30" s="378"/>
      <c r="HY30" s="166">
        <v>0</v>
      </c>
      <c r="HZ30" s="152">
        <v>0</v>
      </c>
      <c r="IA30" s="166">
        <v>0</v>
      </c>
      <c r="IB30" s="151">
        <v>0</v>
      </c>
      <c r="IC30" s="152">
        <v>515558</v>
      </c>
      <c r="ID30" s="153">
        <v>420501</v>
      </c>
      <c r="IE30" s="154">
        <v>0</v>
      </c>
      <c r="IF30" s="152">
        <v>0</v>
      </c>
      <c r="IG30" s="154">
        <v>257526</v>
      </c>
      <c r="IH30" s="155">
        <v>1193585</v>
      </c>
      <c r="II30" s="166">
        <v>1193585</v>
      </c>
      <c r="IJ30" s="259">
        <v>0</v>
      </c>
      <c r="IK30" s="266">
        <v>0</v>
      </c>
      <c r="IL30" s="267">
        <v>0</v>
      </c>
      <c r="IM30" s="157"/>
      <c r="IN30" s="123">
        <v>0</v>
      </c>
      <c r="IO30" s="123">
        <v>0</v>
      </c>
      <c r="IP30" s="123">
        <v>0</v>
      </c>
      <c r="IQ30" s="123">
        <v>0</v>
      </c>
      <c r="IR30" s="123">
        <v>0</v>
      </c>
      <c r="IS30" s="158">
        <v>0</v>
      </c>
      <c r="IT30" s="360">
        <v>0</v>
      </c>
      <c r="IU30" s="159">
        <v>0</v>
      </c>
      <c r="IV30" s="123">
        <v>0</v>
      </c>
      <c r="IW30" s="124">
        <v>0</v>
      </c>
      <c r="IX30" s="161"/>
      <c r="IY30" s="123">
        <v>0</v>
      </c>
      <c r="IZ30" s="123">
        <v>0</v>
      </c>
      <c r="JA30" s="123">
        <v>0</v>
      </c>
      <c r="JB30" s="123">
        <v>0</v>
      </c>
      <c r="JC30" s="123">
        <v>0</v>
      </c>
      <c r="JD30" s="124">
        <v>0</v>
      </c>
      <c r="JE30" s="125">
        <v>0</v>
      </c>
      <c r="JF30" s="159">
        <v>0</v>
      </c>
      <c r="JG30" s="123">
        <v>0</v>
      </c>
      <c r="JH30" s="158">
        <v>0</v>
      </c>
      <c r="JI30" s="122">
        <v>0</v>
      </c>
      <c r="JJ30" s="123">
        <v>116994</v>
      </c>
      <c r="JK30" s="123">
        <v>0</v>
      </c>
      <c r="JL30" s="123">
        <v>0</v>
      </c>
      <c r="JM30" s="123">
        <v>0</v>
      </c>
      <c r="JN30" s="123">
        <v>0</v>
      </c>
      <c r="JO30" s="124">
        <v>116994</v>
      </c>
      <c r="JP30" s="360">
        <v>116994</v>
      </c>
      <c r="JQ30" s="159">
        <v>0</v>
      </c>
      <c r="JR30" s="123">
        <v>0</v>
      </c>
      <c r="JS30" s="158">
        <v>0</v>
      </c>
      <c r="JT30" s="122">
        <v>0</v>
      </c>
      <c r="JU30" s="123">
        <v>0</v>
      </c>
      <c r="JV30" s="123">
        <v>0</v>
      </c>
      <c r="JW30" s="123">
        <v>0</v>
      </c>
      <c r="JX30" s="123">
        <v>0</v>
      </c>
      <c r="JY30" s="123">
        <v>0</v>
      </c>
      <c r="JZ30" s="124">
        <v>0</v>
      </c>
      <c r="KA30" s="360">
        <v>0</v>
      </c>
      <c r="KB30" s="262">
        <v>0</v>
      </c>
      <c r="KC30" s="256">
        <v>0</v>
      </c>
      <c r="KD30" s="124">
        <v>0</v>
      </c>
      <c r="KE30" s="122">
        <v>0</v>
      </c>
      <c r="KF30" s="123">
        <v>0</v>
      </c>
      <c r="KG30" s="123">
        <v>0</v>
      </c>
      <c r="KH30" s="123">
        <v>0</v>
      </c>
      <c r="KI30" s="123">
        <v>0</v>
      </c>
      <c r="KJ30" s="123">
        <v>228823</v>
      </c>
      <c r="KK30" s="124">
        <v>228823</v>
      </c>
      <c r="KL30" s="160">
        <v>228823</v>
      </c>
      <c r="KM30" s="259">
        <v>0</v>
      </c>
      <c r="KN30" s="266">
        <v>0</v>
      </c>
      <c r="KO30" s="267">
        <v>0</v>
      </c>
      <c r="KP30" s="395"/>
      <c r="KQ30" s="123">
        <v>398564</v>
      </c>
      <c r="KR30" s="123">
        <v>420501</v>
      </c>
      <c r="KS30" s="123">
        <v>0</v>
      </c>
      <c r="KT30" s="123">
        <v>0</v>
      </c>
      <c r="KU30" s="123">
        <v>28703</v>
      </c>
      <c r="KV30" s="124">
        <v>847768</v>
      </c>
      <c r="KW30" s="360">
        <v>847768</v>
      </c>
      <c r="KX30" s="159">
        <v>0</v>
      </c>
      <c r="KY30" s="123">
        <v>0</v>
      </c>
      <c r="KZ30" s="124">
        <v>0</v>
      </c>
      <c r="LA30" s="395"/>
      <c r="LB30" s="123">
        <v>0</v>
      </c>
      <c r="LC30" s="123">
        <v>0</v>
      </c>
      <c r="LD30" s="123">
        <v>0</v>
      </c>
      <c r="LE30" s="123">
        <v>0</v>
      </c>
      <c r="LF30" s="123">
        <v>0</v>
      </c>
      <c r="LG30" s="124">
        <v>0</v>
      </c>
      <c r="LH30" s="125">
        <v>0</v>
      </c>
      <c r="LI30" s="159">
        <v>0</v>
      </c>
      <c r="LJ30" s="123">
        <v>0</v>
      </c>
      <c r="LK30" s="124">
        <v>0</v>
      </c>
      <c r="LL30" s="395"/>
      <c r="LM30" s="123">
        <v>0</v>
      </c>
      <c r="LN30" s="123">
        <v>0</v>
      </c>
      <c r="LO30" s="123">
        <v>0</v>
      </c>
      <c r="LP30" s="123">
        <v>0</v>
      </c>
      <c r="LQ30" s="123">
        <v>0</v>
      </c>
      <c r="LR30" s="124">
        <v>0</v>
      </c>
      <c r="LS30" s="360">
        <v>0</v>
      </c>
      <c r="LT30" s="159">
        <v>0</v>
      </c>
      <c r="LU30" s="123">
        <v>0</v>
      </c>
      <c r="LV30" s="124">
        <v>0</v>
      </c>
      <c r="LW30" s="395"/>
      <c r="LX30" s="123">
        <v>0</v>
      </c>
      <c r="LY30" s="123">
        <v>0</v>
      </c>
      <c r="LZ30" s="123">
        <v>0</v>
      </c>
      <c r="MA30" s="123">
        <v>0</v>
      </c>
      <c r="MB30" s="123">
        <v>0</v>
      </c>
      <c r="MC30" s="124">
        <v>0</v>
      </c>
      <c r="MD30" s="125">
        <v>0</v>
      </c>
      <c r="ME30" s="159">
        <v>0</v>
      </c>
      <c r="MF30" s="123">
        <v>0</v>
      </c>
      <c r="MG30" s="124">
        <v>0</v>
      </c>
      <c r="MH30" s="395"/>
      <c r="MI30" s="123">
        <v>0</v>
      </c>
      <c r="MJ30" s="123">
        <v>0</v>
      </c>
      <c r="MK30" s="123">
        <v>0</v>
      </c>
      <c r="ML30" s="123">
        <v>485202</v>
      </c>
      <c r="MM30" s="123">
        <v>426309</v>
      </c>
      <c r="MN30" s="124">
        <v>911511</v>
      </c>
      <c r="MO30" s="160">
        <v>911511</v>
      </c>
      <c r="MP30" s="159">
        <v>0</v>
      </c>
      <c r="MQ30" s="123">
        <v>0</v>
      </c>
      <c r="MR30" s="124">
        <v>0</v>
      </c>
      <c r="MS30" s="395"/>
      <c r="MT30" s="123">
        <v>0</v>
      </c>
      <c r="MU30" s="123">
        <v>0</v>
      </c>
      <c r="MV30" s="123">
        <v>0</v>
      </c>
      <c r="MW30" s="123">
        <v>212186</v>
      </c>
      <c r="MX30" s="123">
        <v>426309</v>
      </c>
      <c r="MY30" s="124">
        <v>638495</v>
      </c>
      <c r="MZ30" s="160">
        <v>638495</v>
      </c>
      <c r="NA30" s="159">
        <v>0</v>
      </c>
      <c r="NB30" s="123">
        <v>0</v>
      </c>
      <c r="NC30" s="124">
        <v>0</v>
      </c>
      <c r="ND30" s="395"/>
      <c r="NE30" s="123">
        <v>0</v>
      </c>
      <c r="NF30" s="123">
        <v>0</v>
      </c>
      <c r="NG30" s="123">
        <v>0</v>
      </c>
      <c r="NH30" s="123">
        <v>273016</v>
      </c>
      <c r="NI30" s="123">
        <v>0</v>
      </c>
      <c r="NJ30" s="124">
        <v>273016</v>
      </c>
      <c r="NK30" s="360">
        <v>273016</v>
      </c>
      <c r="NL30" s="159">
        <v>0</v>
      </c>
      <c r="NM30" s="123">
        <v>0</v>
      </c>
      <c r="NN30" s="124">
        <v>0</v>
      </c>
      <c r="NO30" s="395"/>
      <c r="NP30" s="123">
        <v>0</v>
      </c>
      <c r="NQ30" s="123">
        <v>0</v>
      </c>
      <c r="NR30" s="123">
        <v>0</v>
      </c>
      <c r="NS30" s="123">
        <v>0</v>
      </c>
      <c r="NT30" s="123">
        <v>0</v>
      </c>
      <c r="NU30" s="124">
        <v>0</v>
      </c>
      <c r="NV30" s="125">
        <v>0</v>
      </c>
      <c r="NW30" s="159">
        <v>0</v>
      </c>
      <c r="NX30" s="123">
        <v>0</v>
      </c>
      <c r="NY30" s="124">
        <v>0</v>
      </c>
      <c r="NZ30" s="395"/>
      <c r="OA30" s="123">
        <v>0</v>
      </c>
      <c r="OB30" s="123">
        <v>0</v>
      </c>
      <c r="OC30" s="123">
        <v>0</v>
      </c>
      <c r="OD30" s="123">
        <v>0</v>
      </c>
      <c r="OE30" s="123">
        <v>0</v>
      </c>
      <c r="OF30" s="124">
        <v>0</v>
      </c>
      <c r="OG30" s="125">
        <v>0</v>
      </c>
      <c r="OH30" s="159">
        <v>31192</v>
      </c>
      <c r="OI30" s="123">
        <v>128612</v>
      </c>
      <c r="OJ30" s="158">
        <v>159804</v>
      </c>
      <c r="OK30" s="122">
        <v>0</v>
      </c>
      <c r="OL30" s="123">
        <v>1068203</v>
      </c>
      <c r="OM30" s="123">
        <v>1384943</v>
      </c>
      <c r="ON30" s="123">
        <v>805898</v>
      </c>
      <c r="OO30" s="123">
        <v>1801307</v>
      </c>
      <c r="OP30" s="123">
        <v>1419530</v>
      </c>
      <c r="OQ30" s="124">
        <v>6479881</v>
      </c>
      <c r="OR30" s="160">
        <v>6639685</v>
      </c>
    </row>
    <row r="31" spans="1:408" ht="20.25" customHeight="1" x14ac:dyDescent="0.2">
      <c r="A31" s="130" t="s">
        <v>26</v>
      </c>
      <c r="B31" s="113">
        <v>148873</v>
      </c>
      <c r="C31" s="117">
        <v>252757</v>
      </c>
      <c r="D31" s="116">
        <v>401630</v>
      </c>
      <c r="E31" s="112">
        <v>0</v>
      </c>
      <c r="F31" s="117">
        <v>908040</v>
      </c>
      <c r="G31" s="117">
        <v>1755329</v>
      </c>
      <c r="H31" s="117">
        <v>449010</v>
      </c>
      <c r="I31" s="117">
        <v>610958</v>
      </c>
      <c r="J31" s="117">
        <v>234725</v>
      </c>
      <c r="K31" s="198">
        <v>3958062</v>
      </c>
      <c r="L31" s="119">
        <v>4359692</v>
      </c>
      <c r="M31" s="113">
        <v>29953</v>
      </c>
      <c r="N31" s="117">
        <v>36935</v>
      </c>
      <c r="O31" s="116">
        <v>66888</v>
      </c>
      <c r="P31" s="113">
        <v>0</v>
      </c>
      <c r="Q31" s="117">
        <v>147334</v>
      </c>
      <c r="R31" s="117">
        <v>643289</v>
      </c>
      <c r="S31" s="117">
        <v>195302</v>
      </c>
      <c r="T31" s="117">
        <v>346758</v>
      </c>
      <c r="U31" s="117">
        <v>169590</v>
      </c>
      <c r="V31" s="116">
        <v>1502273</v>
      </c>
      <c r="W31" s="119">
        <v>1569161</v>
      </c>
      <c r="X31" s="113">
        <v>0</v>
      </c>
      <c r="Y31" s="117">
        <v>0</v>
      </c>
      <c r="Z31" s="116">
        <v>0</v>
      </c>
      <c r="AA31" s="113">
        <v>0</v>
      </c>
      <c r="AB31" s="117">
        <v>67406</v>
      </c>
      <c r="AC31" s="117">
        <v>457401</v>
      </c>
      <c r="AD31" s="117">
        <v>112930</v>
      </c>
      <c r="AE31" s="117">
        <v>215539</v>
      </c>
      <c r="AF31" s="117">
        <v>41253</v>
      </c>
      <c r="AG31" s="116">
        <v>894529</v>
      </c>
      <c r="AH31" s="119">
        <v>894529</v>
      </c>
      <c r="AI31" s="113">
        <v>0</v>
      </c>
      <c r="AJ31" s="117">
        <v>0</v>
      </c>
      <c r="AK31" s="116">
        <v>0</v>
      </c>
      <c r="AL31" s="113">
        <v>0</v>
      </c>
      <c r="AM31" s="117">
        <v>0</v>
      </c>
      <c r="AN31" s="117">
        <v>0</v>
      </c>
      <c r="AO31" s="117">
        <v>0</v>
      </c>
      <c r="AP31" s="117">
        <v>0</v>
      </c>
      <c r="AQ31" s="117">
        <v>32304</v>
      </c>
      <c r="AR31" s="116">
        <v>32304</v>
      </c>
      <c r="AS31" s="119">
        <v>32304</v>
      </c>
      <c r="AT31" s="113">
        <v>0</v>
      </c>
      <c r="AU31" s="117">
        <v>36935</v>
      </c>
      <c r="AV31" s="116">
        <v>36935</v>
      </c>
      <c r="AW31" s="113">
        <v>0</v>
      </c>
      <c r="AX31" s="117">
        <v>59166</v>
      </c>
      <c r="AY31" s="117">
        <v>117225</v>
      </c>
      <c r="AZ31" s="117">
        <v>53091</v>
      </c>
      <c r="BA31" s="117">
        <v>88358</v>
      </c>
      <c r="BB31" s="117">
        <v>45493</v>
      </c>
      <c r="BC31" s="116">
        <v>363333</v>
      </c>
      <c r="BD31" s="119">
        <v>400268</v>
      </c>
      <c r="BE31" s="113">
        <v>0</v>
      </c>
      <c r="BF31" s="117">
        <v>0</v>
      </c>
      <c r="BG31" s="115">
        <v>0</v>
      </c>
      <c r="BH31" s="114">
        <v>0</v>
      </c>
      <c r="BI31" s="117">
        <v>0</v>
      </c>
      <c r="BJ31" s="117">
        <v>0</v>
      </c>
      <c r="BK31" s="117">
        <v>0</v>
      </c>
      <c r="BL31" s="117">
        <v>0</v>
      </c>
      <c r="BM31" s="117">
        <v>0</v>
      </c>
      <c r="BN31" s="116">
        <v>0</v>
      </c>
      <c r="BO31" s="119">
        <v>0</v>
      </c>
      <c r="BP31" s="113">
        <v>29953</v>
      </c>
      <c r="BQ31" s="117">
        <v>0</v>
      </c>
      <c r="BR31" s="116">
        <v>29953</v>
      </c>
      <c r="BS31" s="113">
        <v>0</v>
      </c>
      <c r="BT31" s="117">
        <v>20762</v>
      </c>
      <c r="BU31" s="117">
        <v>68663</v>
      </c>
      <c r="BV31" s="117">
        <v>29281</v>
      </c>
      <c r="BW31" s="117">
        <v>42861</v>
      </c>
      <c r="BX31" s="117">
        <v>50540</v>
      </c>
      <c r="BY31" s="116">
        <v>212107</v>
      </c>
      <c r="BZ31" s="119">
        <v>242060</v>
      </c>
      <c r="CA31" s="113">
        <v>0</v>
      </c>
      <c r="CB31" s="117">
        <v>31967</v>
      </c>
      <c r="CC31" s="116">
        <v>31967</v>
      </c>
      <c r="CD31" s="113">
        <v>0</v>
      </c>
      <c r="CE31" s="117">
        <v>431387</v>
      </c>
      <c r="CF31" s="117">
        <v>408345</v>
      </c>
      <c r="CG31" s="117">
        <v>78680</v>
      </c>
      <c r="CH31" s="117">
        <v>0</v>
      </c>
      <c r="CI31" s="117">
        <v>0</v>
      </c>
      <c r="CJ31" s="116">
        <v>918412</v>
      </c>
      <c r="CK31" s="119">
        <v>950379</v>
      </c>
      <c r="CL31" s="113">
        <v>0</v>
      </c>
      <c r="CM31" s="117">
        <v>0</v>
      </c>
      <c r="CN31" s="116">
        <v>0</v>
      </c>
      <c r="CO31" s="114">
        <v>0</v>
      </c>
      <c r="CP31" s="117">
        <v>364949</v>
      </c>
      <c r="CQ31" s="117">
        <v>266706</v>
      </c>
      <c r="CR31" s="117">
        <v>46091</v>
      </c>
      <c r="CS31" s="117">
        <v>0</v>
      </c>
      <c r="CT31" s="117">
        <v>0</v>
      </c>
      <c r="CU31" s="116">
        <v>677746</v>
      </c>
      <c r="CV31" s="119">
        <v>677746</v>
      </c>
      <c r="CW31" s="113">
        <v>0</v>
      </c>
      <c r="CX31" s="117">
        <v>31967</v>
      </c>
      <c r="CY31" s="116">
        <v>31967</v>
      </c>
      <c r="CZ31" s="113">
        <v>0</v>
      </c>
      <c r="DA31" s="117">
        <v>66438</v>
      </c>
      <c r="DB31" s="117">
        <v>141639</v>
      </c>
      <c r="DC31" s="117">
        <v>32589</v>
      </c>
      <c r="DD31" s="117">
        <v>0</v>
      </c>
      <c r="DE31" s="117">
        <v>0</v>
      </c>
      <c r="DF31" s="116">
        <v>240666</v>
      </c>
      <c r="DG31" s="119">
        <v>272633</v>
      </c>
      <c r="DH31" s="113">
        <v>0</v>
      </c>
      <c r="DI31" s="117">
        <v>0</v>
      </c>
      <c r="DJ31" s="115">
        <v>0</v>
      </c>
      <c r="DK31" s="114">
        <v>0</v>
      </c>
      <c r="DL31" s="117">
        <v>34786</v>
      </c>
      <c r="DM31" s="117">
        <v>0</v>
      </c>
      <c r="DN31" s="117">
        <v>108696</v>
      </c>
      <c r="DO31" s="117">
        <v>0</v>
      </c>
      <c r="DP31" s="117">
        <v>0</v>
      </c>
      <c r="DQ31" s="116">
        <v>143482</v>
      </c>
      <c r="DR31" s="119">
        <v>143482</v>
      </c>
      <c r="DS31" s="113">
        <v>0</v>
      </c>
      <c r="DT31" s="117">
        <v>0</v>
      </c>
      <c r="DU31" s="116">
        <v>0</v>
      </c>
      <c r="DV31" s="113">
        <v>0</v>
      </c>
      <c r="DW31" s="117">
        <v>34786</v>
      </c>
      <c r="DX31" s="117">
        <v>0</v>
      </c>
      <c r="DY31" s="117">
        <v>108696</v>
      </c>
      <c r="DZ31" s="117">
        <v>0</v>
      </c>
      <c r="EA31" s="117">
        <v>0</v>
      </c>
      <c r="EB31" s="116">
        <v>143482</v>
      </c>
      <c r="EC31" s="119">
        <v>143482</v>
      </c>
      <c r="ED31" s="113">
        <v>0</v>
      </c>
      <c r="EE31" s="115">
        <v>0</v>
      </c>
      <c r="EF31" s="116">
        <v>0</v>
      </c>
      <c r="EG31" s="113">
        <v>0</v>
      </c>
      <c r="EH31" s="117">
        <v>0</v>
      </c>
      <c r="EI31" s="117">
        <v>0</v>
      </c>
      <c r="EJ31" s="117">
        <v>0</v>
      </c>
      <c r="EK31" s="117">
        <v>0</v>
      </c>
      <c r="EL31" s="117">
        <v>0</v>
      </c>
      <c r="EM31" s="115">
        <v>0</v>
      </c>
      <c r="EN31" s="119">
        <v>0</v>
      </c>
      <c r="EO31" s="113">
        <v>0</v>
      </c>
      <c r="EP31" s="117">
        <v>0</v>
      </c>
      <c r="EQ31" s="115">
        <v>0</v>
      </c>
      <c r="ER31" s="114">
        <v>0</v>
      </c>
      <c r="ES31" s="117">
        <v>0</v>
      </c>
      <c r="ET31" s="117">
        <v>0</v>
      </c>
      <c r="EU31" s="117">
        <v>0</v>
      </c>
      <c r="EV31" s="117">
        <v>0</v>
      </c>
      <c r="EW31" s="117">
        <v>0</v>
      </c>
      <c r="EX31" s="116">
        <v>0</v>
      </c>
      <c r="EY31" s="119">
        <v>0</v>
      </c>
      <c r="EZ31" s="113">
        <v>0</v>
      </c>
      <c r="FA31" s="117">
        <v>0</v>
      </c>
      <c r="FB31" s="115">
        <v>0</v>
      </c>
      <c r="FC31" s="395"/>
      <c r="FD31" s="117">
        <v>0</v>
      </c>
      <c r="FE31" s="117">
        <v>0</v>
      </c>
      <c r="FF31" s="117">
        <v>0</v>
      </c>
      <c r="FG31" s="117">
        <v>0</v>
      </c>
      <c r="FH31" s="117">
        <v>0</v>
      </c>
      <c r="FI31" s="116">
        <v>0</v>
      </c>
      <c r="FJ31" s="119">
        <v>0</v>
      </c>
      <c r="FK31" s="113">
        <v>21000</v>
      </c>
      <c r="FL31" s="117">
        <v>30450</v>
      </c>
      <c r="FM31" s="116">
        <v>51450</v>
      </c>
      <c r="FN31" s="113">
        <v>0</v>
      </c>
      <c r="FO31" s="117">
        <v>44310</v>
      </c>
      <c r="FP31" s="117">
        <v>112462</v>
      </c>
      <c r="FQ31" s="117">
        <v>66332</v>
      </c>
      <c r="FR31" s="117">
        <v>60130</v>
      </c>
      <c r="FS31" s="117">
        <v>65135</v>
      </c>
      <c r="FT31" s="116">
        <v>348369</v>
      </c>
      <c r="FU31" s="119">
        <v>399819</v>
      </c>
      <c r="FV31" s="118">
        <v>21000</v>
      </c>
      <c r="FW31" s="117">
        <v>30450</v>
      </c>
      <c r="FX31" s="115">
        <v>51450</v>
      </c>
      <c r="FY31" s="114">
        <v>0</v>
      </c>
      <c r="FZ31" s="117">
        <v>44310</v>
      </c>
      <c r="GA31" s="117">
        <v>112462</v>
      </c>
      <c r="GB31" s="117">
        <v>66332</v>
      </c>
      <c r="GC31" s="117">
        <v>60130</v>
      </c>
      <c r="GD31" s="117">
        <v>65135</v>
      </c>
      <c r="GE31" s="116">
        <v>348369</v>
      </c>
      <c r="GF31" s="357">
        <v>399819</v>
      </c>
      <c r="GG31" s="118">
        <v>0</v>
      </c>
      <c r="GH31" s="117">
        <v>0</v>
      </c>
      <c r="GI31" s="115">
        <v>0</v>
      </c>
      <c r="GJ31" s="114">
        <v>0</v>
      </c>
      <c r="GK31" s="117">
        <v>0</v>
      </c>
      <c r="GL31" s="117">
        <v>0</v>
      </c>
      <c r="GM31" s="117">
        <v>0</v>
      </c>
      <c r="GN31" s="117">
        <v>0</v>
      </c>
      <c r="GO31" s="117">
        <v>0</v>
      </c>
      <c r="GP31" s="116">
        <v>0</v>
      </c>
      <c r="GQ31" s="119">
        <v>0</v>
      </c>
      <c r="GR31" s="113">
        <v>0</v>
      </c>
      <c r="GS31" s="117">
        <v>0</v>
      </c>
      <c r="GT31" s="116">
        <v>0</v>
      </c>
      <c r="GU31" s="113">
        <v>0</v>
      </c>
      <c r="GV31" s="117">
        <v>0</v>
      </c>
      <c r="GW31" s="117">
        <v>0</v>
      </c>
      <c r="GX31" s="117">
        <v>0</v>
      </c>
      <c r="GY31" s="117">
        <v>0</v>
      </c>
      <c r="GZ31" s="117">
        <v>0</v>
      </c>
      <c r="HA31" s="115">
        <v>0</v>
      </c>
      <c r="HB31" s="119">
        <v>0</v>
      </c>
      <c r="HC31" s="113">
        <v>97920</v>
      </c>
      <c r="HD31" s="117">
        <v>153405</v>
      </c>
      <c r="HE31" s="115">
        <v>251325</v>
      </c>
      <c r="HF31" s="114">
        <v>0</v>
      </c>
      <c r="HG31" s="117">
        <v>250223</v>
      </c>
      <c r="HH31" s="117">
        <v>591233</v>
      </c>
      <c r="HI31" s="117">
        <v>0</v>
      </c>
      <c r="HJ31" s="117">
        <v>204070</v>
      </c>
      <c r="HK31" s="117">
        <v>0</v>
      </c>
      <c r="HL31" s="116">
        <v>1045526</v>
      </c>
      <c r="HM31" s="112">
        <v>1296851</v>
      </c>
      <c r="HN31" s="373"/>
      <c r="HO31" s="374"/>
      <c r="HP31" s="375"/>
      <c r="HQ31" s="376"/>
      <c r="HR31" s="374"/>
      <c r="HS31" s="374"/>
      <c r="HT31" s="374"/>
      <c r="HU31" s="374"/>
      <c r="HV31" s="374"/>
      <c r="HW31" s="377"/>
      <c r="HX31" s="378"/>
      <c r="HY31" s="148">
        <v>0</v>
      </c>
      <c r="HZ31" s="149">
        <v>0</v>
      </c>
      <c r="IA31" s="150">
        <v>0</v>
      </c>
      <c r="IB31" s="162">
        <v>0</v>
      </c>
      <c r="IC31" s="149">
        <v>207049</v>
      </c>
      <c r="ID31" s="163">
        <v>170944</v>
      </c>
      <c r="IE31" s="150">
        <v>413410</v>
      </c>
      <c r="IF31" s="149">
        <v>0</v>
      </c>
      <c r="IG31" s="150">
        <v>569020</v>
      </c>
      <c r="IH31" s="164">
        <v>1360423</v>
      </c>
      <c r="II31" s="156">
        <v>1360423</v>
      </c>
      <c r="IJ31" s="259">
        <v>0</v>
      </c>
      <c r="IK31" s="266">
        <v>0</v>
      </c>
      <c r="IL31" s="267">
        <v>0</v>
      </c>
      <c r="IM31" s="157"/>
      <c r="IN31" s="123">
        <v>0</v>
      </c>
      <c r="IO31" s="123">
        <v>0</v>
      </c>
      <c r="IP31" s="123">
        <v>0</v>
      </c>
      <c r="IQ31" s="123">
        <v>0</v>
      </c>
      <c r="IR31" s="123">
        <v>0</v>
      </c>
      <c r="IS31" s="158">
        <v>0</v>
      </c>
      <c r="IT31" s="360">
        <v>0</v>
      </c>
      <c r="IU31" s="159">
        <v>0</v>
      </c>
      <c r="IV31" s="123">
        <v>0</v>
      </c>
      <c r="IW31" s="124">
        <v>0</v>
      </c>
      <c r="IX31" s="161"/>
      <c r="IY31" s="123">
        <v>0</v>
      </c>
      <c r="IZ31" s="123">
        <v>0</v>
      </c>
      <c r="JA31" s="123">
        <v>0</v>
      </c>
      <c r="JB31" s="123">
        <v>0</v>
      </c>
      <c r="JC31" s="123">
        <v>0</v>
      </c>
      <c r="JD31" s="124">
        <v>0</v>
      </c>
      <c r="JE31" s="125">
        <v>0</v>
      </c>
      <c r="JF31" s="159">
        <v>0</v>
      </c>
      <c r="JG31" s="123">
        <v>0</v>
      </c>
      <c r="JH31" s="158">
        <v>0</v>
      </c>
      <c r="JI31" s="122">
        <v>0</v>
      </c>
      <c r="JJ31" s="123">
        <v>101542</v>
      </c>
      <c r="JK31" s="123">
        <v>69609</v>
      </c>
      <c r="JL31" s="123">
        <v>0</v>
      </c>
      <c r="JM31" s="123">
        <v>0</v>
      </c>
      <c r="JN31" s="123">
        <v>127316</v>
      </c>
      <c r="JO31" s="124">
        <v>298467</v>
      </c>
      <c r="JP31" s="360">
        <v>298467</v>
      </c>
      <c r="JQ31" s="159">
        <v>0</v>
      </c>
      <c r="JR31" s="123">
        <v>0</v>
      </c>
      <c r="JS31" s="158">
        <v>0</v>
      </c>
      <c r="JT31" s="122">
        <v>0</v>
      </c>
      <c r="JU31" s="123">
        <v>0</v>
      </c>
      <c r="JV31" s="123">
        <v>0</v>
      </c>
      <c r="JW31" s="123">
        <v>215411</v>
      </c>
      <c r="JX31" s="123">
        <v>0</v>
      </c>
      <c r="JY31" s="123">
        <v>0</v>
      </c>
      <c r="JZ31" s="124">
        <v>215411</v>
      </c>
      <c r="KA31" s="360">
        <v>215411</v>
      </c>
      <c r="KB31" s="262">
        <v>0</v>
      </c>
      <c r="KC31" s="256">
        <v>0</v>
      </c>
      <c r="KD31" s="124">
        <v>0</v>
      </c>
      <c r="KE31" s="122">
        <v>0</v>
      </c>
      <c r="KF31" s="123">
        <v>105507</v>
      </c>
      <c r="KG31" s="123">
        <v>0</v>
      </c>
      <c r="KH31" s="123">
        <v>0</v>
      </c>
      <c r="KI31" s="123">
        <v>0</v>
      </c>
      <c r="KJ31" s="123">
        <v>0</v>
      </c>
      <c r="KK31" s="124">
        <v>105507</v>
      </c>
      <c r="KL31" s="160">
        <v>105507</v>
      </c>
      <c r="KM31" s="259">
        <v>0</v>
      </c>
      <c r="KN31" s="266">
        <v>0</v>
      </c>
      <c r="KO31" s="267">
        <v>0</v>
      </c>
      <c r="KP31" s="395"/>
      <c r="KQ31" s="123">
        <v>0</v>
      </c>
      <c r="KR31" s="123">
        <v>101335</v>
      </c>
      <c r="KS31" s="123">
        <v>197999</v>
      </c>
      <c r="KT31" s="123">
        <v>0</v>
      </c>
      <c r="KU31" s="123">
        <v>441704</v>
      </c>
      <c r="KV31" s="124">
        <v>741038</v>
      </c>
      <c r="KW31" s="360">
        <v>741038</v>
      </c>
      <c r="KX31" s="159">
        <v>0</v>
      </c>
      <c r="KY31" s="123">
        <v>0</v>
      </c>
      <c r="KZ31" s="124">
        <v>0</v>
      </c>
      <c r="LA31" s="395"/>
      <c r="LB31" s="123">
        <v>0</v>
      </c>
      <c r="LC31" s="123">
        <v>0</v>
      </c>
      <c r="LD31" s="123">
        <v>0</v>
      </c>
      <c r="LE31" s="123">
        <v>0</v>
      </c>
      <c r="LF31" s="123">
        <v>0</v>
      </c>
      <c r="LG31" s="124">
        <v>0</v>
      </c>
      <c r="LH31" s="125">
        <v>0</v>
      </c>
      <c r="LI31" s="159">
        <v>0</v>
      </c>
      <c r="LJ31" s="123">
        <v>0</v>
      </c>
      <c r="LK31" s="124">
        <v>0</v>
      </c>
      <c r="LL31" s="395"/>
      <c r="LM31" s="123">
        <v>0</v>
      </c>
      <c r="LN31" s="123">
        <v>0</v>
      </c>
      <c r="LO31" s="123">
        <v>0</v>
      </c>
      <c r="LP31" s="123">
        <v>0</v>
      </c>
      <c r="LQ31" s="123">
        <v>0</v>
      </c>
      <c r="LR31" s="124">
        <v>0</v>
      </c>
      <c r="LS31" s="360">
        <v>0</v>
      </c>
      <c r="LT31" s="159">
        <v>0</v>
      </c>
      <c r="LU31" s="123">
        <v>0</v>
      </c>
      <c r="LV31" s="124">
        <v>0</v>
      </c>
      <c r="LW31" s="395"/>
      <c r="LX31" s="123">
        <v>0</v>
      </c>
      <c r="LY31" s="123">
        <v>0</v>
      </c>
      <c r="LZ31" s="123">
        <v>0</v>
      </c>
      <c r="MA31" s="123">
        <v>0</v>
      </c>
      <c r="MB31" s="123">
        <v>0</v>
      </c>
      <c r="MC31" s="124">
        <v>0</v>
      </c>
      <c r="MD31" s="125">
        <v>0</v>
      </c>
      <c r="ME31" s="159">
        <v>0</v>
      </c>
      <c r="MF31" s="123">
        <v>0</v>
      </c>
      <c r="MG31" s="124">
        <v>0</v>
      </c>
      <c r="MH31" s="395"/>
      <c r="MI31" s="123">
        <v>197929</v>
      </c>
      <c r="MJ31" s="123">
        <v>219465</v>
      </c>
      <c r="MK31" s="123">
        <v>211895</v>
      </c>
      <c r="ML31" s="123">
        <v>18107</v>
      </c>
      <c r="MM31" s="123">
        <v>79520</v>
      </c>
      <c r="MN31" s="124">
        <v>726916</v>
      </c>
      <c r="MO31" s="160">
        <v>726916</v>
      </c>
      <c r="MP31" s="159">
        <v>0</v>
      </c>
      <c r="MQ31" s="123">
        <v>0</v>
      </c>
      <c r="MR31" s="124">
        <v>0</v>
      </c>
      <c r="MS31" s="395"/>
      <c r="MT31" s="123">
        <v>0</v>
      </c>
      <c r="MU31" s="123">
        <v>0</v>
      </c>
      <c r="MV31" s="123">
        <v>0</v>
      </c>
      <c r="MW31" s="123">
        <v>18107</v>
      </c>
      <c r="MX31" s="123">
        <v>79520</v>
      </c>
      <c r="MY31" s="124">
        <v>97627</v>
      </c>
      <c r="MZ31" s="160">
        <v>97627</v>
      </c>
      <c r="NA31" s="159">
        <v>0</v>
      </c>
      <c r="NB31" s="123">
        <v>0</v>
      </c>
      <c r="NC31" s="124">
        <v>0</v>
      </c>
      <c r="ND31" s="395"/>
      <c r="NE31" s="123">
        <v>197929</v>
      </c>
      <c r="NF31" s="123">
        <v>219465</v>
      </c>
      <c r="NG31" s="123">
        <v>211895</v>
      </c>
      <c r="NH31" s="123">
        <v>0</v>
      </c>
      <c r="NI31" s="123">
        <v>0</v>
      </c>
      <c r="NJ31" s="124">
        <v>629289</v>
      </c>
      <c r="NK31" s="360">
        <v>629289</v>
      </c>
      <c r="NL31" s="159">
        <v>0</v>
      </c>
      <c r="NM31" s="123">
        <v>0</v>
      </c>
      <c r="NN31" s="124">
        <v>0</v>
      </c>
      <c r="NO31" s="395"/>
      <c r="NP31" s="123">
        <v>0</v>
      </c>
      <c r="NQ31" s="123">
        <v>0</v>
      </c>
      <c r="NR31" s="123">
        <v>0</v>
      </c>
      <c r="NS31" s="123">
        <v>0</v>
      </c>
      <c r="NT31" s="123">
        <v>0</v>
      </c>
      <c r="NU31" s="124">
        <v>0</v>
      </c>
      <c r="NV31" s="125">
        <v>0</v>
      </c>
      <c r="NW31" s="159">
        <v>0</v>
      </c>
      <c r="NX31" s="123">
        <v>0</v>
      </c>
      <c r="NY31" s="124">
        <v>0</v>
      </c>
      <c r="NZ31" s="395"/>
      <c r="OA31" s="123">
        <v>0</v>
      </c>
      <c r="OB31" s="123">
        <v>0</v>
      </c>
      <c r="OC31" s="123">
        <v>0</v>
      </c>
      <c r="OD31" s="123">
        <v>0</v>
      </c>
      <c r="OE31" s="123">
        <v>0</v>
      </c>
      <c r="OF31" s="124">
        <v>0</v>
      </c>
      <c r="OG31" s="125">
        <v>0</v>
      </c>
      <c r="OH31" s="159">
        <v>148873</v>
      </c>
      <c r="OI31" s="123">
        <v>252757</v>
      </c>
      <c r="OJ31" s="158">
        <v>401630</v>
      </c>
      <c r="OK31" s="122">
        <v>0</v>
      </c>
      <c r="OL31" s="123">
        <v>1313018</v>
      </c>
      <c r="OM31" s="123">
        <v>2145738</v>
      </c>
      <c r="ON31" s="123">
        <v>1074315</v>
      </c>
      <c r="OO31" s="123">
        <v>629065</v>
      </c>
      <c r="OP31" s="123">
        <v>883265</v>
      </c>
      <c r="OQ31" s="124">
        <v>6045401</v>
      </c>
      <c r="OR31" s="160">
        <v>6447031</v>
      </c>
    </row>
    <row r="32" spans="1:408" ht="20.25" customHeight="1" x14ac:dyDescent="0.2">
      <c r="A32" s="130" t="s">
        <v>27</v>
      </c>
      <c r="B32" s="113">
        <v>72316</v>
      </c>
      <c r="C32" s="117">
        <v>454091</v>
      </c>
      <c r="D32" s="116">
        <v>526407</v>
      </c>
      <c r="E32" s="112">
        <v>0</v>
      </c>
      <c r="F32" s="117">
        <v>894445</v>
      </c>
      <c r="G32" s="117">
        <v>618275</v>
      </c>
      <c r="H32" s="117">
        <v>1277168</v>
      </c>
      <c r="I32" s="117">
        <v>1004253</v>
      </c>
      <c r="J32" s="117">
        <v>238287</v>
      </c>
      <c r="K32" s="198">
        <v>4032428</v>
      </c>
      <c r="L32" s="119">
        <v>4558835</v>
      </c>
      <c r="M32" s="113">
        <v>28140</v>
      </c>
      <c r="N32" s="117">
        <v>83619</v>
      </c>
      <c r="O32" s="116">
        <v>111759</v>
      </c>
      <c r="P32" s="113">
        <v>0</v>
      </c>
      <c r="Q32" s="117">
        <v>332710</v>
      </c>
      <c r="R32" s="117">
        <v>231715</v>
      </c>
      <c r="S32" s="117">
        <v>189989</v>
      </c>
      <c r="T32" s="117">
        <v>390917</v>
      </c>
      <c r="U32" s="117">
        <v>228487</v>
      </c>
      <c r="V32" s="116">
        <v>1373818</v>
      </c>
      <c r="W32" s="119">
        <v>1485577</v>
      </c>
      <c r="X32" s="113">
        <v>0</v>
      </c>
      <c r="Y32" s="117">
        <v>0</v>
      </c>
      <c r="Z32" s="116">
        <v>0</v>
      </c>
      <c r="AA32" s="113">
        <v>0</v>
      </c>
      <c r="AB32" s="117">
        <v>197704</v>
      </c>
      <c r="AC32" s="117">
        <v>120671</v>
      </c>
      <c r="AD32" s="117">
        <v>52516</v>
      </c>
      <c r="AE32" s="117">
        <v>230953</v>
      </c>
      <c r="AF32" s="117">
        <v>213717</v>
      </c>
      <c r="AG32" s="116">
        <v>815561</v>
      </c>
      <c r="AH32" s="119">
        <v>815561</v>
      </c>
      <c r="AI32" s="113">
        <v>0</v>
      </c>
      <c r="AJ32" s="117">
        <v>0</v>
      </c>
      <c r="AK32" s="116">
        <v>0</v>
      </c>
      <c r="AL32" s="113">
        <v>0</v>
      </c>
      <c r="AM32" s="117">
        <v>0</v>
      </c>
      <c r="AN32" s="117">
        <v>0</v>
      </c>
      <c r="AO32" s="117">
        <v>0</v>
      </c>
      <c r="AP32" s="117">
        <v>0</v>
      </c>
      <c r="AQ32" s="117">
        <v>0</v>
      </c>
      <c r="AR32" s="116">
        <v>0</v>
      </c>
      <c r="AS32" s="119">
        <v>0</v>
      </c>
      <c r="AT32" s="113">
        <v>28140</v>
      </c>
      <c r="AU32" s="117">
        <v>39660</v>
      </c>
      <c r="AV32" s="116">
        <v>67800</v>
      </c>
      <c r="AW32" s="113">
        <v>0</v>
      </c>
      <c r="AX32" s="117">
        <v>91459</v>
      </c>
      <c r="AY32" s="117">
        <v>85760</v>
      </c>
      <c r="AZ32" s="117">
        <v>64813</v>
      </c>
      <c r="BA32" s="117">
        <v>76489</v>
      </c>
      <c r="BB32" s="117">
        <v>11144</v>
      </c>
      <c r="BC32" s="116">
        <v>329665</v>
      </c>
      <c r="BD32" s="119">
        <v>397465</v>
      </c>
      <c r="BE32" s="113">
        <v>0</v>
      </c>
      <c r="BF32" s="117">
        <v>27159</v>
      </c>
      <c r="BG32" s="115">
        <v>27159</v>
      </c>
      <c r="BH32" s="114">
        <v>0</v>
      </c>
      <c r="BI32" s="117">
        <v>0</v>
      </c>
      <c r="BJ32" s="117">
        <v>0</v>
      </c>
      <c r="BK32" s="117">
        <v>0</v>
      </c>
      <c r="BL32" s="117">
        <v>0</v>
      </c>
      <c r="BM32" s="117">
        <v>0</v>
      </c>
      <c r="BN32" s="116">
        <v>0</v>
      </c>
      <c r="BO32" s="119">
        <v>27159</v>
      </c>
      <c r="BP32" s="113">
        <v>0</v>
      </c>
      <c r="BQ32" s="117">
        <v>16800</v>
      </c>
      <c r="BR32" s="116">
        <v>16800</v>
      </c>
      <c r="BS32" s="113">
        <v>0</v>
      </c>
      <c r="BT32" s="117">
        <v>43547</v>
      </c>
      <c r="BU32" s="117">
        <v>25284</v>
      </c>
      <c r="BV32" s="117">
        <v>72660</v>
      </c>
      <c r="BW32" s="117">
        <v>83475</v>
      </c>
      <c r="BX32" s="117">
        <v>3626</v>
      </c>
      <c r="BY32" s="116">
        <v>228592</v>
      </c>
      <c r="BZ32" s="119">
        <v>245392</v>
      </c>
      <c r="CA32" s="113">
        <v>38366</v>
      </c>
      <c r="CB32" s="117">
        <v>69734</v>
      </c>
      <c r="CC32" s="116">
        <v>108100</v>
      </c>
      <c r="CD32" s="113">
        <v>0</v>
      </c>
      <c r="CE32" s="117">
        <v>130522</v>
      </c>
      <c r="CF32" s="117">
        <v>172661</v>
      </c>
      <c r="CG32" s="117">
        <v>301449</v>
      </c>
      <c r="CH32" s="117">
        <v>22680</v>
      </c>
      <c r="CI32" s="117">
        <v>0</v>
      </c>
      <c r="CJ32" s="116">
        <v>627312</v>
      </c>
      <c r="CK32" s="119">
        <v>735412</v>
      </c>
      <c r="CL32" s="113">
        <v>0</v>
      </c>
      <c r="CM32" s="117">
        <v>0</v>
      </c>
      <c r="CN32" s="116">
        <v>0</v>
      </c>
      <c r="CO32" s="114">
        <v>0</v>
      </c>
      <c r="CP32" s="117">
        <v>112684</v>
      </c>
      <c r="CQ32" s="117">
        <v>87460</v>
      </c>
      <c r="CR32" s="117">
        <v>252561</v>
      </c>
      <c r="CS32" s="117">
        <v>22680</v>
      </c>
      <c r="CT32" s="117">
        <v>0</v>
      </c>
      <c r="CU32" s="116">
        <v>475385</v>
      </c>
      <c r="CV32" s="119">
        <v>475385</v>
      </c>
      <c r="CW32" s="113">
        <v>38366</v>
      </c>
      <c r="CX32" s="117">
        <v>69734</v>
      </c>
      <c r="CY32" s="116">
        <v>108100</v>
      </c>
      <c r="CZ32" s="113">
        <v>0</v>
      </c>
      <c r="DA32" s="117">
        <v>17838</v>
      </c>
      <c r="DB32" s="117">
        <v>85201</v>
      </c>
      <c r="DC32" s="117">
        <v>48888</v>
      </c>
      <c r="DD32" s="117">
        <v>0</v>
      </c>
      <c r="DE32" s="117">
        <v>0</v>
      </c>
      <c r="DF32" s="116">
        <v>151927</v>
      </c>
      <c r="DG32" s="119">
        <v>260027</v>
      </c>
      <c r="DH32" s="113">
        <v>0</v>
      </c>
      <c r="DI32" s="117">
        <v>0</v>
      </c>
      <c r="DJ32" s="115">
        <v>0</v>
      </c>
      <c r="DK32" s="114">
        <v>0</v>
      </c>
      <c r="DL32" s="117">
        <v>8575</v>
      </c>
      <c r="DM32" s="117">
        <v>30009</v>
      </c>
      <c r="DN32" s="117">
        <v>61383</v>
      </c>
      <c r="DO32" s="117">
        <v>0</v>
      </c>
      <c r="DP32" s="117">
        <v>0</v>
      </c>
      <c r="DQ32" s="116">
        <v>99967</v>
      </c>
      <c r="DR32" s="119">
        <v>99967</v>
      </c>
      <c r="DS32" s="113">
        <v>0</v>
      </c>
      <c r="DT32" s="117">
        <v>0</v>
      </c>
      <c r="DU32" s="116">
        <v>0</v>
      </c>
      <c r="DV32" s="113">
        <v>0</v>
      </c>
      <c r="DW32" s="117">
        <v>0</v>
      </c>
      <c r="DX32" s="117">
        <v>0</v>
      </c>
      <c r="DY32" s="117">
        <v>61383</v>
      </c>
      <c r="DZ32" s="117">
        <v>0</v>
      </c>
      <c r="EA32" s="117">
        <v>0</v>
      </c>
      <c r="EB32" s="116">
        <v>61383</v>
      </c>
      <c r="EC32" s="119">
        <v>61383</v>
      </c>
      <c r="ED32" s="113">
        <v>0</v>
      </c>
      <c r="EE32" s="115">
        <v>0</v>
      </c>
      <c r="EF32" s="116">
        <v>0</v>
      </c>
      <c r="EG32" s="113">
        <v>0</v>
      </c>
      <c r="EH32" s="117">
        <v>8575</v>
      </c>
      <c r="EI32" s="117">
        <v>30009</v>
      </c>
      <c r="EJ32" s="117">
        <v>0</v>
      </c>
      <c r="EK32" s="117">
        <v>0</v>
      </c>
      <c r="EL32" s="117">
        <v>0</v>
      </c>
      <c r="EM32" s="115">
        <v>38584</v>
      </c>
      <c r="EN32" s="119">
        <v>38584</v>
      </c>
      <c r="EO32" s="113">
        <v>0</v>
      </c>
      <c r="EP32" s="117">
        <v>0</v>
      </c>
      <c r="EQ32" s="115">
        <v>0</v>
      </c>
      <c r="ER32" s="114">
        <v>0</v>
      </c>
      <c r="ES32" s="117">
        <v>0</v>
      </c>
      <c r="ET32" s="117">
        <v>0</v>
      </c>
      <c r="EU32" s="117">
        <v>0</v>
      </c>
      <c r="EV32" s="117">
        <v>0</v>
      </c>
      <c r="EW32" s="117">
        <v>0</v>
      </c>
      <c r="EX32" s="116">
        <v>0</v>
      </c>
      <c r="EY32" s="119">
        <v>0</v>
      </c>
      <c r="EZ32" s="113">
        <v>0</v>
      </c>
      <c r="FA32" s="117">
        <v>0</v>
      </c>
      <c r="FB32" s="115">
        <v>0</v>
      </c>
      <c r="FC32" s="395"/>
      <c r="FD32" s="117">
        <v>0</v>
      </c>
      <c r="FE32" s="117">
        <v>0</v>
      </c>
      <c r="FF32" s="117">
        <v>0</v>
      </c>
      <c r="FG32" s="117">
        <v>0</v>
      </c>
      <c r="FH32" s="117">
        <v>0</v>
      </c>
      <c r="FI32" s="116">
        <v>0</v>
      </c>
      <c r="FJ32" s="119">
        <v>0</v>
      </c>
      <c r="FK32" s="113">
        <v>5810</v>
      </c>
      <c r="FL32" s="117">
        <v>51800</v>
      </c>
      <c r="FM32" s="116">
        <v>57610</v>
      </c>
      <c r="FN32" s="113">
        <v>0</v>
      </c>
      <c r="FO32" s="117">
        <v>20300</v>
      </c>
      <c r="FP32" s="117">
        <v>31556</v>
      </c>
      <c r="FQ32" s="117">
        <v>31311</v>
      </c>
      <c r="FR32" s="117">
        <v>26460</v>
      </c>
      <c r="FS32" s="117">
        <v>9800</v>
      </c>
      <c r="FT32" s="116">
        <v>119427</v>
      </c>
      <c r="FU32" s="119">
        <v>177037</v>
      </c>
      <c r="FV32" s="118">
        <v>5810</v>
      </c>
      <c r="FW32" s="117">
        <v>51800</v>
      </c>
      <c r="FX32" s="115">
        <v>57610</v>
      </c>
      <c r="FY32" s="114">
        <v>0</v>
      </c>
      <c r="FZ32" s="117">
        <v>20300</v>
      </c>
      <c r="GA32" s="117">
        <v>31556</v>
      </c>
      <c r="GB32" s="117">
        <v>31311</v>
      </c>
      <c r="GC32" s="117">
        <v>26460</v>
      </c>
      <c r="GD32" s="117">
        <v>9800</v>
      </c>
      <c r="GE32" s="116">
        <v>119427</v>
      </c>
      <c r="GF32" s="357">
        <v>177037</v>
      </c>
      <c r="GG32" s="118">
        <v>0</v>
      </c>
      <c r="GH32" s="117">
        <v>0</v>
      </c>
      <c r="GI32" s="115">
        <v>0</v>
      </c>
      <c r="GJ32" s="114">
        <v>0</v>
      </c>
      <c r="GK32" s="117">
        <v>0</v>
      </c>
      <c r="GL32" s="117">
        <v>0</v>
      </c>
      <c r="GM32" s="117">
        <v>0</v>
      </c>
      <c r="GN32" s="117">
        <v>0</v>
      </c>
      <c r="GO32" s="117">
        <v>0</v>
      </c>
      <c r="GP32" s="116">
        <v>0</v>
      </c>
      <c r="GQ32" s="119">
        <v>0</v>
      </c>
      <c r="GR32" s="113">
        <v>0</v>
      </c>
      <c r="GS32" s="117">
        <v>0</v>
      </c>
      <c r="GT32" s="116">
        <v>0</v>
      </c>
      <c r="GU32" s="113">
        <v>0</v>
      </c>
      <c r="GV32" s="117">
        <v>0</v>
      </c>
      <c r="GW32" s="117">
        <v>0</v>
      </c>
      <c r="GX32" s="117">
        <v>0</v>
      </c>
      <c r="GY32" s="117">
        <v>0</v>
      </c>
      <c r="GZ32" s="117">
        <v>0</v>
      </c>
      <c r="HA32" s="115">
        <v>0</v>
      </c>
      <c r="HB32" s="119">
        <v>0</v>
      </c>
      <c r="HC32" s="113">
        <v>0</v>
      </c>
      <c r="HD32" s="117">
        <v>248938</v>
      </c>
      <c r="HE32" s="115">
        <v>248938</v>
      </c>
      <c r="HF32" s="114">
        <v>0</v>
      </c>
      <c r="HG32" s="117">
        <v>402338</v>
      </c>
      <c r="HH32" s="117">
        <v>152334</v>
      </c>
      <c r="HI32" s="117">
        <v>693036</v>
      </c>
      <c r="HJ32" s="117">
        <v>564196</v>
      </c>
      <c r="HK32" s="117">
        <v>0</v>
      </c>
      <c r="HL32" s="116">
        <v>1811904</v>
      </c>
      <c r="HM32" s="112">
        <v>2060842</v>
      </c>
      <c r="HN32" s="373"/>
      <c r="HO32" s="374"/>
      <c r="HP32" s="375"/>
      <c r="HQ32" s="376"/>
      <c r="HR32" s="374"/>
      <c r="HS32" s="374"/>
      <c r="HT32" s="374"/>
      <c r="HU32" s="374"/>
      <c r="HV32" s="374"/>
      <c r="HW32" s="377"/>
      <c r="HX32" s="378"/>
      <c r="HY32" s="166">
        <v>0</v>
      </c>
      <c r="HZ32" s="152">
        <v>0</v>
      </c>
      <c r="IA32" s="166">
        <v>0</v>
      </c>
      <c r="IB32" s="151">
        <v>0</v>
      </c>
      <c r="IC32" s="152">
        <v>118976</v>
      </c>
      <c r="ID32" s="153">
        <v>0</v>
      </c>
      <c r="IE32" s="154">
        <v>14823</v>
      </c>
      <c r="IF32" s="152">
        <v>0</v>
      </c>
      <c r="IG32" s="154">
        <v>0</v>
      </c>
      <c r="IH32" s="155">
        <v>133799</v>
      </c>
      <c r="II32" s="166">
        <v>133799</v>
      </c>
      <c r="IJ32" s="259">
        <v>0</v>
      </c>
      <c r="IK32" s="266">
        <v>0</v>
      </c>
      <c r="IL32" s="267">
        <v>0</v>
      </c>
      <c r="IM32" s="157"/>
      <c r="IN32" s="123">
        <v>0</v>
      </c>
      <c r="IO32" s="123">
        <v>0</v>
      </c>
      <c r="IP32" s="123">
        <v>0</v>
      </c>
      <c r="IQ32" s="123">
        <v>0</v>
      </c>
      <c r="IR32" s="123">
        <v>0</v>
      </c>
      <c r="IS32" s="158">
        <v>0</v>
      </c>
      <c r="IT32" s="360">
        <v>0</v>
      </c>
      <c r="IU32" s="159">
        <v>0</v>
      </c>
      <c r="IV32" s="123">
        <v>0</v>
      </c>
      <c r="IW32" s="124">
        <v>0</v>
      </c>
      <c r="IX32" s="161"/>
      <c r="IY32" s="123">
        <v>0</v>
      </c>
      <c r="IZ32" s="123">
        <v>0</v>
      </c>
      <c r="JA32" s="123">
        <v>0</v>
      </c>
      <c r="JB32" s="123">
        <v>0</v>
      </c>
      <c r="JC32" s="123">
        <v>0</v>
      </c>
      <c r="JD32" s="124">
        <v>0</v>
      </c>
      <c r="JE32" s="125">
        <v>0</v>
      </c>
      <c r="JF32" s="159">
        <v>0</v>
      </c>
      <c r="JG32" s="123">
        <v>0</v>
      </c>
      <c r="JH32" s="158">
        <v>0</v>
      </c>
      <c r="JI32" s="122">
        <v>0</v>
      </c>
      <c r="JJ32" s="123">
        <v>43607</v>
      </c>
      <c r="JK32" s="123">
        <v>0</v>
      </c>
      <c r="JL32" s="123">
        <v>14823</v>
      </c>
      <c r="JM32" s="123">
        <v>0</v>
      </c>
      <c r="JN32" s="123">
        <v>0</v>
      </c>
      <c r="JO32" s="124">
        <v>58430</v>
      </c>
      <c r="JP32" s="360">
        <v>58430</v>
      </c>
      <c r="JQ32" s="159">
        <v>0</v>
      </c>
      <c r="JR32" s="123">
        <v>0</v>
      </c>
      <c r="JS32" s="158">
        <v>0</v>
      </c>
      <c r="JT32" s="122">
        <v>0</v>
      </c>
      <c r="JU32" s="123">
        <v>75369</v>
      </c>
      <c r="JV32" s="123">
        <v>0</v>
      </c>
      <c r="JW32" s="123">
        <v>0</v>
      </c>
      <c r="JX32" s="123">
        <v>0</v>
      </c>
      <c r="JY32" s="123">
        <v>0</v>
      </c>
      <c r="JZ32" s="124">
        <v>75369</v>
      </c>
      <c r="KA32" s="360">
        <v>75369</v>
      </c>
      <c r="KB32" s="262">
        <v>0</v>
      </c>
      <c r="KC32" s="256">
        <v>0</v>
      </c>
      <c r="KD32" s="124">
        <v>0</v>
      </c>
      <c r="KE32" s="122">
        <v>0</v>
      </c>
      <c r="KF32" s="123">
        <v>0</v>
      </c>
      <c r="KG32" s="123">
        <v>0</v>
      </c>
      <c r="KH32" s="123">
        <v>0</v>
      </c>
      <c r="KI32" s="123">
        <v>0</v>
      </c>
      <c r="KJ32" s="123">
        <v>0</v>
      </c>
      <c r="KK32" s="124">
        <v>0</v>
      </c>
      <c r="KL32" s="160">
        <v>0</v>
      </c>
      <c r="KM32" s="259">
        <v>0</v>
      </c>
      <c r="KN32" s="266">
        <v>0</v>
      </c>
      <c r="KO32" s="267">
        <v>0</v>
      </c>
      <c r="KP32" s="395"/>
      <c r="KQ32" s="123">
        <v>0</v>
      </c>
      <c r="KR32" s="123">
        <v>0</v>
      </c>
      <c r="KS32" s="123">
        <v>0</v>
      </c>
      <c r="KT32" s="123">
        <v>0</v>
      </c>
      <c r="KU32" s="123">
        <v>0</v>
      </c>
      <c r="KV32" s="124">
        <v>0</v>
      </c>
      <c r="KW32" s="360">
        <v>0</v>
      </c>
      <c r="KX32" s="159">
        <v>0</v>
      </c>
      <c r="KY32" s="123">
        <v>0</v>
      </c>
      <c r="KZ32" s="124">
        <v>0</v>
      </c>
      <c r="LA32" s="395"/>
      <c r="LB32" s="123">
        <v>0</v>
      </c>
      <c r="LC32" s="123">
        <v>0</v>
      </c>
      <c r="LD32" s="123">
        <v>0</v>
      </c>
      <c r="LE32" s="123">
        <v>0</v>
      </c>
      <c r="LF32" s="123">
        <v>0</v>
      </c>
      <c r="LG32" s="124">
        <v>0</v>
      </c>
      <c r="LH32" s="125">
        <v>0</v>
      </c>
      <c r="LI32" s="159">
        <v>0</v>
      </c>
      <c r="LJ32" s="123">
        <v>0</v>
      </c>
      <c r="LK32" s="124">
        <v>0</v>
      </c>
      <c r="LL32" s="395"/>
      <c r="LM32" s="123">
        <v>0</v>
      </c>
      <c r="LN32" s="123">
        <v>0</v>
      </c>
      <c r="LO32" s="123">
        <v>0</v>
      </c>
      <c r="LP32" s="123">
        <v>0</v>
      </c>
      <c r="LQ32" s="123">
        <v>0</v>
      </c>
      <c r="LR32" s="124">
        <v>0</v>
      </c>
      <c r="LS32" s="360">
        <v>0</v>
      </c>
      <c r="LT32" s="159">
        <v>0</v>
      </c>
      <c r="LU32" s="123">
        <v>0</v>
      </c>
      <c r="LV32" s="124">
        <v>0</v>
      </c>
      <c r="LW32" s="395"/>
      <c r="LX32" s="123">
        <v>0</v>
      </c>
      <c r="LY32" s="123">
        <v>0</v>
      </c>
      <c r="LZ32" s="123">
        <v>0</v>
      </c>
      <c r="MA32" s="123">
        <v>0</v>
      </c>
      <c r="MB32" s="123">
        <v>0</v>
      </c>
      <c r="MC32" s="124">
        <v>0</v>
      </c>
      <c r="MD32" s="125">
        <v>0</v>
      </c>
      <c r="ME32" s="159">
        <v>0</v>
      </c>
      <c r="MF32" s="123">
        <v>0</v>
      </c>
      <c r="MG32" s="124">
        <v>0</v>
      </c>
      <c r="MH32" s="395"/>
      <c r="MI32" s="123">
        <v>0</v>
      </c>
      <c r="MJ32" s="123">
        <v>28597</v>
      </c>
      <c r="MK32" s="123">
        <v>610991</v>
      </c>
      <c r="ML32" s="123">
        <v>488216</v>
      </c>
      <c r="MM32" s="123">
        <v>0</v>
      </c>
      <c r="MN32" s="124">
        <v>1127804</v>
      </c>
      <c r="MO32" s="160">
        <v>1127804</v>
      </c>
      <c r="MP32" s="159">
        <v>0</v>
      </c>
      <c r="MQ32" s="123">
        <v>0</v>
      </c>
      <c r="MR32" s="124">
        <v>0</v>
      </c>
      <c r="MS32" s="395"/>
      <c r="MT32" s="123">
        <v>0</v>
      </c>
      <c r="MU32" s="123">
        <v>0</v>
      </c>
      <c r="MV32" s="123">
        <v>374524</v>
      </c>
      <c r="MW32" s="123">
        <v>240414</v>
      </c>
      <c r="MX32" s="123">
        <v>0</v>
      </c>
      <c r="MY32" s="124">
        <v>614938</v>
      </c>
      <c r="MZ32" s="160">
        <v>614938</v>
      </c>
      <c r="NA32" s="159">
        <v>0</v>
      </c>
      <c r="NB32" s="123">
        <v>0</v>
      </c>
      <c r="NC32" s="124">
        <v>0</v>
      </c>
      <c r="ND32" s="395"/>
      <c r="NE32" s="123">
        <v>0</v>
      </c>
      <c r="NF32" s="123">
        <v>28597</v>
      </c>
      <c r="NG32" s="123">
        <v>236467</v>
      </c>
      <c r="NH32" s="123">
        <v>247802</v>
      </c>
      <c r="NI32" s="123">
        <v>0</v>
      </c>
      <c r="NJ32" s="124">
        <v>512866</v>
      </c>
      <c r="NK32" s="360">
        <v>512866</v>
      </c>
      <c r="NL32" s="159">
        <v>0</v>
      </c>
      <c r="NM32" s="123">
        <v>0</v>
      </c>
      <c r="NN32" s="124">
        <v>0</v>
      </c>
      <c r="NO32" s="395"/>
      <c r="NP32" s="123">
        <v>0</v>
      </c>
      <c r="NQ32" s="123">
        <v>0</v>
      </c>
      <c r="NR32" s="123">
        <v>0</v>
      </c>
      <c r="NS32" s="123">
        <v>0</v>
      </c>
      <c r="NT32" s="123">
        <v>0</v>
      </c>
      <c r="NU32" s="124">
        <v>0</v>
      </c>
      <c r="NV32" s="125">
        <v>0</v>
      </c>
      <c r="NW32" s="159">
        <v>0</v>
      </c>
      <c r="NX32" s="123">
        <v>0</v>
      </c>
      <c r="NY32" s="124">
        <v>0</v>
      </c>
      <c r="NZ32" s="395"/>
      <c r="OA32" s="123">
        <v>0</v>
      </c>
      <c r="OB32" s="123">
        <v>0</v>
      </c>
      <c r="OC32" s="123">
        <v>0</v>
      </c>
      <c r="OD32" s="123">
        <v>0</v>
      </c>
      <c r="OE32" s="123">
        <v>0</v>
      </c>
      <c r="OF32" s="124">
        <v>0</v>
      </c>
      <c r="OG32" s="125">
        <v>0</v>
      </c>
      <c r="OH32" s="159">
        <v>72316</v>
      </c>
      <c r="OI32" s="123">
        <v>454091</v>
      </c>
      <c r="OJ32" s="158">
        <v>526407</v>
      </c>
      <c r="OK32" s="122">
        <v>0</v>
      </c>
      <c r="OL32" s="123">
        <v>1013421</v>
      </c>
      <c r="OM32" s="123">
        <v>646872</v>
      </c>
      <c r="ON32" s="123">
        <v>1902982</v>
      </c>
      <c r="OO32" s="123">
        <v>1492469</v>
      </c>
      <c r="OP32" s="123">
        <v>238287</v>
      </c>
      <c r="OQ32" s="124">
        <v>5294031</v>
      </c>
      <c r="OR32" s="160">
        <v>5820438</v>
      </c>
    </row>
    <row r="33" spans="1:408" ht="20.25" customHeight="1" x14ac:dyDescent="0.2">
      <c r="A33" s="130" t="s">
        <v>28</v>
      </c>
      <c r="B33" s="113">
        <v>0</v>
      </c>
      <c r="C33" s="117">
        <v>51086</v>
      </c>
      <c r="D33" s="116">
        <v>51086</v>
      </c>
      <c r="E33" s="112">
        <v>0</v>
      </c>
      <c r="F33" s="117">
        <v>414332</v>
      </c>
      <c r="G33" s="117">
        <v>498947</v>
      </c>
      <c r="H33" s="117">
        <v>91112</v>
      </c>
      <c r="I33" s="117">
        <v>0</v>
      </c>
      <c r="J33" s="117">
        <v>200240</v>
      </c>
      <c r="K33" s="198">
        <v>1204631</v>
      </c>
      <c r="L33" s="119">
        <v>1255717</v>
      </c>
      <c r="M33" s="113">
        <v>0</v>
      </c>
      <c r="N33" s="117">
        <v>3619</v>
      </c>
      <c r="O33" s="116">
        <v>3619</v>
      </c>
      <c r="P33" s="113">
        <v>0</v>
      </c>
      <c r="Q33" s="117">
        <v>90412</v>
      </c>
      <c r="R33" s="117">
        <v>179947</v>
      </c>
      <c r="S33" s="117">
        <v>22092</v>
      </c>
      <c r="T33" s="117">
        <v>0</v>
      </c>
      <c r="U33" s="117">
        <v>3402</v>
      </c>
      <c r="V33" s="116">
        <v>295853</v>
      </c>
      <c r="W33" s="119">
        <v>299472</v>
      </c>
      <c r="X33" s="113">
        <v>0</v>
      </c>
      <c r="Y33" s="117">
        <v>0</v>
      </c>
      <c r="Z33" s="116">
        <v>0</v>
      </c>
      <c r="AA33" s="113">
        <v>0</v>
      </c>
      <c r="AB33" s="117">
        <v>26710</v>
      </c>
      <c r="AC33" s="117">
        <v>126720</v>
      </c>
      <c r="AD33" s="117">
        <v>0</v>
      </c>
      <c r="AE33" s="117">
        <v>0</v>
      </c>
      <c r="AF33" s="117">
        <v>0</v>
      </c>
      <c r="AG33" s="116">
        <v>153430</v>
      </c>
      <c r="AH33" s="119">
        <v>153430</v>
      </c>
      <c r="AI33" s="113">
        <v>0</v>
      </c>
      <c r="AJ33" s="117">
        <v>0</v>
      </c>
      <c r="AK33" s="116">
        <v>0</v>
      </c>
      <c r="AL33" s="113">
        <v>0</v>
      </c>
      <c r="AM33" s="117">
        <v>0</v>
      </c>
      <c r="AN33" s="117">
        <v>0</v>
      </c>
      <c r="AO33" s="117">
        <v>0</v>
      </c>
      <c r="AP33" s="117">
        <v>0</v>
      </c>
      <c r="AQ33" s="117">
        <v>0</v>
      </c>
      <c r="AR33" s="116">
        <v>0</v>
      </c>
      <c r="AS33" s="119">
        <v>0</v>
      </c>
      <c r="AT33" s="113">
        <v>0</v>
      </c>
      <c r="AU33" s="117">
        <v>0</v>
      </c>
      <c r="AV33" s="116">
        <v>0</v>
      </c>
      <c r="AW33" s="113">
        <v>0</v>
      </c>
      <c r="AX33" s="117">
        <v>0</v>
      </c>
      <c r="AY33" s="117">
        <v>25696</v>
      </c>
      <c r="AZ33" s="117">
        <v>10682</v>
      </c>
      <c r="BA33" s="117">
        <v>0</v>
      </c>
      <c r="BB33" s="117">
        <v>0</v>
      </c>
      <c r="BC33" s="116">
        <v>36378</v>
      </c>
      <c r="BD33" s="119">
        <v>36378</v>
      </c>
      <c r="BE33" s="113">
        <v>0</v>
      </c>
      <c r="BF33" s="117">
        <v>0</v>
      </c>
      <c r="BG33" s="115">
        <v>0</v>
      </c>
      <c r="BH33" s="114">
        <v>0</v>
      </c>
      <c r="BI33" s="117">
        <v>55302</v>
      </c>
      <c r="BJ33" s="117">
        <v>0</v>
      </c>
      <c r="BK33" s="117">
        <v>0</v>
      </c>
      <c r="BL33" s="117">
        <v>0</v>
      </c>
      <c r="BM33" s="117">
        <v>0</v>
      </c>
      <c r="BN33" s="116">
        <v>55302</v>
      </c>
      <c r="BO33" s="119">
        <v>55302</v>
      </c>
      <c r="BP33" s="113">
        <v>0</v>
      </c>
      <c r="BQ33" s="117">
        <v>3619</v>
      </c>
      <c r="BR33" s="116">
        <v>3619</v>
      </c>
      <c r="BS33" s="113">
        <v>0</v>
      </c>
      <c r="BT33" s="117">
        <v>8400</v>
      </c>
      <c r="BU33" s="117">
        <v>27531</v>
      </c>
      <c r="BV33" s="117">
        <v>11410</v>
      </c>
      <c r="BW33" s="117">
        <v>0</v>
      </c>
      <c r="BX33" s="117">
        <v>3402</v>
      </c>
      <c r="BY33" s="116">
        <v>50743</v>
      </c>
      <c r="BZ33" s="119">
        <v>54362</v>
      </c>
      <c r="CA33" s="113">
        <v>0</v>
      </c>
      <c r="CB33" s="117">
        <v>34867</v>
      </c>
      <c r="CC33" s="116">
        <v>34867</v>
      </c>
      <c r="CD33" s="113">
        <v>0</v>
      </c>
      <c r="CE33" s="117">
        <v>103359</v>
      </c>
      <c r="CF33" s="117">
        <v>131137</v>
      </c>
      <c r="CG33" s="117">
        <v>61670</v>
      </c>
      <c r="CH33" s="117">
        <v>0</v>
      </c>
      <c r="CI33" s="117">
        <v>60403</v>
      </c>
      <c r="CJ33" s="116">
        <v>356569</v>
      </c>
      <c r="CK33" s="119">
        <v>391436</v>
      </c>
      <c r="CL33" s="113">
        <v>0</v>
      </c>
      <c r="CM33" s="117">
        <v>0</v>
      </c>
      <c r="CN33" s="116">
        <v>0</v>
      </c>
      <c r="CO33" s="114">
        <v>0</v>
      </c>
      <c r="CP33" s="117">
        <v>33978</v>
      </c>
      <c r="CQ33" s="117">
        <v>97846</v>
      </c>
      <c r="CR33" s="117">
        <v>0</v>
      </c>
      <c r="CS33" s="117">
        <v>0</v>
      </c>
      <c r="CT33" s="117">
        <v>0</v>
      </c>
      <c r="CU33" s="116">
        <v>131824</v>
      </c>
      <c r="CV33" s="119">
        <v>131824</v>
      </c>
      <c r="CW33" s="113">
        <v>0</v>
      </c>
      <c r="CX33" s="117">
        <v>34867</v>
      </c>
      <c r="CY33" s="116">
        <v>34867</v>
      </c>
      <c r="CZ33" s="113">
        <v>0</v>
      </c>
      <c r="DA33" s="117">
        <v>69381</v>
      </c>
      <c r="DB33" s="117">
        <v>33291</v>
      </c>
      <c r="DC33" s="117">
        <v>61670</v>
      </c>
      <c r="DD33" s="117">
        <v>0</v>
      </c>
      <c r="DE33" s="117">
        <v>60403</v>
      </c>
      <c r="DF33" s="116">
        <v>224745</v>
      </c>
      <c r="DG33" s="119">
        <v>259612</v>
      </c>
      <c r="DH33" s="113">
        <v>0</v>
      </c>
      <c r="DI33" s="117">
        <v>0</v>
      </c>
      <c r="DJ33" s="115">
        <v>0</v>
      </c>
      <c r="DK33" s="114">
        <v>0</v>
      </c>
      <c r="DL33" s="117">
        <v>0</v>
      </c>
      <c r="DM33" s="117">
        <v>0</v>
      </c>
      <c r="DN33" s="117">
        <v>0</v>
      </c>
      <c r="DO33" s="117">
        <v>0</v>
      </c>
      <c r="DP33" s="117">
        <v>0</v>
      </c>
      <c r="DQ33" s="116">
        <v>0</v>
      </c>
      <c r="DR33" s="119">
        <v>0</v>
      </c>
      <c r="DS33" s="113">
        <v>0</v>
      </c>
      <c r="DT33" s="117">
        <v>0</v>
      </c>
      <c r="DU33" s="116">
        <v>0</v>
      </c>
      <c r="DV33" s="113">
        <v>0</v>
      </c>
      <c r="DW33" s="117">
        <v>0</v>
      </c>
      <c r="DX33" s="117">
        <v>0</v>
      </c>
      <c r="DY33" s="117">
        <v>0</v>
      </c>
      <c r="DZ33" s="117">
        <v>0</v>
      </c>
      <c r="EA33" s="117">
        <v>0</v>
      </c>
      <c r="EB33" s="116">
        <v>0</v>
      </c>
      <c r="EC33" s="119">
        <v>0</v>
      </c>
      <c r="ED33" s="113">
        <v>0</v>
      </c>
      <c r="EE33" s="115">
        <v>0</v>
      </c>
      <c r="EF33" s="116">
        <v>0</v>
      </c>
      <c r="EG33" s="113">
        <v>0</v>
      </c>
      <c r="EH33" s="117">
        <v>0</v>
      </c>
      <c r="EI33" s="117">
        <v>0</v>
      </c>
      <c r="EJ33" s="117">
        <v>0</v>
      </c>
      <c r="EK33" s="117">
        <v>0</v>
      </c>
      <c r="EL33" s="117">
        <v>0</v>
      </c>
      <c r="EM33" s="115">
        <v>0</v>
      </c>
      <c r="EN33" s="119">
        <v>0</v>
      </c>
      <c r="EO33" s="113">
        <v>0</v>
      </c>
      <c r="EP33" s="117">
        <v>0</v>
      </c>
      <c r="EQ33" s="115">
        <v>0</v>
      </c>
      <c r="ER33" s="114">
        <v>0</v>
      </c>
      <c r="ES33" s="117">
        <v>0</v>
      </c>
      <c r="ET33" s="117">
        <v>0</v>
      </c>
      <c r="EU33" s="117">
        <v>0</v>
      </c>
      <c r="EV33" s="117">
        <v>0</v>
      </c>
      <c r="EW33" s="117">
        <v>0</v>
      </c>
      <c r="EX33" s="116">
        <v>0</v>
      </c>
      <c r="EY33" s="119">
        <v>0</v>
      </c>
      <c r="EZ33" s="113">
        <v>0</v>
      </c>
      <c r="FA33" s="117">
        <v>0</v>
      </c>
      <c r="FB33" s="115">
        <v>0</v>
      </c>
      <c r="FC33" s="395"/>
      <c r="FD33" s="117">
        <v>0</v>
      </c>
      <c r="FE33" s="117">
        <v>0</v>
      </c>
      <c r="FF33" s="117">
        <v>0</v>
      </c>
      <c r="FG33" s="117">
        <v>0</v>
      </c>
      <c r="FH33" s="117">
        <v>0</v>
      </c>
      <c r="FI33" s="116">
        <v>0</v>
      </c>
      <c r="FJ33" s="119">
        <v>0</v>
      </c>
      <c r="FK33" s="113">
        <v>0</v>
      </c>
      <c r="FL33" s="117">
        <v>12600</v>
      </c>
      <c r="FM33" s="116">
        <v>12600</v>
      </c>
      <c r="FN33" s="113">
        <v>0</v>
      </c>
      <c r="FO33" s="117">
        <v>82250</v>
      </c>
      <c r="FP33" s="117">
        <v>39662</v>
      </c>
      <c r="FQ33" s="117">
        <v>7350</v>
      </c>
      <c r="FR33" s="117">
        <v>0</v>
      </c>
      <c r="FS33" s="117">
        <v>45150</v>
      </c>
      <c r="FT33" s="116">
        <v>174412</v>
      </c>
      <c r="FU33" s="119">
        <v>187012</v>
      </c>
      <c r="FV33" s="118">
        <v>0</v>
      </c>
      <c r="FW33" s="117">
        <v>12600</v>
      </c>
      <c r="FX33" s="115">
        <v>12600</v>
      </c>
      <c r="FY33" s="114">
        <v>0</v>
      </c>
      <c r="FZ33" s="117">
        <v>10360</v>
      </c>
      <c r="GA33" s="117">
        <v>39662</v>
      </c>
      <c r="GB33" s="117">
        <v>7350</v>
      </c>
      <c r="GC33" s="117">
        <v>0</v>
      </c>
      <c r="GD33" s="117">
        <v>45150</v>
      </c>
      <c r="GE33" s="116">
        <v>102522</v>
      </c>
      <c r="GF33" s="357">
        <v>115122</v>
      </c>
      <c r="GG33" s="118">
        <v>0</v>
      </c>
      <c r="GH33" s="117">
        <v>0</v>
      </c>
      <c r="GI33" s="115">
        <v>0</v>
      </c>
      <c r="GJ33" s="114">
        <v>0</v>
      </c>
      <c r="GK33" s="117">
        <v>0</v>
      </c>
      <c r="GL33" s="117">
        <v>0</v>
      </c>
      <c r="GM33" s="117">
        <v>0</v>
      </c>
      <c r="GN33" s="117">
        <v>0</v>
      </c>
      <c r="GO33" s="117">
        <v>0</v>
      </c>
      <c r="GP33" s="116">
        <v>0</v>
      </c>
      <c r="GQ33" s="119">
        <v>0</v>
      </c>
      <c r="GR33" s="113">
        <v>0</v>
      </c>
      <c r="GS33" s="117">
        <v>0</v>
      </c>
      <c r="GT33" s="116">
        <v>0</v>
      </c>
      <c r="GU33" s="113">
        <v>0</v>
      </c>
      <c r="GV33" s="117">
        <v>71890</v>
      </c>
      <c r="GW33" s="117">
        <v>0</v>
      </c>
      <c r="GX33" s="117">
        <v>0</v>
      </c>
      <c r="GY33" s="117">
        <v>0</v>
      </c>
      <c r="GZ33" s="117">
        <v>0</v>
      </c>
      <c r="HA33" s="115">
        <v>71890</v>
      </c>
      <c r="HB33" s="119">
        <v>71890</v>
      </c>
      <c r="HC33" s="113">
        <v>0</v>
      </c>
      <c r="HD33" s="117">
        <v>0</v>
      </c>
      <c r="HE33" s="115">
        <v>0</v>
      </c>
      <c r="HF33" s="114">
        <v>0</v>
      </c>
      <c r="HG33" s="117">
        <v>138311</v>
      </c>
      <c r="HH33" s="117">
        <v>148201</v>
      </c>
      <c r="HI33" s="117">
        <v>0</v>
      </c>
      <c r="HJ33" s="117">
        <v>0</v>
      </c>
      <c r="HK33" s="117">
        <v>91285</v>
      </c>
      <c r="HL33" s="116">
        <v>377797</v>
      </c>
      <c r="HM33" s="112">
        <v>377797</v>
      </c>
      <c r="HN33" s="373"/>
      <c r="HO33" s="374"/>
      <c r="HP33" s="375"/>
      <c r="HQ33" s="376"/>
      <c r="HR33" s="374"/>
      <c r="HS33" s="374"/>
      <c r="HT33" s="374"/>
      <c r="HU33" s="374"/>
      <c r="HV33" s="374"/>
      <c r="HW33" s="377"/>
      <c r="HX33" s="378"/>
      <c r="HY33" s="148">
        <v>0</v>
      </c>
      <c r="HZ33" s="149">
        <v>0</v>
      </c>
      <c r="IA33" s="150">
        <v>0</v>
      </c>
      <c r="IB33" s="162">
        <v>0</v>
      </c>
      <c r="IC33" s="149">
        <v>65814</v>
      </c>
      <c r="ID33" s="163">
        <v>35868</v>
      </c>
      <c r="IE33" s="150">
        <v>29897</v>
      </c>
      <c r="IF33" s="149">
        <v>0</v>
      </c>
      <c r="IG33" s="150">
        <v>0</v>
      </c>
      <c r="IH33" s="164">
        <v>131579</v>
      </c>
      <c r="II33" s="156">
        <v>131579</v>
      </c>
      <c r="IJ33" s="259">
        <v>0</v>
      </c>
      <c r="IK33" s="266">
        <v>0</v>
      </c>
      <c r="IL33" s="267">
        <v>0</v>
      </c>
      <c r="IM33" s="157"/>
      <c r="IN33" s="123">
        <v>0</v>
      </c>
      <c r="IO33" s="123">
        <v>0</v>
      </c>
      <c r="IP33" s="123">
        <v>0</v>
      </c>
      <c r="IQ33" s="123">
        <v>0</v>
      </c>
      <c r="IR33" s="123">
        <v>0</v>
      </c>
      <c r="IS33" s="158">
        <v>0</v>
      </c>
      <c r="IT33" s="360">
        <v>0</v>
      </c>
      <c r="IU33" s="159">
        <v>0</v>
      </c>
      <c r="IV33" s="123">
        <v>0</v>
      </c>
      <c r="IW33" s="124">
        <v>0</v>
      </c>
      <c r="IX33" s="161"/>
      <c r="IY33" s="123">
        <v>0</v>
      </c>
      <c r="IZ33" s="123">
        <v>0</v>
      </c>
      <c r="JA33" s="123">
        <v>0</v>
      </c>
      <c r="JB33" s="123">
        <v>0</v>
      </c>
      <c r="JC33" s="123">
        <v>0</v>
      </c>
      <c r="JD33" s="124">
        <v>0</v>
      </c>
      <c r="JE33" s="125">
        <v>0</v>
      </c>
      <c r="JF33" s="159">
        <v>0</v>
      </c>
      <c r="JG33" s="123">
        <v>0</v>
      </c>
      <c r="JH33" s="158">
        <v>0</v>
      </c>
      <c r="JI33" s="122">
        <v>0</v>
      </c>
      <c r="JJ33" s="123">
        <v>65814</v>
      </c>
      <c r="JK33" s="123">
        <v>35868</v>
      </c>
      <c r="JL33" s="123">
        <v>0</v>
      </c>
      <c r="JM33" s="123">
        <v>0</v>
      </c>
      <c r="JN33" s="123">
        <v>0</v>
      </c>
      <c r="JO33" s="124">
        <v>101682</v>
      </c>
      <c r="JP33" s="360">
        <v>101682</v>
      </c>
      <c r="JQ33" s="159">
        <v>0</v>
      </c>
      <c r="JR33" s="123">
        <v>0</v>
      </c>
      <c r="JS33" s="158">
        <v>0</v>
      </c>
      <c r="JT33" s="122">
        <v>0</v>
      </c>
      <c r="JU33" s="123">
        <v>0</v>
      </c>
      <c r="JV33" s="123">
        <v>0</v>
      </c>
      <c r="JW33" s="123">
        <v>22694</v>
      </c>
      <c r="JX33" s="123">
        <v>0</v>
      </c>
      <c r="JY33" s="123">
        <v>0</v>
      </c>
      <c r="JZ33" s="124">
        <v>22694</v>
      </c>
      <c r="KA33" s="360">
        <v>22694</v>
      </c>
      <c r="KB33" s="262">
        <v>0</v>
      </c>
      <c r="KC33" s="256">
        <v>0</v>
      </c>
      <c r="KD33" s="124">
        <v>0</v>
      </c>
      <c r="KE33" s="122">
        <v>0</v>
      </c>
      <c r="KF33" s="123">
        <v>0</v>
      </c>
      <c r="KG33" s="123">
        <v>0</v>
      </c>
      <c r="KH33" s="123">
        <v>0</v>
      </c>
      <c r="KI33" s="123">
        <v>0</v>
      </c>
      <c r="KJ33" s="123">
        <v>0</v>
      </c>
      <c r="KK33" s="124">
        <v>0</v>
      </c>
      <c r="KL33" s="160">
        <v>0</v>
      </c>
      <c r="KM33" s="259">
        <v>0</v>
      </c>
      <c r="KN33" s="266">
        <v>0</v>
      </c>
      <c r="KO33" s="267">
        <v>0</v>
      </c>
      <c r="KP33" s="395"/>
      <c r="KQ33" s="123">
        <v>0</v>
      </c>
      <c r="KR33" s="123">
        <v>0</v>
      </c>
      <c r="KS33" s="123">
        <v>7203</v>
      </c>
      <c r="KT33" s="123">
        <v>0</v>
      </c>
      <c r="KU33" s="123">
        <v>0</v>
      </c>
      <c r="KV33" s="124">
        <v>7203</v>
      </c>
      <c r="KW33" s="360">
        <v>7203</v>
      </c>
      <c r="KX33" s="159">
        <v>0</v>
      </c>
      <c r="KY33" s="123">
        <v>0</v>
      </c>
      <c r="KZ33" s="124">
        <v>0</v>
      </c>
      <c r="LA33" s="395"/>
      <c r="LB33" s="123">
        <v>0</v>
      </c>
      <c r="LC33" s="123">
        <v>0</v>
      </c>
      <c r="LD33" s="123">
        <v>0</v>
      </c>
      <c r="LE33" s="123">
        <v>0</v>
      </c>
      <c r="LF33" s="123">
        <v>0</v>
      </c>
      <c r="LG33" s="124">
        <v>0</v>
      </c>
      <c r="LH33" s="125">
        <v>0</v>
      </c>
      <c r="LI33" s="159">
        <v>0</v>
      </c>
      <c r="LJ33" s="123">
        <v>0</v>
      </c>
      <c r="LK33" s="124">
        <v>0</v>
      </c>
      <c r="LL33" s="395"/>
      <c r="LM33" s="123">
        <v>0</v>
      </c>
      <c r="LN33" s="123">
        <v>0</v>
      </c>
      <c r="LO33" s="123">
        <v>0</v>
      </c>
      <c r="LP33" s="123">
        <v>0</v>
      </c>
      <c r="LQ33" s="123">
        <v>0</v>
      </c>
      <c r="LR33" s="124">
        <v>0</v>
      </c>
      <c r="LS33" s="360">
        <v>0</v>
      </c>
      <c r="LT33" s="159">
        <v>0</v>
      </c>
      <c r="LU33" s="123">
        <v>0</v>
      </c>
      <c r="LV33" s="124">
        <v>0</v>
      </c>
      <c r="LW33" s="395"/>
      <c r="LX33" s="123">
        <v>0</v>
      </c>
      <c r="LY33" s="123">
        <v>0</v>
      </c>
      <c r="LZ33" s="123">
        <v>0</v>
      </c>
      <c r="MA33" s="123">
        <v>0</v>
      </c>
      <c r="MB33" s="123">
        <v>0</v>
      </c>
      <c r="MC33" s="124">
        <v>0</v>
      </c>
      <c r="MD33" s="125">
        <v>0</v>
      </c>
      <c r="ME33" s="159">
        <v>0</v>
      </c>
      <c r="MF33" s="123">
        <v>0</v>
      </c>
      <c r="MG33" s="124">
        <v>0</v>
      </c>
      <c r="MH33" s="395"/>
      <c r="MI33" s="123">
        <v>0</v>
      </c>
      <c r="MJ33" s="123">
        <v>0</v>
      </c>
      <c r="MK33" s="123">
        <v>454885</v>
      </c>
      <c r="ML33" s="123">
        <v>216675</v>
      </c>
      <c r="MM33" s="123">
        <v>426068</v>
      </c>
      <c r="MN33" s="124">
        <v>1097628</v>
      </c>
      <c r="MO33" s="160">
        <v>1097628</v>
      </c>
      <c r="MP33" s="159">
        <v>0</v>
      </c>
      <c r="MQ33" s="123">
        <v>0</v>
      </c>
      <c r="MR33" s="124">
        <v>0</v>
      </c>
      <c r="MS33" s="395"/>
      <c r="MT33" s="123">
        <v>0</v>
      </c>
      <c r="MU33" s="123">
        <v>0</v>
      </c>
      <c r="MV33" s="123">
        <v>181272</v>
      </c>
      <c r="MW33" s="123">
        <v>216675</v>
      </c>
      <c r="MX33" s="123">
        <v>0</v>
      </c>
      <c r="MY33" s="124">
        <v>397947</v>
      </c>
      <c r="MZ33" s="160">
        <v>397947</v>
      </c>
      <c r="NA33" s="159">
        <v>0</v>
      </c>
      <c r="NB33" s="123">
        <v>0</v>
      </c>
      <c r="NC33" s="124">
        <v>0</v>
      </c>
      <c r="ND33" s="395"/>
      <c r="NE33" s="123">
        <v>0</v>
      </c>
      <c r="NF33" s="123">
        <v>0</v>
      </c>
      <c r="NG33" s="123">
        <v>273613</v>
      </c>
      <c r="NH33" s="123">
        <v>0</v>
      </c>
      <c r="NI33" s="123">
        <v>426068</v>
      </c>
      <c r="NJ33" s="124">
        <v>699681</v>
      </c>
      <c r="NK33" s="360">
        <v>699681</v>
      </c>
      <c r="NL33" s="159">
        <v>0</v>
      </c>
      <c r="NM33" s="123">
        <v>0</v>
      </c>
      <c r="NN33" s="124">
        <v>0</v>
      </c>
      <c r="NO33" s="395"/>
      <c r="NP33" s="123">
        <v>0</v>
      </c>
      <c r="NQ33" s="123">
        <v>0</v>
      </c>
      <c r="NR33" s="123">
        <v>0</v>
      </c>
      <c r="NS33" s="123">
        <v>0</v>
      </c>
      <c r="NT33" s="123">
        <v>0</v>
      </c>
      <c r="NU33" s="124">
        <v>0</v>
      </c>
      <c r="NV33" s="125">
        <v>0</v>
      </c>
      <c r="NW33" s="159">
        <v>0</v>
      </c>
      <c r="NX33" s="123">
        <v>0</v>
      </c>
      <c r="NY33" s="124">
        <v>0</v>
      </c>
      <c r="NZ33" s="395"/>
      <c r="OA33" s="123">
        <v>0</v>
      </c>
      <c r="OB33" s="123">
        <v>0</v>
      </c>
      <c r="OC33" s="123">
        <v>0</v>
      </c>
      <c r="OD33" s="123">
        <v>0</v>
      </c>
      <c r="OE33" s="123">
        <v>0</v>
      </c>
      <c r="OF33" s="124">
        <v>0</v>
      </c>
      <c r="OG33" s="125">
        <v>0</v>
      </c>
      <c r="OH33" s="159">
        <v>0</v>
      </c>
      <c r="OI33" s="123">
        <v>51086</v>
      </c>
      <c r="OJ33" s="158">
        <v>51086</v>
      </c>
      <c r="OK33" s="122">
        <v>0</v>
      </c>
      <c r="OL33" s="123">
        <v>480146</v>
      </c>
      <c r="OM33" s="123">
        <v>534815</v>
      </c>
      <c r="ON33" s="123">
        <v>575894</v>
      </c>
      <c r="OO33" s="123">
        <v>216675</v>
      </c>
      <c r="OP33" s="123">
        <v>626308</v>
      </c>
      <c r="OQ33" s="124">
        <v>2433838</v>
      </c>
      <c r="OR33" s="160">
        <v>2484924</v>
      </c>
    </row>
    <row r="34" spans="1:408" ht="20.25" customHeight="1" x14ac:dyDescent="0.2">
      <c r="A34" s="130" t="s">
        <v>29</v>
      </c>
      <c r="B34" s="113">
        <v>5572</v>
      </c>
      <c r="C34" s="117">
        <v>11900</v>
      </c>
      <c r="D34" s="116">
        <v>17472</v>
      </c>
      <c r="E34" s="112">
        <v>0</v>
      </c>
      <c r="F34" s="117">
        <v>444871</v>
      </c>
      <c r="G34" s="117">
        <v>391476</v>
      </c>
      <c r="H34" s="117">
        <v>520273</v>
      </c>
      <c r="I34" s="117">
        <v>204184</v>
      </c>
      <c r="J34" s="117">
        <v>0</v>
      </c>
      <c r="K34" s="198">
        <v>1560804</v>
      </c>
      <c r="L34" s="119">
        <v>1578276</v>
      </c>
      <c r="M34" s="113">
        <v>4172</v>
      </c>
      <c r="N34" s="117">
        <v>0</v>
      </c>
      <c r="O34" s="116">
        <v>4172</v>
      </c>
      <c r="P34" s="113">
        <v>0</v>
      </c>
      <c r="Q34" s="117">
        <v>72639</v>
      </c>
      <c r="R34" s="117">
        <v>188143</v>
      </c>
      <c r="S34" s="117">
        <v>158382</v>
      </c>
      <c r="T34" s="117">
        <v>20783</v>
      </c>
      <c r="U34" s="117">
        <v>0</v>
      </c>
      <c r="V34" s="116">
        <v>439947</v>
      </c>
      <c r="W34" s="119">
        <v>444119</v>
      </c>
      <c r="X34" s="113">
        <v>0</v>
      </c>
      <c r="Y34" s="117">
        <v>0</v>
      </c>
      <c r="Z34" s="116">
        <v>0</v>
      </c>
      <c r="AA34" s="113">
        <v>0</v>
      </c>
      <c r="AB34" s="117">
        <v>10962</v>
      </c>
      <c r="AC34" s="117">
        <v>82723</v>
      </c>
      <c r="AD34" s="117">
        <v>0</v>
      </c>
      <c r="AE34" s="117">
        <v>0</v>
      </c>
      <c r="AF34" s="117">
        <v>0</v>
      </c>
      <c r="AG34" s="116">
        <v>93685</v>
      </c>
      <c r="AH34" s="119">
        <v>93685</v>
      </c>
      <c r="AI34" s="113">
        <v>0</v>
      </c>
      <c r="AJ34" s="117">
        <v>0</v>
      </c>
      <c r="AK34" s="116">
        <v>0</v>
      </c>
      <c r="AL34" s="113">
        <v>0</v>
      </c>
      <c r="AM34" s="117">
        <v>0</v>
      </c>
      <c r="AN34" s="117">
        <v>0</v>
      </c>
      <c r="AO34" s="117">
        <v>37856</v>
      </c>
      <c r="AP34" s="117">
        <v>0</v>
      </c>
      <c r="AQ34" s="117">
        <v>0</v>
      </c>
      <c r="AR34" s="116">
        <v>37856</v>
      </c>
      <c r="AS34" s="119">
        <v>37856</v>
      </c>
      <c r="AT34" s="113">
        <v>0</v>
      </c>
      <c r="AU34" s="117">
        <v>0</v>
      </c>
      <c r="AV34" s="116">
        <v>0</v>
      </c>
      <c r="AW34" s="113">
        <v>0</v>
      </c>
      <c r="AX34" s="117">
        <v>43477</v>
      </c>
      <c r="AY34" s="117">
        <v>36106</v>
      </c>
      <c r="AZ34" s="117">
        <v>112126</v>
      </c>
      <c r="BA34" s="117">
        <v>0</v>
      </c>
      <c r="BB34" s="117">
        <v>0</v>
      </c>
      <c r="BC34" s="116">
        <v>191709</v>
      </c>
      <c r="BD34" s="119">
        <v>191709</v>
      </c>
      <c r="BE34" s="113">
        <v>0</v>
      </c>
      <c r="BF34" s="117">
        <v>0</v>
      </c>
      <c r="BG34" s="115">
        <v>0</v>
      </c>
      <c r="BH34" s="114">
        <v>0</v>
      </c>
      <c r="BI34" s="117">
        <v>0</v>
      </c>
      <c r="BJ34" s="117">
        <v>26768</v>
      </c>
      <c r="BK34" s="117">
        <v>0</v>
      </c>
      <c r="BL34" s="117">
        <v>0</v>
      </c>
      <c r="BM34" s="117">
        <v>0</v>
      </c>
      <c r="BN34" s="116">
        <v>26768</v>
      </c>
      <c r="BO34" s="119">
        <v>26768</v>
      </c>
      <c r="BP34" s="113">
        <v>4172</v>
      </c>
      <c r="BQ34" s="117">
        <v>0</v>
      </c>
      <c r="BR34" s="116">
        <v>4172</v>
      </c>
      <c r="BS34" s="113">
        <v>0</v>
      </c>
      <c r="BT34" s="117">
        <v>18200</v>
      </c>
      <c r="BU34" s="117">
        <v>42546</v>
      </c>
      <c r="BV34" s="117">
        <v>8400</v>
      </c>
      <c r="BW34" s="117">
        <v>20783</v>
      </c>
      <c r="BX34" s="117">
        <v>0</v>
      </c>
      <c r="BY34" s="116">
        <v>89929</v>
      </c>
      <c r="BZ34" s="119">
        <v>94101</v>
      </c>
      <c r="CA34" s="113">
        <v>0</v>
      </c>
      <c r="CB34" s="117">
        <v>0</v>
      </c>
      <c r="CC34" s="116">
        <v>0</v>
      </c>
      <c r="CD34" s="113">
        <v>0</v>
      </c>
      <c r="CE34" s="117">
        <v>76531</v>
      </c>
      <c r="CF34" s="117">
        <v>44835</v>
      </c>
      <c r="CG34" s="117">
        <v>143035</v>
      </c>
      <c r="CH34" s="117">
        <v>0</v>
      </c>
      <c r="CI34" s="117">
        <v>0</v>
      </c>
      <c r="CJ34" s="116">
        <v>264401</v>
      </c>
      <c r="CK34" s="119">
        <v>264401</v>
      </c>
      <c r="CL34" s="113">
        <v>0</v>
      </c>
      <c r="CM34" s="117">
        <v>0</v>
      </c>
      <c r="CN34" s="116">
        <v>0</v>
      </c>
      <c r="CO34" s="114">
        <v>0</v>
      </c>
      <c r="CP34" s="117">
        <v>76531</v>
      </c>
      <c r="CQ34" s="117">
        <v>0</v>
      </c>
      <c r="CR34" s="117">
        <v>18676</v>
      </c>
      <c r="CS34" s="117">
        <v>0</v>
      </c>
      <c r="CT34" s="117">
        <v>0</v>
      </c>
      <c r="CU34" s="116">
        <v>95207</v>
      </c>
      <c r="CV34" s="119">
        <v>95207</v>
      </c>
      <c r="CW34" s="113">
        <v>0</v>
      </c>
      <c r="CX34" s="117">
        <v>0</v>
      </c>
      <c r="CY34" s="116">
        <v>0</v>
      </c>
      <c r="CZ34" s="113">
        <v>0</v>
      </c>
      <c r="DA34" s="117">
        <v>0</v>
      </c>
      <c r="DB34" s="117">
        <v>44835</v>
      </c>
      <c r="DC34" s="117">
        <v>124359</v>
      </c>
      <c r="DD34" s="117">
        <v>0</v>
      </c>
      <c r="DE34" s="117">
        <v>0</v>
      </c>
      <c r="DF34" s="116">
        <v>169194</v>
      </c>
      <c r="DG34" s="119">
        <v>169194</v>
      </c>
      <c r="DH34" s="113">
        <v>0</v>
      </c>
      <c r="DI34" s="117">
        <v>0</v>
      </c>
      <c r="DJ34" s="115">
        <v>0</v>
      </c>
      <c r="DK34" s="114">
        <v>0</v>
      </c>
      <c r="DL34" s="117">
        <v>0</v>
      </c>
      <c r="DM34" s="117">
        <v>0</v>
      </c>
      <c r="DN34" s="117">
        <v>14356</v>
      </c>
      <c r="DO34" s="117">
        <v>0</v>
      </c>
      <c r="DP34" s="117">
        <v>0</v>
      </c>
      <c r="DQ34" s="116">
        <v>14356</v>
      </c>
      <c r="DR34" s="119">
        <v>14356</v>
      </c>
      <c r="DS34" s="113">
        <v>0</v>
      </c>
      <c r="DT34" s="117">
        <v>0</v>
      </c>
      <c r="DU34" s="116">
        <v>0</v>
      </c>
      <c r="DV34" s="113">
        <v>0</v>
      </c>
      <c r="DW34" s="117">
        <v>0</v>
      </c>
      <c r="DX34" s="117">
        <v>0</v>
      </c>
      <c r="DY34" s="117">
        <v>14356</v>
      </c>
      <c r="DZ34" s="117">
        <v>0</v>
      </c>
      <c r="EA34" s="117">
        <v>0</v>
      </c>
      <c r="EB34" s="116">
        <v>14356</v>
      </c>
      <c r="EC34" s="119">
        <v>14356</v>
      </c>
      <c r="ED34" s="113">
        <v>0</v>
      </c>
      <c r="EE34" s="115">
        <v>0</v>
      </c>
      <c r="EF34" s="116">
        <v>0</v>
      </c>
      <c r="EG34" s="113">
        <v>0</v>
      </c>
      <c r="EH34" s="117">
        <v>0</v>
      </c>
      <c r="EI34" s="117">
        <v>0</v>
      </c>
      <c r="EJ34" s="117">
        <v>0</v>
      </c>
      <c r="EK34" s="117">
        <v>0</v>
      </c>
      <c r="EL34" s="117">
        <v>0</v>
      </c>
      <c r="EM34" s="115">
        <v>0</v>
      </c>
      <c r="EN34" s="119">
        <v>0</v>
      </c>
      <c r="EO34" s="113">
        <v>0</v>
      </c>
      <c r="EP34" s="117">
        <v>0</v>
      </c>
      <c r="EQ34" s="115">
        <v>0</v>
      </c>
      <c r="ER34" s="114">
        <v>0</v>
      </c>
      <c r="ES34" s="117">
        <v>0</v>
      </c>
      <c r="ET34" s="117">
        <v>0</v>
      </c>
      <c r="EU34" s="117">
        <v>0</v>
      </c>
      <c r="EV34" s="117">
        <v>0</v>
      </c>
      <c r="EW34" s="117">
        <v>0</v>
      </c>
      <c r="EX34" s="116">
        <v>0</v>
      </c>
      <c r="EY34" s="119">
        <v>0</v>
      </c>
      <c r="EZ34" s="113">
        <v>0</v>
      </c>
      <c r="FA34" s="117">
        <v>0</v>
      </c>
      <c r="FB34" s="115">
        <v>0</v>
      </c>
      <c r="FC34" s="395"/>
      <c r="FD34" s="117">
        <v>0</v>
      </c>
      <c r="FE34" s="117">
        <v>0</v>
      </c>
      <c r="FF34" s="117">
        <v>0</v>
      </c>
      <c r="FG34" s="117">
        <v>0</v>
      </c>
      <c r="FH34" s="117">
        <v>0</v>
      </c>
      <c r="FI34" s="116">
        <v>0</v>
      </c>
      <c r="FJ34" s="119">
        <v>0</v>
      </c>
      <c r="FK34" s="113">
        <v>1400</v>
      </c>
      <c r="FL34" s="117">
        <v>11900</v>
      </c>
      <c r="FM34" s="116">
        <v>13300</v>
      </c>
      <c r="FN34" s="113">
        <v>0</v>
      </c>
      <c r="FO34" s="117">
        <v>30100</v>
      </c>
      <c r="FP34" s="117">
        <v>7700</v>
      </c>
      <c r="FQ34" s="117">
        <v>32130</v>
      </c>
      <c r="FR34" s="117">
        <v>0</v>
      </c>
      <c r="FS34" s="117">
        <v>0</v>
      </c>
      <c r="FT34" s="116">
        <v>69930</v>
      </c>
      <c r="FU34" s="119">
        <v>83230</v>
      </c>
      <c r="FV34" s="118">
        <v>1400</v>
      </c>
      <c r="FW34" s="117">
        <v>11900</v>
      </c>
      <c r="FX34" s="115">
        <v>13300</v>
      </c>
      <c r="FY34" s="114">
        <v>0</v>
      </c>
      <c r="FZ34" s="117">
        <v>30100</v>
      </c>
      <c r="GA34" s="117">
        <v>7700</v>
      </c>
      <c r="GB34" s="117">
        <v>32130</v>
      </c>
      <c r="GC34" s="117">
        <v>0</v>
      </c>
      <c r="GD34" s="117">
        <v>0</v>
      </c>
      <c r="GE34" s="116">
        <v>69930</v>
      </c>
      <c r="GF34" s="357">
        <v>83230</v>
      </c>
      <c r="GG34" s="118">
        <v>0</v>
      </c>
      <c r="GH34" s="117">
        <v>0</v>
      </c>
      <c r="GI34" s="115">
        <v>0</v>
      </c>
      <c r="GJ34" s="114">
        <v>0</v>
      </c>
      <c r="GK34" s="117">
        <v>0</v>
      </c>
      <c r="GL34" s="117">
        <v>0</v>
      </c>
      <c r="GM34" s="117">
        <v>0</v>
      </c>
      <c r="GN34" s="117">
        <v>0</v>
      </c>
      <c r="GO34" s="117">
        <v>0</v>
      </c>
      <c r="GP34" s="116">
        <v>0</v>
      </c>
      <c r="GQ34" s="119">
        <v>0</v>
      </c>
      <c r="GR34" s="113">
        <v>0</v>
      </c>
      <c r="GS34" s="117">
        <v>0</v>
      </c>
      <c r="GT34" s="116">
        <v>0</v>
      </c>
      <c r="GU34" s="113">
        <v>0</v>
      </c>
      <c r="GV34" s="117">
        <v>0</v>
      </c>
      <c r="GW34" s="117">
        <v>0</v>
      </c>
      <c r="GX34" s="117">
        <v>0</v>
      </c>
      <c r="GY34" s="117">
        <v>0</v>
      </c>
      <c r="GZ34" s="117">
        <v>0</v>
      </c>
      <c r="HA34" s="115">
        <v>0</v>
      </c>
      <c r="HB34" s="119">
        <v>0</v>
      </c>
      <c r="HC34" s="113">
        <v>0</v>
      </c>
      <c r="HD34" s="117">
        <v>0</v>
      </c>
      <c r="HE34" s="115">
        <v>0</v>
      </c>
      <c r="HF34" s="114">
        <v>0</v>
      </c>
      <c r="HG34" s="117">
        <v>265601</v>
      </c>
      <c r="HH34" s="117">
        <v>150798</v>
      </c>
      <c r="HI34" s="117">
        <v>172370</v>
      </c>
      <c r="HJ34" s="117">
        <v>183401</v>
      </c>
      <c r="HK34" s="117">
        <v>0</v>
      </c>
      <c r="HL34" s="116">
        <v>772170</v>
      </c>
      <c r="HM34" s="112">
        <v>772170</v>
      </c>
      <c r="HN34" s="373"/>
      <c r="HO34" s="374"/>
      <c r="HP34" s="375"/>
      <c r="HQ34" s="376"/>
      <c r="HR34" s="374"/>
      <c r="HS34" s="374"/>
      <c r="HT34" s="374"/>
      <c r="HU34" s="374"/>
      <c r="HV34" s="374"/>
      <c r="HW34" s="377"/>
      <c r="HX34" s="378"/>
      <c r="HY34" s="166">
        <v>0</v>
      </c>
      <c r="HZ34" s="152">
        <v>0</v>
      </c>
      <c r="IA34" s="166">
        <v>0</v>
      </c>
      <c r="IB34" s="151">
        <v>0</v>
      </c>
      <c r="IC34" s="152">
        <v>0</v>
      </c>
      <c r="ID34" s="153">
        <v>12362</v>
      </c>
      <c r="IE34" s="154">
        <v>90811</v>
      </c>
      <c r="IF34" s="152">
        <v>0</v>
      </c>
      <c r="IG34" s="154">
        <v>0</v>
      </c>
      <c r="IH34" s="155">
        <v>103173</v>
      </c>
      <c r="II34" s="166">
        <v>103173</v>
      </c>
      <c r="IJ34" s="259">
        <v>0</v>
      </c>
      <c r="IK34" s="266">
        <v>0</v>
      </c>
      <c r="IL34" s="267">
        <v>0</v>
      </c>
      <c r="IM34" s="157"/>
      <c r="IN34" s="123">
        <v>0</v>
      </c>
      <c r="IO34" s="123">
        <v>0</v>
      </c>
      <c r="IP34" s="123">
        <v>0</v>
      </c>
      <c r="IQ34" s="123">
        <v>0</v>
      </c>
      <c r="IR34" s="123">
        <v>0</v>
      </c>
      <c r="IS34" s="158">
        <v>0</v>
      </c>
      <c r="IT34" s="360">
        <v>0</v>
      </c>
      <c r="IU34" s="159">
        <v>0</v>
      </c>
      <c r="IV34" s="123">
        <v>0</v>
      </c>
      <c r="IW34" s="124">
        <v>0</v>
      </c>
      <c r="IX34" s="161"/>
      <c r="IY34" s="123">
        <v>0</v>
      </c>
      <c r="IZ34" s="123">
        <v>0</v>
      </c>
      <c r="JA34" s="123">
        <v>0</v>
      </c>
      <c r="JB34" s="123">
        <v>0</v>
      </c>
      <c r="JC34" s="123">
        <v>0</v>
      </c>
      <c r="JD34" s="124">
        <v>0</v>
      </c>
      <c r="JE34" s="125">
        <v>0</v>
      </c>
      <c r="JF34" s="159">
        <v>0</v>
      </c>
      <c r="JG34" s="123">
        <v>0</v>
      </c>
      <c r="JH34" s="158">
        <v>0</v>
      </c>
      <c r="JI34" s="122">
        <v>0</v>
      </c>
      <c r="JJ34" s="123">
        <v>0</v>
      </c>
      <c r="JK34" s="123">
        <v>12362</v>
      </c>
      <c r="JL34" s="123">
        <v>0</v>
      </c>
      <c r="JM34" s="123">
        <v>0</v>
      </c>
      <c r="JN34" s="123">
        <v>0</v>
      </c>
      <c r="JO34" s="124">
        <v>12362</v>
      </c>
      <c r="JP34" s="360">
        <v>12362</v>
      </c>
      <c r="JQ34" s="159">
        <v>0</v>
      </c>
      <c r="JR34" s="123">
        <v>0</v>
      </c>
      <c r="JS34" s="158">
        <v>0</v>
      </c>
      <c r="JT34" s="122">
        <v>0</v>
      </c>
      <c r="JU34" s="123">
        <v>0</v>
      </c>
      <c r="JV34" s="123">
        <v>0</v>
      </c>
      <c r="JW34" s="123">
        <v>90811</v>
      </c>
      <c r="JX34" s="123">
        <v>0</v>
      </c>
      <c r="JY34" s="123">
        <v>0</v>
      </c>
      <c r="JZ34" s="124">
        <v>90811</v>
      </c>
      <c r="KA34" s="360">
        <v>90811</v>
      </c>
      <c r="KB34" s="262">
        <v>0</v>
      </c>
      <c r="KC34" s="256">
        <v>0</v>
      </c>
      <c r="KD34" s="124">
        <v>0</v>
      </c>
      <c r="KE34" s="122">
        <v>0</v>
      </c>
      <c r="KF34" s="123">
        <v>0</v>
      </c>
      <c r="KG34" s="123">
        <v>0</v>
      </c>
      <c r="KH34" s="123">
        <v>0</v>
      </c>
      <c r="KI34" s="123">
        <v>0</v>
      </c>
      <c r="KJ34" s="123">
        <v>0</v>
      </c>
      <c r="KK34" s="124">
        <v>0</v>
      </c>
      <c r="KL34" s="160">
        <v>0</v>
      </c>
      <c r="KM34" s="259">
        <v>0</v>
      </c>
      <c r="KN34" s="266">
        <v>0</v>
      </c>
      <c r="KO34" s="267">
        <v>0</v>
      </c>
      <c r="KP34" s="395"/>
      <c r="KQ34" s="123">
        <v>0</v>
      </c>
      <c r="KR34" s="123">
        <v>0</v>
      </c>
      <c r="KS34" s="123">
        <v>0</v>
      </c>
      <c r="KT34" s="123">
        <v>0</v>
      </c>
      <c r="KU34" s="123">
        <v>0</v>
      </c>
      <c r="KV34" s="124">
        <v>0</v>
      </c>
      <c r="KW34" s="360">
        <v>0</v>
      </c>
      <c r="KX34" s="159">
        <v>0</v>
      </c>
      <c r="KY34" s="123">
        <v>0</v>
      </c>
      <c r="KZ34" s="124">
        <v>0</v>
      </c>
      <c r="LA34" s="395"/>
      <c r="LB34" s="123">
        <v>0</v>
      </c>
      <c r="LC34" s="123">
        <v>0</v>
      </c>
      <c r="LD34" s="123">
        <v>0</v>
      </c>
      <c r="LE34" s="123">
        <v>0</v>
      </c>
      <c r="LF34" s="123">
        <v>0</v>
      </c>
      <c r="LG34" s="124">
        <v>0</v>
      </c>
      <c r="LH34" s="125">
        <v>0</v>
      </c>
      <c r="LI34" s="159">
        <v>0</v>
      </c>
      <c r="LJ34" s="123">
        <v>0</v>
      </c>
      <c r="LK34" s="124">
        <v>0</v>
      </c>
      <c r="LL34" s="395"/>
      <c r="LM34" s="123">
        <v>0</v>
      </c>
      <c r="LN34" s="123">
        <v>0</v>
      </c>
      <c r="LO34" s="123">
        <v>0</v>
      </c>
      <c r="LP34" s="123">
        <v>0</v>
      </c>
      <c r="LQ34" s="123">
        <v>0</v>
      </c>
      <c r="LR34" s="124">
        <v>0</v>
      </c>
      <c r="LS34" s="360">
        <v>0</v>
      </c>
      <c r="LT34" s="159">
        <v>0</v>
      </c>
      <c r="LU34" s="123">
        <v>0</v>
      </c>
      <c r="LV34" s="124">
        <v>0</v>
      </c>
      <c r="LW34" s="395"/>
      <c r="LX34" s="123">
        <v>0</v>
      </c>
      <c r="LY34" s="123">
        <v>0</v>
      </c>
      <c r="LZ34" s="123">
        <v>0</v>
      </c>
      <c r="MA34" s="123">
        <v>0</v>
      </c>
      <c r="MB34" s="123">
        <v>0</v>
      </c>
      <c r="MC34" s="124">
        <v>0</v>
      </c>
      <c r="MD34" s="125">
        <v>0</v>
      </c>
      <c r="ME34" s="159">
        <v>0</v>
      </c>
      <c r="MF34" s="123">
        <v>0</v>
      </c>
      <c r="MG34" s="124">
        <v>0</v>
      </c>
      <c r="MH34" s="395"/>
      <c r="MI34" s="123">
        <v>0</v>
      </c>
      <c r="MJ34" s="123">
        <v>0</v>
      </c>
      <c r="MK34" s="123">
        <v>525361</v>
      </c>
      <c r="ML34" s="123">
        <v>238373</v>
      </c>
      <c r="MM34" s="123">
        <v>226926</v>
      </c>
      <c r="MN34" s="124">
        <v>990660</v>
      </c>
      <c r="MO34" s="160">
        <v>990660</v>
      </c>
      <c r="MP34" s="159">
        <v>0</v>
      </c>
      <c r="MQ34" s="123">
        <v>0</v>
      </c>
      <c r="MR34" s="124">
        <v>0</v>
      </c>
      <c r="MS34" s="395"/>
      <c r="MT34" s="123">
        <v>0</v>
      </c>
      <c r="MU34" s="123">
        <v>0</v>
      </c>
      <c r="MV34" s="123">
        <v>210525</v>
      </c>
      <c r="MW34" s="123">
        <v>238373</v>
      </c>
      <c r="MX34" s="123">
        <v>0</v>
      </c>
      <c r="MY34" s="124">
        <v>448898</v>
      </c>
      <c r="MZ34" s="160">
        <v>448898</v>
      </c>
      <c r="NA34" s="159">
        <v>0</v>
      </c>
      <c r="NB34" s="123">
        <v>0</v>
      </c>
      <c r="NC34" s="124">
        <v>0</v>
      </c>
      <c r="ND34" s="395"/>
      <c r="NE34" s="123">
        <v>0</v>
      </c>
      <c r="NF34" s="123">
        <v>0</v>
      </c>
      <c r="NG34" s="123">
        <v>314836</v>
      </c>
      <c r="NH34" s="123">
        <v>0</v>
      </c>
      <c r="NI34" s="123">
        <v>226926</v>
      </c>
      <c r="NJ34" s="124">
        <v>541762</v>
      </c>
      <c r="NK34" s="360">
        <v>541762</v>
      </c>
      <c r="NL34" s="159">
        <v>0</v>
      </c>
      <c r="NM34" s="123">
        <v>0</v>
      </c>
      <c r="NN34" s="124">
        <v>0</v>
      </c>
      <c r="NO34" s="395"/>
      <c r="NP34" s="123">
        <v>0</v>
      </c>
      <c r="NQ34" s="123">
        <v>0</v>
      </c>
      <c r="NR34" s="123">
        <v>0</v>
      </c>
      <c r="NS34" s="123">
        <v>0</v>
      </c>
      <c r="NT34" s="123">
        <v>0</v>
      </c>
      <c r="NU34" s="124">
        <v>0</v>
      </c>
      <c r="NV34" s="125">
        <v>0</v>
      </c>
      <c r="NW34" s="159">
        <v>0</v>
      </c>
      <c r="NX34" s="123">
        <v>0</v>
      </c>
      <c r="NY34" s="124">
        <v>0</v>
      </c>
      <c r="NZ34" s="395"/>
      <c r="OA34" s="123">
        <v>0</v>
      </c>
      <c r="OB34" s="123">
        <v>0</v>
      </c>
      <c r="OC34" s="123">
        <v>0</v>
      </c>
      <c r="OD34" s="123">
        <v>0</v>
      </c>
      <c r="OE34" s="123">
        <v>0</v>
      </c>
      <c r="OF34" s="124">
        <v>0</v>
      </c>
      <c r="OG34" s="125">
        <v>0</v>
      </c>
      <c r="OH34" s="159">
        <v>5572</v>
      </c>
      <c r="OI34" s="123">
        <v>11900</v>
      </c>
      <c r="OJ34" s="158">
        <v>17472</v>
      </c>
      <c r="OK34" s="122">
        <v>0</v>
      </c>
      <c r="OL34" s="123">
        <v>444871</v>
      </c>
      <c r="OM34" s="123">
        <v>403838</v>
      </c>
      <c r="ON34" s="123">
        <v>1136445</v>
      </c>
      <c r="OO34" s="123">
        <v>442557</v>
      </c>
      <c r="OP34" s="123">
        <v>226926</v>
      </c>
      <c r="OQ34" s="124">
        <v>2654637</v>
      </c>
      <c r="OR34" s="160">
        <v>2672109</v>
      </c>
    </row>
    <row r="35" spans="1:408" ht="20.25" customHeight="1" x14ac:dyDescent="0.2">
      <c r="A35" s="130" t="s">
        <v>30</v>
      </c>
      <c r="B35" s="113">
        <v>3850</v>
      </c>
      <c r="C35" s="117">
        <v>2100</v>
      </c>
      <c r="D35" s="199">
        <v>5950</v>
      </c>
      <c r="E35" s="200">
        <v>0</v>
      </c>
      <c r="F35" s="201">
        <v>310795</v>
      </c>
      <c r="G35" s="201">
        <v>303737</v>
      </c>
      <c r="H35" s="201">
        <v>402616</v>
      </c>
      <c r="I35" s="201">
        <v>327216</v>
      </c>
      <c r="J35" s="201">
        <v>0</v>
      </c>
      <c r="K35" s="202">
        <v>1344364</v>
      </c>
      <c r="L35" s="119">
        <v>1350314</v>
      </c>
      <c r="M35" s="113">
        <v>0</v>
      </c>
      <c r="N35" s="117">
        <v>0</v>
      </c>
      <c r="O35" s="116">
        <v>0</v>
      </c>
      <c r="P35" s="113">
        <v>0</v>
      </c>
      <c r="Q35" s="117">
        <v>9296</v>
      </c>
      <c r="R35" s="117">
        <v>72849</v>
      </c>
      <c r="S35" s="117">
        <v>193185</v>
      </c>
      <c r="T35" s="117">
        <v>299272</v>
      </c>
      <c r="U35" s="117">
        <v>0</v>
      </c>
      <c r="V35" s="116">
        <v>574602</v>
      </c>
      <c r="W35" s="119">
        <v>574602</v>
      </c>
      <c r="X35" s="113">
        <v>0</v>
      </c>
      <c r="Y35" s="117">
        <v>0</v>
      </c>
      <c r="Z35" s="116">
        <v>0</v>
      </c>
      <c r="AA35" s="113">
        <v>0</v>
      </c>
      <c r="AB35" s="117">
        <v>0</v>
      </c>
      <c r="AC35" s="117">
        <v>28364</v>
      </c>
      <c r="AD35" s="117">
        <v>184785</v>
      </c>
      <c r="AE35" s="117">
        <v>165201</v>
      </c>
      <c r="AF35" s="117">
        <v>0</v>
      </c>
      <c r="AG35" s="116">
        <v>378350</v>
      </c>
      <c r="AH35" s="119">
        <v>378350</v>
      </c>
      <c r="AI35" s="113">
        <v>0</v>
      </c>
      <c r="AJ35" s="117">
        <v>0</v>
      </c>
      <c r="AK35" s="116">
        <v>0</v>
      </c>
      <c r="AL35" s="113">
        <v>0</v>
      </c>
      <c r="AM35" s="117">
        <v>0</v>
      </c>
      <c r="AN35" s="117">
        <v>0</v>
      </c>
      <c r="AO35" s="117">
        <v>0</v>
      </c>
      <c r="AP35" s="117">
        <v>37856</v>
      </c>
      <c r="AQ35" s="117">
        <v>0</v>
      </c>
      <c r="AR35" s="116">
        <v>37856</v>
      </c>
      <c r="AS35" s="119">
        <v>37856</v>
      </c>
      <c r="AT35" s="113">
        <v>0</v>
      </c>
      <c r="AU35" s="117">
        <v>0</v>
      </c>
      <c r="AV35" s="116">
        <v>0</v>
      </c>
      <c r="AW35" s="113">
        <v>0</v>
      </c>
      <c r="AX35" s="117">
        <v>0</v>
      </c>
      <c r="AY35" s="117">
        <v>40313</v>
      </c>
      <c r="AZ35" s="117">
        <v>0</v>
      </c>
      <c r="BA35" s="117">
        <v>28924</v>
      </c>
      <c r="BB35" s="117">
        <v>0</v>
      </c>
      <c r="BC35" s="116">
        <v>69237</v>
      </c>
      <c r="BD35" s="119">
        <v>69237</v>
      </c>
      <c r="BE35" s="113">
        <v>0</v>
      </c>
      <c r="BF35" s="117">
        <v>0</v>
      </c>
      <c r="BG35" s="115">
        <v>0</v>
      </c>
      <c r="BH35" s="114">
        <v>0</v>
      </c>
      <c r="BI35" s="117">
        <v>0</v>
      </c>
      <c r="BJ35" s="117">
        <v>0</v>
      </c>
      <c r="BK35" s="117">
        <v>0</v>
      </c>
      <c r="BL35" s="117">
        <v>58513</v>
      </c>
      <c r="BM35" s="117">
        <v>0</v>
      </c>
      <c r="BN35" s="116">
        <v>58513</v>
      </c>
      <c r="BO35" s="119">
        <v>58513</v>
      </c>
      <c r="BP35" s="113">
        <v>0</v>
      </c>
      <c r="BQ35" s="117">
        <v>0</v>
      </c>
      <c r="BR35" s="116">
        <v>0</v>
      </c>
      <c r="BS35" s="113">
        <v>0</v>
      </c>
      <c r="BT35" s="117">
        <v>9296</v>
      </c>
      <c r="BU35" s="117">
        <v>4172</v>
      </c>
      <c r="BV35" s="117">
        <v>8400</v>
      </c>
      <c r="BW35" s="117">
        <v>8778</v>
      </c>
      <c r="BX35" s="117">
        <v>0</v>
      </c>
      <c r="BY35" s="116">
        <v>30646</v>
      </c>
      <c r="BZ35" s="119">
        <v>30646</v>
      </c>
      <c r="CA35" s="113">
        <v>0</v>
      </c>
      <c r="CB35" s="117">
        <v>0</v>
      </c>
      <c r="CC35" s="116">
        <v>0</v>
      </c>
      <c r="CD35" s="113">
        <v>0</v>
      </c>
      <c r="CE35" s="117">
        <v>37235</v>
      </c>
      <c r="CF35" s="117">
        <v>159435</v>
      </c>
      <c r="CG35" s="117">
        <v>146333</v>
      </c>
      <c r="CH35" s="117">
        <v>0</v>
      </c>
      <c r="CI35" s="117">
        <v>0</v>
      </c>
      <c r="CJ35" s="116">
        <v>343003</v>
      </c>
      <c r="CK35" s="119">
        <v>343003</v>
      </c>
      <c r="CL35" s="113">
        <v>0</v>
      </c>
      <c r="CM35" s="117">
        <v>0</v>
      </c>
      <c r="CN35" s="116">
        <v>0</v>
      </c>
      <c r="CO35" s="114">
        <v>0</v>
      </c>
      <c r="CP35" s="117">
        <v>37235</v>
      </c>
      <c r="CQ35" s="117">
        <v>48919</v>
      </c>
      <c r="CR35" s="117">
        <v>146333</v>
      </c>
      <c r="CS35" s="117">
        <v>0</v>
      </c>
      <c r="CT35" s="117">
        <v>0</v>
      </c>
      <c r="CU35" s="116">
        <v>232487</v>
      </c>
      <c r="CV35" s="119">
        <v>232487</v>
      </c>
      <c r="CW35" s="113">
        <v>0</v>
      </c>
      <c r="CX35" s="117">
        <v>0</v>
      </c>
      <c r="CY35" s="116">
        <v>0</v>
      </c>
      <c r="CZ35" s="113">
        <v>0</v>
      </c>
      <c r="DA35" s="117">
        <v>0</v>
      </c>
      <c r="DB35" s="117">
        <v>110516</v>
      </c>
      <c r="DC35" s="117">
        <v>0</v>
      </c>
      <c r="DD35" s="117">
        <v>0</v>
      </c>
      <c r="DE35" s="117">
        <v>0</v>
      </c>
      <c r="DF35" s="116">
        <v>110516</v>
      </c>
      <c r="DG35" s="119">
        <v>110516</v>
      </c>
      <c r="DH35" s="113">
        <v>0</v>
      </c>
      <c r="DI35" s="117">
        <v>0</v>
      </c>
      <c r="DJ35" s="115">
        <v>0</v>
      </c>
      <c r="DK35" s="114">
        <v>0</v>
      </c>
      <c r="DL35" s="117">
        <v>0</v>
      </c>
      <c r="DM35" s="117">
        <v>25141</v>
      </c>
      <c r="DN35" s="117">
        <v>26733</v>
      </c>
      <c r="DO35" s="117">
        <v>0</v>
      </c>
      <c r="DP35" s="117">
        <v>0</v>
      </c>
      <c r="DQ35" s="116">
        <v>51874</v>
      </c>
      <c r="DR35" s="119">
        <v>51874</v>
      </c>
      <c r="DS35" s="113">
        <v>0</v>
      </c>
      <c r="DT35" s="117">
        <v>0</v>
      </c>
      <c r="DU35" s="116">
        <v>0</v>
      </c>
      <c r="DV35" s="113">
        <v>0</v>
      </c>
      <c r="DW35" s="117">
        <v>0</v>
      </c>
      <c r="DX35" s="117">
        <v>0</v>
      </c>
      <c r="DY35" s="117">
        <v>26733</v>
      </c>
      <c r="DZ35" s="117">
        <v>0</v>
      </c>
      <c r="EA35" s="117">
        <v>0</v>
      </c>
      <c r="EB35" s="116">
        <v>26733</v>
      </c>
      <c r="EC35" s="119">
        <v>26733</v>
      </c>
      <c r="ED35" s="113">
        <v>0</v>
      </c>
      <c r="EE35" s="115">
        <v>0</v>
      </c>
      <c r="EF35" s="116">
        <v>0</v>
      </c>
      <c r="EG35" s="113">
        <v>0</v>
      </c>
      <c r="EH35" s="117">
        <v>0</v>
      </c>
      <c r="EI35" s="117">
        <v>25141</v>
      </c>
      <c r="EJ35" s="117">
        <v>0</v>
      </c>
      <c r="EK35" s="117">
        <v>0</v>
      </c>
      <c r="EL35" s="117">
        <v>0</v>
      </c>
      <c r="EM35" s="115">
        <v>25141</v>
      </c>
      <c r="EN35" s="119">
        <v>25141</v>
      </c>
      <c r="EO35" s="113">
        <v>0</v>
      </c>
      <c r="EP35" s="117">
        <v>0</v>
      </c>
      <c r="EQ35" s="115">
        <v>0</v>
      </c>
      <c r="ER35" s="114">
        <v>0</v>
      </c>
      <c r="ES35" s="117">
        <v>0</v>
      </c>
      <c r="ET35" s="117">
        <v>0</v>
      </c>
      <c r="EU35" s="117">
        <v>0</v>
      </c>
      <c r="EV35" s="117">
        <v>0</v>
      </c>
      <c r="EW35" s="117">
        <v>0</v>
      </c>
      <c r="EX35" s="116">
        <v>0</v>
      </c>
      <c r="EY35" s="119">
        <v>0</v>
      </c>
      <c r="EZ35" s="113">
        <v>0</v>
      </c>
      <c r="FA35" s="117">
        <v>0</v>
      </c>
      <c r="FB35" s="115">
        <v>0</v>
      </c>
      <c r="FC35" s="395"/>
      <c r="FD35" s="117">
        <v>0</v>
      </c>
      <c r="FE35" s="117">
        <v>0</v>
      </c>
      <c r="FF35" s="117">
        <v>0</v>
      </c>
      <c r="FG35" s="117">
        <v>0</v>
      </c>
      <c r="FH35" s="117">
        <v>0</v>
      </c>
      <c r="FI35" s="116">
        <v>0</v>
      </c>
      <c r="FJ35" s="119">
        <v>0</v>
      </c>
      <c r="FK35" s="113">
        <v>3850</v>
      </c>
      <c r="FL35" s="117">
        <v>2100</v>
      </c>
      <c r="FM35" s="116">
        <v>5950</v>
      </c>
      <c r="FN35" s="113">
        <v>0</v>
      </c>
      <c r="FO35" s="117">
        <v>0</v>
      </c>
      <c r="FP35" s="117">
        <v>46312</v>
      </c>
      <c r="FQ35" s="117">
        <v>36365</v>
      </c>
      <c r="FR35" s="117">
        <v>27944</v>
      </c>
      <c r="FS35" s="117">
        <v>0</v>
      </c>
      <c r="FT35" s="116">
        <v>110621</v>
      </c>
      <c r="FU35" s="119">
        <v>116571</v>
      </c>
      <c r="FV35" s="118">
        <v>3850</v>
      </c>
      <c r="FW35" s="117">
        <v>2100</v>
      </c>
      <c r="FX35" s="115">
        <v>5950</v>
      </c>
      <c r="FY35" s="114">
        <v>0</v>
      </c>
      <c r="FZ35" s="117">
        <v>0</v>
      </c>
      <c r="GA35" s="117">
        <v>46312</v>
      </c>
      <c r="GB35" s="117">
        <v>36365</v>
      </c>
      <c r="GC35" s="117">
        <v>27944</v>
      </c>
      <c r="GD35" s="117">
        <v>0</v>
      </c>
      <c r="GE35" s="116">
        <v>110621</v>
      </c>
      <c r="GF35" s="357">
        <v>116571</v>
      </c>
      <c r="GG35" s="118">
        <v>0</v>
      </c>
      <c r="GH35" s="117">
        <v>0</v>
      </c>
      <c r="GI35" s="115">
        <v>0</v>
      </c>
      <c r="GJ35" s="114">
        <v>0</v>
      </c>
      <c r="GK35" s="117">
        <v>0</v>
      </c>
      <c r="GL35" s="117">
        <v>0</v>
      </c>
      <c r="GM35" s="117">
        <v>0</v>
      </c>
      <c r="GN35" s="117">
        <v>0</v>
      </c>
      <c r="GO35" s="117">
        <v>0</v>
      </c>
      <c r="GP35" s="116">
        <v>0</v>
      </c>
      <c r="GQ35" s="119">
        <v>0</v>
      </c>
      <c r="GR35" s="113">
        <v>0</v>
      </c>
      <c r="GS35" s="117">
        <v>0</v>
      </c>
      <c r="GT35" s="116">
        <v>0</v>
      </c>
      <c r="GU35" s="113">
        <v>0</v>
      </c>
      <c r="GV35" s="117">
        <v>0</v>
      </c>
      <c r="GW35" s="117">
        <v>0</v>
      </c>
      <c r="GX35" s="117">
        <v>0</v>
      </c>
      <c r="GY35" s="117">
        <v>0</v>
      </c>
      <c r="GZ35" s="117">
        <v>0</v>
      </c>
      <c r="HA35" s="115">
        <v>0</v>
      </c>
      <c r="HB35" s="119">
        <v>0</v>
      </c>
      <c r="HC35" s="113">
        <v>0</v>
      </c>
      <c r="HD35" s="117">
        <v>0</v>
      </c>
      <c r="HE35" s="115">
        <v>0</v>
      </c>
      <c r="HF35" s="114">
        <v>0</v>
      </c>
      <c r="HG35" s="117">
        <v>264264</v>
      </c>
      <c r="HH35" s="117">
        <v>0</v>
      </c>
      <c r="HI35" s="117">
        <v>0</v>
      </c>
      <c r="HJ35" s="117">
        <v>0</v>
      </c>
      <c r="HK35" s="117">
        <v>0</v>
      </c>
      <c r="HL35" s="116">
        <v>264264</v>
      </c>
      <c r="HM35" s="112">
        <v>264264</v>
      </c>
      <c r="HN35" s="373"/>
      <c r="HO35" s="374"/>
      <c r="HP35" s="375"/>
      <c r="HQ35" s="376"/>
      <c r="HR35" s="374"/>
      <c r="HS35" s="374"/>
      <c r="HT35" s="374"/>
      <c r="HU35" s="374"/>
      <c r="HV35" s="374"/>
      <c r="HW35" s="377"/>
      <c r="HX35" s="378"/>
      <c r="HY35" s="148">
        <v>0</v>
      </c>
      <c r="HZ35" s="149">
        <v>0</v>
      </c>
      <c r="IA35" s="150">
        <v>0</v>
      </c>
      <c r="IB35" s="162">
        <v>0</v>
      </c>
      <c r="IC35" s="149">
        <v>331494</v>
      </c>
      <c r="ID35" s="163">
        <v>36925</v>
      </c>
      <c r="IE35" s="150">
        <v>0</v>
      </c>
      <c r="IF35" s="149">
        <v>0</v>
      </c>
      <c r="IG35" s="150">
        <v>0</v>
      </c>
      <c r="IH35" s="164">
        <v>368419</v>
      </c>
      <c r="II35" s="156">
        <v>368419</v>
      </c>
      <c r="IJ35" s="259">
        <v>0</v>
      </c>
      <c r="IK35" s="266">
        <v>0</v>
      </c>
      <c r="IL35" s="267">
        <v>0</v>
      </c>
      <c r="IM35" s="157"/>
      <c r="IN35" s="123">
        <v>0</v>
      </c>
      <c r="IO35" s="123">
        <v>0</v>
      </c>
      <c r="IP35" s="123">
        <v>0</v>
      </c>
      <c r="IQ35" s="123">
        <v>0</v>
      </c>
      <c r="IR35" s="123">
        <v>0</v>
      </c>
      <c r="IS35" s="158">
        <v>0</v>
      </c>
      <c r="IT35" s="360">
        <v>0</v>
      </c>
      <c r="IU35" s="159">
        <v>0</v>
      </c>
      <c r="IV35" s="123">
        <v>0</v>
      </c>
      <c r="IW35" s="124">
        <v>0</v>
      </c>
      <c r="IX35" s="161"/>
      <c r="IY35" s="123">
        <v>0</v>
      </c>
      <c r="IZ35" s="123">
        <v>0</v>
      </c>
      <c r="JA35" s="123">
        <v>0</v>
      </c>
      <c r="JB35" s="123">
        <v>0</v>
      </c>
      <c r="JC35" s="123">
        <v>0</v>
      </c>
      <c r="JD35" s="124">
        <v>0</v>
      </c>
      <c r="JE35" s="125">
        <v>0</v>
      </c>
      <c r="JF35" s="159">
        <v>0</v>
      </c>
      <c r="JG35" s="123">
        <v>0</v>
      </c>
      <c r="JH35" s="158">
        <v>0</v>
      </c>
      <c r="JI35" s="122">
        <v>0</v>
      </c>
      <c r="JJ35" s="123">
        <v>165706</v>
      </c>
      <c r="JK35" s="123">
        <v>0</v>
      </c>
      <c r="JL35" s="123">
        <v>0</v>
      </c>
      <c r="JM35" s="123">
        <v>0</v>
      </c>
      <c r="JN35" s="123">
        <v>0</v>
      </c>
      <c r="JO35" s="124">
        <v>165706</v>
      </c>
      <c r="JP35" s="360">
        <v>165706</v>
      </c>
      <c r="JQ35" s="159">
        <v>0</v>
      </c>
      <c r="JR35" s="123">
        <v>0</v>
      </c>
      <c r="JS35" s="158">
        <v>0</v>
      </c>
      <c r="JT35" s="122">
        <v>0</v>
      </c>
      <c r="JU35" s="123">
        <v>0</v>
      </c>
      <c r="JV35" s="123">
        <v>36925</v>
      </c>
      <c r="JW35" s="123">
        <v>0</v>
      </c>
      <c r="JX35" s="123">
        <v>0</v>
      </c>
      <c r="JY35" s="123">
        <v>0</v>
      </c>
      <c r="JZ35" s="124">
        <v>36925</v>
      </c>
      <c r="KA35" s="360">
        <v>36925</v>
      </c>
      <c r="KB35" s="262">
        <v>0</v>
      </c>
      <c r="KC35" s="256">
        <v>0</v>
      </c>
      <c r="KD35" s="124">
        <v>0</v>
      </c>
      <c r="KE35" s="122">
        <v>0</v>
      </c>
      <c r="KF35" s="123">
        <v>0</v>
      </c>
      <c r="KG35" s="123">
        <v>0</v>
      </c>
      <c r="KH35" s="123">
        <v>0</v>
      </c>
      <c r="KI35" s="123">
        <v>0</v>
      </c>
      <c r="KJ35" s="123">
        <v>0</v>
      </c>
      <c r="KK35" s="124">
        <v>0</v>
      </c>
      <c r="KL35" s="160">
        <v>0</v>
      </c>
      <c r="KM35" s="259">
        <v>0</v>
      </c>
      <c r="KN35" s="266">
        <v>0</v>
      </c>
      <c r="KO35" s="267">
        <v>0</v>
      </c>
      <c r="KP35" s="395"/>
      <c r="KQ35" s="123">
        <v>165788</v>
      </c>
      <c r="KR35" s="123">
        <v>0</v>
      </c>
      <c r="KS35" s="123">
        <v>0</v>
      </c>
      <c r="KT35" s="123">
        <v>0</v>
      </c>
      <c r="KU35" s="123">
        <v>0</v>
      </c>
      <c r="KV35" s="124">
        <v>165788</v>
      </c>
      <c r="KW35" s="360">
        <v>165788</v>
      </c>
      <c r="KX35" s="159">
        <v>0</v>
      </c>
      <c r="KY35" s="123">
        <v>0</v>
      </c>
      <c r="KZ35" s="124">
        <v>0</v>
      </c>
      <c r="LA35" s="395"/>
      <c r="LB35" s="123">
        <v>0</v>
      </c>
      <c r="LC35" s="123">
        <v>0</v>
      </c>
      <c r="LD35" s="123">
        <v>0</v>
      </c>
      <c r="LE35" s="123">
        <v>0</v>
      </c>
      <c r="LF35" s="123">
        <v>0</v>
      </c>
      <c r="LG35" s="124">
        <v>0</v>
      </c>
      <c r="LH35" s="125">
        <v>0</v>
      </c>
      <c r="LI35" s="159">
        <v>0</v>
      </c>
      <c r="LJ35" s="123">
        <v>0</v>
      </c>
      <c r="LK35" s="124">
        <v>0</v>
      </c>
      <c r="LL35" s="395"/>
      <c r="LM35" s="123">
        <v>0</v>
      </c>
      <c r="LN35" s="123">
        <v>0</v>
      </c>
      <c r="LO35" s="123">
        <v>0</v>
      </c>
      <c r="LP35" s="123">
        <v>0</v>
      </c>
      <c r="LQ35" s="123">
        <v>0</v>
      </c>
      <c r="LR35" s="124">
        <v>0</v>
      </c>
      <c r="LS35" s="360">
        <v>0</v>
      </c>
      <c r="LT35" s="159">
        <v>0</v>
      </c>
      <c r="LU35" s="123">
        <v>0</v>
      </c>
      <c r="LV35" s="124">
        <v>0</v>
      </c>
      <c r="LW35" s="395"/>
      <c r="LX35" s="123">
        <v>0</v>
      </c>
      <c r="LY35" s="123">
        <v>0</v>
      </c>
      <c r="LZ35" s="123">
        <v>0</v>
      </c>
      <c r="MA35" s="123">
        <v>0</v>
      </c>
      <c r="MB35" s="123">
        <v>0</v>
      </c>
      <c r="MC35" s="124">
        <v>0</v>
      </c>
      <c r="MD35" s="125">
        <v>0</v>
      </c>
      <c r="ME35" s="159">
        <v>0</v>
      </c>
      <c r="MF35" s="123">
        <v>0</v>
      </c>
      <c r="MG35" s="124">
        <v>0</v>
      </c>
      <c r="MH35" s="395"/>
      <c r="MI35" s="123">
        <v>0</v>
      </c>
      <c r="MJ35" s="123">
        <v>198550</v>
      </c>
      <c r="MK35" s="123">
        <v>0</v>
      </c>
      <c r="ML35" s="123">
        <v>0</v>
      </c>
      <c r="MM35" s="123">
        <v>255512</v>
      </c>
      <c r="MN35" s="124">
        <v>454062</v>
      </c>
      <c r="MO35" s="160">
        <v>454062</v>
      </c>
      <c r="MP35" s="159">
        <v>0</v>
      </c>
      <c r="MQ35" s="123">
        <v>0</v>
      </c>
      <c r="MR35" s="124">
        <v>0</v>
      </c>
      <c r="MS35" s="395"/>
      <c r="MT35" s="123">
        <v>0</v>
      </c>
      <c r="MU35" s="123">
        <v>0</v>
      </c>
      <c r="MV35" s="123">
        <v>0</v>
      </c>
      <c r="MW35" s="123">
        <v>0</v>
      </c>
      <c r="MX35" s="123">
        <v>0</v>
      </c>
      <c r="MY35" s="124">
        <v>0</v>
      </c>
      <c r="MZ35" s="160">
        <v>0</v>
      </c>
      <c r="NA35" s="159">
        <v>0</v>
      </c>
      <c r="NB35" s="123">
        <v>0</v>
      </c>
      <c r="NC35" s="124">
        <v>0</v>
      </c>
      <c r="ND35" s="395"/>
      <c r="NE35" s="123">
        <v>0</v>
      </c>
      <c r="NF35" s="123">
        <v>198550</v>
      </c>
      <c r="NG35" s="123">
        <v>0</v>
      </c>
      <c r="NH35" s="123">
        <v>0</v>
      </c>
      <c r="NI35" s="123">
        <v>255512</v>
      </c>
      <c r="NJ35" s="124">
        <v>454062</v>
      </c>
      <c r="NK35" s="360">
        <v>454062</v>
      </c>
      <c r="NL35" s="159">
        <v>0</v>
      </c>
      <c r="NM35" s="123">
        <v>0</v>
      </c>
      <c r="NN35" s="124">
        <v>0</v>
      </c>
      <c r="NO35" s="395"/>
      <c r="NP35" s="123">
        <v>0</v>
      </c>
      <c r="NQ35" s="123">
        <v>0</v>
      </c>
      <c r="NR35" s="123">
        <v>0</v>
      </c>
      <c r="NS35" s="123">
        <v>0</v>
      </c>
      <c r="NT35" s="123">
        <v>0</v>
      </c>
      <c r="NU35" s="124">
        <v>0</v>
      </c>
      <c r="NV35" s="125">
        <v>0</v>
      </c>
      <c r="NW35" s="159">
        <v>0</v>
      </c>
      <c r="NX35" s="123">
        <v>0</v>
      </c>
      <c r="NY35" s="124">
        <v>0</v>
      </c>
      <c r="NZ35" s="395"/>
      <c r="OA35" s="123">
        <v>0</v>
      </c>
      <c r="OB35" s="123">
        <v>0</v>
      </c>
      <c r="OC35" s="123">
        <v>0</v>
      </c>
      <c r="OD35" s="123">
        <v>0</v>
      </c>
      <c r="OE35" s="123">
        <v>0</v>
      </c>
      <c r="OF35" s="124">
        <v>0</v>
      </c>
      <c r="OG35" s="125">
        <v>0</v>
      </c>
      <c r="OH35" s="159">
        <v>3850</v>
      </c>
      <c r="OI35" s="123">
        <v>2100</v>
      </c>
      <c r="OJ35" s="158">
        <v>5950</v>
      </c>
      <c r="OK35" s="122">
        <v>0</v>
      </c>
      <c r="OL35" s="123">
        <v>642289</v>
      </c>
      <c r="OM35" s="123">
        <v>539212</v>
      </c>
      <c r="ON35" s="123">
        <v>402616</v>
      </c>
      <c r="OO35" s="123">
        <v>327216</v>
      </c>
      <c r="OP35" s="123">
        <v>255512</v>
      </c>
      <c r="OQ35" s="124">
        <v>2166845</v>
      </c>
      <c r="OR35" s="160">
        <v>2172795</v>
      </c>
    </row>
    <row r="36" spans="1:408" ht="20.25" customHeight="1" x14ac:dyDescent="0.2">
      <c r="A36" s="130" t="s">
        <v>31</v>
      </c>
      <c r="B36" s="113">
        <v>6384</v>
      </c>
      <c r="C36" s="117">
        <v>0</v>
      </c>
      <c r="D36" s="116">
        <v>6384</v>
      </c>
      <c r="E36" s="112">
        <v>0</v>
      </c>
      <c r="F36" s="117">
        <v>263484</v>
      </c>
      <c r="G36" s="117">
        <v>118069</v>
      </c>
      <c r="H36" s="117">
        <v>373392</v>
      </c>
      <c r="I36" s="117">
        <v>382349</v>
      </c>
      <c r="J36" s="117">
        <v>763739</v>
      </c>
      <c r="K36" s="198">
        <v>1901033</v>
      </c>
      <c r="L36" s="119">
        <v>1907417</v>
      </c>
      <c r="M36" s="113">
        <v>6384</v>
      </c>
      <c r="N36" s="117">
        <v>0</v>
      </c>
      <c r="O36" s="116">
        <v>6384</v>
      </c>
      <c r="P36" s="113">
        <v>0</v>
      </c>
      <c r="Q36" s="117">
        <v>82845</v>
      </c>
      <c r="R36" s="117">
        <v>31283</v>
      </c>
      <c r="S36" s="117">
        <v>57827</v>
      </c>
      <c r="T36" s="117">
        <v>13538</v>
      </c>
      <c r="U36" s="117">
        <v>523625</v>
      </c>
      <c r="V36" s="116">
        <v>709118</v>
      </c>
      <c r="W36" s="119">
        <v>715502</v>
      </c>
      <c r="X36" s="113">
        <v>0</v>
      </c>
      <c r="Y36" s="117">
        <v>0</v>
      </c>
      <c r="Z36" s="116">
        <v>0</v>
      </c>
      <c r="AA36" s="113">
        <v>0</v>
      </c>
      <c r="AB36" s="117">
        <v>28462</v>
      </c>
      <c r="AC36" s="117">
        <v>0</v>
      </c>
      <c r="AD36" s="117">
        <v>0</v>
      </c>
      <c r="AE36" s="117">
        <v>0</v>
      </c>
      <c r="AF36" s="117">
        <v>189422</v>
      </c>
      <c r="AG36" s="116">
        <v>217884</v>
      </c>
      <c r="AH36" s="119">
        <v>217884</v>
      </c>
      <c r="AI36" s="113">
        <v>0</v>
      </c>
      <c r="AJ36" s="117">
        <v>0</v>
      </c>
      <c r="AK36" s="116">
        <v>0</v>
      </c>
      <c r="AL36" s="113">
        <v>0</v>
      </c>
      <c r="AM36" s="117">
        <v>0</v>
      </c>
      <c r="AN36" s="117">
        <v>0</v>
      </c>
      <c r="AO36" s="117">
        <v>0</v>
      </c>
      <c r="AP36" s="117">
        <v>0</v>
      </c>
      <c r="AQ36" s="117">
        <v>128198</v>
      </c>
      <c r="AR36" s="116">
        <v>128198</v>
      </c>
      <c r="AS36" s="119">
        <v>128198</v>
      </c>
      <c r="AT36" s="113">
        <v>6384</v>
      </c>
      <c r="AU36" s="117">
        <v>0</v>
      </c>
      <c r="AV36" s="116">
        <v>6384</v>
      </c>
      <c r="AW36" s="113">
        <v>0</v>
      </c>
      <c r="AX36" s="117">
        <v>48370</v>
      </c>
      <c r="AY36" s="117">
        <v>22883</v>
      </c>
      <c r="AZ36" s="117">
        <v>0</v>
      </c>
      <c r="BA36" s="117">
        <v>0</v>
      </c>
      <c r="BB36" s="117">
        <v>174729</v>
      </c>
      <c r="BC36" s="116">
        <v>245982</v>
      </c>
      <c r="BD36" s="119">
        <v>252366</v>
      </c>
      <c r="BE36" s="113">
        <v>0</v>
      </c>
      <c r="BF36" s="117">
        <v>0</v>
      </c>
      <c r="BG36" s="115">
        <v>0</v>
      </c>
      <c r="BH36" s="114">
        <v>0</v>
      </c>
      <c r="BI36" s="117">
        <v>0</v>
      </c>
      <c r="BJ36" s="117">
        <v>0</v>
      </c>
      <c r="BK36" s="117">
        <v>49427</v>
      </c>
      <c r="BL36" s="117">
        <v>0</v>
      </c>
      <c r="BM36" s="117">
        <v>0</v>
      </c>
      <c r="BN36" s="116">
        <v>49427</v>
      </c>
      <c r="BO36" s="119">
        <v>49427</v>
      </c>
      <c r="BP36" s="113">
        <v>0</v>
      </c>
      <c r="BQ36" s="117">
        <v>0</v>
      </c>
      <c r="BR36" s="116">
        <v>0</v>
      </c>
      <c r="BS36" s="113">
        <v>0</v>
      </c>
      <c r="BT36" s="117">
        <v>6013</v>
      </c>
      <c r="BU36" s="117">
        <v>8400</v>
      </c>
      <c r="BV36" s="117">
        <v>8400</v>
      </c>
      <c r="BW36" s="117">
        <v>13538</v>
      </c>
      <c r="BX36" s="117">
        <v>31276</v>
      </c>
      <c r="BY36" s="116">
        <v>67627</v>
      </c>
      <c r="BZ36" s="119">
        <v>67627</v>
      </c>
      <c r="CA36" s="113">
        <v>0</v>
      </c>
      <c r="CB36" s="117">
        <v>0</v>
      </c>
      <c r="CC36" s="116">
        <v>0</v>
      </c>
      <c r="CD36" s="113">
        <v>0</v>
      </c>
      <c r="CE36" s="117">
        <v>0</v>
      </c>
      <c r="CF36" s="117">
        <v>24717</v>
      </c>
      <c r="CG36" s="117">
        <v>113299</v>
      </c>
      <c r="CH36" s="117">
        <v>104596</v>
      </c>
      <c r="CI36" s="117">
        <v>0</v>
      </c>
      <c r="CJ36" s="116">
        <v>242612</v>
      </c>
      <c r="CK36" s="119">
        <v>242612</v>
      </c>
      <c r="CL36" s="113">
        <v>0</v>
      </c>
      <c r="CM36" s="117">
        <v>0</v>
      </c>
      <c r="CN36" s="116">
        <v>0</v>
      </c>
      <c r="CO36" s="114">
        <v>0</v>
      </c>
      <c r="CP36" s="117">
        <v>0</v>
      </c>
      <c r="CQ36" s="117">
        <v>24717</v>
      </c>
      <c r="CR36" s="117">
        <v>113299</v>
      </c>
      <c r="CS36" s="117">
        <v>104596</v>
      </c>
      <c r="CT36" s="117">
        <v>0</v>
      </c>
      <c r="CU36" s="116">
        <v>242612</v>
      </c>
      <c r="CV36" s="119">
        <v>242612</v>
      </c>
      <c r="CW36" s="113">
        <v>0</v>
      </c>
      <c r="CX36" s="117">
        <v>0</v>
      </c>
      <c r="CY36" s="116">
        <v>0</v>
      </c>
      <c r="CZ36" s="113">
        <v>0</v>
      </c>
      <c r="DA36" s="117">
        <v>0</v>
      </c>
      <c r="DB36" s="117">
        <v>0</v>
      </c>
      <c r="DC36" s="117">
        <v>0</v>
      </c>
      <c r="DD36" s="117">
        <v>0</v>
      </c>
      <c r="DE36" s="117">
        <v>0</v>
      </c>
      <c r="DF36" s="116">
        <v>0</v>
      </c>
      <c r="DG36" s="119">
        <v>0</v>
      </c>
      <c r="DH36" s="113">
        <v>0</v>
      </c>
      <c r="DI36" s="117">
        <v>0</v>
      </c>
      <c r="DJ36" s="115">
        <v>0</v>
      </c>
      <c r="DK36" s="114">
        <v>0</v>
      </c>
      <c r="DL36" s="117">
        <v>0</v>
      </c>
      <c r="DM36" s="117">
        <v>40509</v>
      </c>
      <c r="DN36" s="117">
        <v>0</v>
      </c>
      <c r="DO36" s="117">
        <v>66234</v>
      </c>
      <c r="DP36" s="117">
        <v>0</v>
      </c>
      <c r="DQ36" s="116">
        <v>106743</v>
      </c>
      <c r="DR36" s="119">
        <v>106743</v>
      </c>
      <c r="DS36" s="113">
        <v>0</v>
      </c>
      <c r="DT36" s="117">
        <v>0</v>
      </c>
      <c r="DU36" s="116">
        <v>0</v>
      </c>
      <c r="DV36" s="113">
        <v>0</v>
      </c>
      <c r="DW36" s="117">
        <v>0</v>
      </c>
      <c r="DX36" s="117">
        <v>0</v>
      </c>
      <c r="DY36" s="117">
        <v>0</v>
      </c>
      <c r="DZ36" s="117">
        <v>66234</v>
      </c>
      <c r="EA36" s="117">
        <v>0</v>
      </c>
      <c r="EB36" s="116">
        <v>66234</v>
      </c>
      <c r="EC36" s="119">
        <v>66234</v>
      </c>
      <c r="ED36" s="113">
        <v>0</v>
      </c>
      <c r="EE36" s="115">
        <v>0</v>
      </c>
      <c r="EF36" s="116">
        <v>0</v>
      </c>
      <c r="EG36" s="113">
        <v>0</v>
      </c>
      <c r="EH36" s="117">
        <v>0</v>
      </c>
      <c r="EI36" s="117">
        <v>40509</v>
      </c>
      <c r="EJ36" s="117">
        <v>0</v>
      </c>
      <c r="EK36" s="117">
        <v>0</v>
      </c>
      <c r="EL36" s="117">
        <v>0</v>
      </c>
      <c r="EM36" s="115">
        <v>40509</v>
      </c>
      <c r="EN36" s="119">
        <v>40509</v>
      </c>
      <c r="EO36" s="113">
        <v>0</v>
      </c>
      <c r="EP36" s="117">
        <v>0</v>
      </c>
      <c r="EQ36" s="115">
        <v>0</v>
      </c>
      <c r="ER36" s="114">
        <v>0</v>
      </c>
      <c r="ES36" s="117">
        <v>0</v>
      </c>
      <c r="ET36" s="117">
        <v>0</v>
      </c>
      <c r="EU36" s="117">
        <v>0</v>
      </c>
      <c r="EV36" s="117">
        <v>0</v>
      </c>
      <c r="EW36" s="117">
        <v>0</v>
      </c>
      <c r="EX36" s="116">
        <v>0</v>
      </c>
      <c r="EY36" s="119">
        <v>0</v>
      </c>
      <c r="EZ36" s="113">
        <v>0</v>
      </c>
      <c r="FA36" s="117">
        <v>0</v>
      </c>
      <c r="FB36" s="115">
        <v>0</v>
      </c>
      <c r="FC36" s="395"/>
      <c r="FD36" s="117">
        <v>0</v>
      </c>
      <c r="FE36" s="117">
        <v>0</v>
      </c>
      <c r="FF36" s="117">
        <v>0</v>
      </c>
      <c r="FG36" s="117">
        <v>0</v>
      </c>
      <c r="FH36" s="117">
        <v>0</v>
      </c>
      <c r="FI36" s="116">
        <v>0</v>
      </c>
      <c r="FJ36" s="119">
        <v>0</v>
      </c>
      <c r="FK36" s="113">
        <v>0</v>
      </c>
      <c r="FL36" s="117">
        <v>0</v>
      </c>
      <c r="FM36" s="116">
        <v>0</v>
      </c>
      <c r="FN36" s="113">
        <v>0</v>
      </c>
      <c r="FO36" s="117">
        <v>39585</v>
      </c>
      <c r="FP36" s="117">
        <v>21560</v>
      </c>
      <c r="FQ36" s="117">
        <v>27475</v>
      </c>
      <c r="FR36" s="117">
        <v>17836</v>
      </c>
      <c r="FS36" s="117">
        <v>31850</v>
      </c>
      <c r="FT36" s="116">
        <v>138306</v>
      </c>
      <c r="FU36" s="119">
        <v>138306</v>
      </c>
      <c r="FV36" s="118">
        <v>0</v>
      </c>
      <c r="FW36" s="117">
        <v>0</v>
      </c>
      <c r="FX36" s="115">
        <v>0</v>
      </c>
      <c r="FY36" s="114">
        <v>0</v>
      </c>
      <c r="FZ36" s="117">
        <v>39585</v>
      </c>
      <c r="GA36" s="117">
        <v>21560</v>
      </c>
      <c r="GB36" s="117">
        <v>27475</v>
      </c>
      <c r="GC36" s="117">
        <v>17836</v>
      </c>
      <c r="GD36" s="117">
        <v>31850</v>
      </c>
      <c r="GE36" s="116">
        <v>138306</v>
      </c>
      <c r="GF36" s="357">
        <v>138306</v>
      </c>
      <c r="GG36" s="118">
        <v>0</v>
      </c>
      <c r="GH36" s="117">
        <v>0</v>
      </c>
      <c r="GI36" s="115">
        <v>0</v>
      </c>
      <c r="GJ36" s="114">
        <v>0</v>
      </c>
      <c r="GK36" s="117">
        <v>0</v>
      </c>
      <c r="GL36" s="117">
        <v>0</v>
      </c>
      <c r="GM36" s="117">
        <v>0</v>
      </c>
      <c r="GN36" s="117">
        <v>0</v>
      </c>
      <c r="GO36" s="117">
        <v>0</v>
      </c>
      <c r="GP36" s="116">
        <v>0</v>
      </c>
      <c r="GQ36" s="119">
        <v>0</v>
      </c>
      <c r="GR36" s="113">
        <v>0</v>
      </c>
      <c r="GS36" s="117">
        <v>0</v>
      </c>
      <c r="GT36" s="116">
        <v>0</v>
      </c>
      <c r="GU36" s="113">
        <v>0</v>
      </c>
      <c r="GV36" s="117">
        <v>0</v>
      </c>
      <c r="GW36" s="117">
        <v>0</v>
      </c>
      <c r="GX36" s="117">
        <v>0</v>
      </c>
      <c r="GY36" s="117">
        <v>0</v>
      </c>
      <c r="GZ36" s="117">
        <v>0</v>
      </c>
      <c r="HA36" s="115">
        <v>0</v>
      </c>
      <c r="HB36" s="119">
        <v>0</v>
      </c>
      <c r="HC36" s="113">
        <v>0</v>
      </c>
      <c r="HD36" s="117">
        <v>0</v>
      </c>
      <c r="HE36" s="115">
        <v>0</v>
      </c>
      <c r="HF36" s="114">
        <v>0</v>
      </c>
      <c r="HG36" s="117">
        <v>141054</v>
      </c>
      <c r="HH36" s="117">
        <v>0</v>
      </c>
      <c r="HI36" s="117">
        <v>174791</v>
      </c>
      <c r="HJ36" s="117">
        <v>180145</v>
      </c>
      <c r="HK36" s="117">
        <v>208264</v>
      </c>
      <c r="HL36" s="116">
        <v>704254</v>
      </c>
      <c r="HM36" s="112">
        <v>704254</v>
      </c>
      <c r="HN36" s="373"/>
      <c r="HO36" s="374"/>
      <c r="HP36" s="375"/>
      <c r="HQ36" s="376"/>
      <c r="HR36" s="374"/>
      <c r="HS36" s="374"/>
      <c r="HT36" s="374"/>
      <c r="HU36" s="374"/>
      <c r="HV36" s="374"/>
      <c r="HW36" s="377"/>
      <c r="HX36" s="378"/>
      <c r="HY36" s="166">
        <v>0</v>
      </c>
      <c r="HZ36" s="152">
        <v>0</v>
      </c>
      <c r="IA36" s="166">
        <v>0</v>
      </c>
      <c r="IB36" s="151">
        <v>0</v>
      </c>
      <c r="IC36" s="152">
        <v>170817</v>
      </c>
      <c r="ID36" s="153">
        <v>127120</v>
      </c>
      <c r="IE36" s="154">
        <v>69391</v>
      </c>
      <c r="IF36" s="152">
        <v>0</v>
      </c>
      <c r="IG36" s="154">
        <v>220648</v>
      </c>
      <c r="IH36" s="155">
        <v>587976</v>
      </c>
      <c r="II36" s="166">
        <v>587976</v>
      </c>
      <c r="IJ36" s="259">
        <v>0</v>
      </c>
      <c r="IK36" s="266">
        <v>0</v>
      </c>
      <c r="IL36" s="267">
        <v>0</v>
      </c>
      <c r="IM36" s="157"/>
      <c r="IN36" s="123">
        <v>0</v>
      </c>
      <c r="IO36" s="123">
        <v>85757</v>
      </c>
      <c r="IP36" s="123">
        <v>0</v>
      </c>
      <c r="IQ36" s="123">
        <v>0</v>
      </c>
      <c r="IR36" s="123">
        <v>0</v>
      </c>
      <c r="IS36" s="158">
        <v>85757</v>
      </c>
      <c r="IT36" s="360">
        <v>85757</v>
      </c>
      <c r="IU36" s="159">
        <v>0</v>
      </c>
      <c r="IV36" s="123">
        <v>0</v>
      </c>
      <c r="IW36" s="124">
        <v>0</v>
      </c>
      <c r="IX36" s="161"/>
      <c r="IY36" s="123">
        <v>0</v>
      </c>
      <c r="IZ36" s="123">
        <v>0</v>
      </c>
      <c r="JA36" s="123">
        <v>0</v>
      </c>
      <c r="JB36" s="123">
        <v>0</v>
      </c>
      <c r="JC36" s="123">
        <v>0</v>
      </c>
      <c r="JD36" s="124">
        <v>0</v>
      </c>
      <c r="JE36" s="125">
        <v>0</v>
      </c>
      <c r="JF36" s="159">
        <v>0</v>
      </c>
      <c r="JG36" s="123">
        <v>0</v>
      </c>
      <c r="JH36" s="158">
        <v>0</v>
      </c>
      <c r="JI36" s="122">
        <v>0</v>
      </c>
      <c r="JJ36" s="123">
        <v>53105</v>
      </c>
      <c r="JK36" s="123">
        <v>41363</v>
      </c>
      <c r="JL36" s="123">
        <v>69391</v>
      </c>
      <c r="JM36" s="123">
        <v>0</v>
      </c>
      <c r="JN36" s="123">
        <v>0</v>
      </c>
      <c r="JO36" s="124">
        <v>163859</v>
      </c>
      <c r="JP36" s="360">
        <v>163859</v>
      </c>
      <c r="JQ36" s="159">
        <v>0</v>
      </c>
      <c r="JR36" s="123">
        <v>0</v>
      </c>
      <c r="JS36" s="158">
        <v>0</v>
      </c>
      <c r="JT36" s="122">
        <v>0</v>
      </c>
      <c r="JU36" s="123">
        <v>0</v>
      </c>
      <c r="JV36" s="123">
        <v>0</v>
      </c>
      <c r="JW36" s="123">
        <v>0</v>
      </c>
      <c r="JX36" s="123">
        <v>0</v>
      </c>
      <c r="JY36" s="123">
        <v>0</v>
      </c>
      <c r="JZ36" s="124">
        <v>0</v>
      </c>
      <c r="KA36" s="360">
        <v>0</v>
      </c>
      <c r="KB36" s="262">
        <v>0</v>
      </c>
      <c r="KC36" s="256">
        <v>0</v>
      </c>
      <c r="KD36" s="124">
        <v>0</v>
      </c>
      <c r="KE36" s="122">
        <v>0</v>
      </c>
      <c r="KF36" s="123">
        <v>117712</v>
      </c>
      <c r="KG36" s="123">
        <v>0</v>
      </c>
      <c r="KH36" s="123">
        <v>0</v>
      </c>
      <c r="KI36" s="123">
        <v>0</v>
      </c>
      <c r="KJ36" s="123">
        <v>0</v>
      </c>
      <c r="KK36" s="124">
        <v>117712</v>
      </c>
      <c r="KL36" s="160">
        <v>117712</v>
      </c>
      <c r="KM36" s="259">
        <v>0</v>
      </c>
      <c r="KN36" s="266">
        <v>0</v>
      </c>
      <c r="KO36" s="267">
        <v>0</v>
      </c>
      <c r="KP36" s="395"/>
      <c r="KQ36" s="123">
        <v>0</v>
      </c>
      <c r="KR36" s="123">
        <v>0</v>
      </c>
      <c r="KS36" s="123">
        <v>0</v>
      </c>
      <c r="KT36" s="123">
        <v>0</v>
      </c>
      <c r="KU36" s="123">
        <v>220648</v>
      </c>
      <c r="KV36" s="124">
        <v>220648</v>
      </c>
      <c r="KW36" s="360">
        <v>220648</v>
      </c>
      <c r="KX36" s="159">
        <v>0</v>
      </c>
      <c r="KY36" s="123">
        <v>0</v>
      </c>
      <c r="KZ36" s="124">
        <v>0</v>
      </c>
      <c r="LA36" s="395"/>
      <c r="LB36" s="123">
        <v>0</v>
      </c>
      <c r="LC36" s="123">
        <v>0</v>
      </c>
      <c r="LD36" s="123">
        <v>0</v>
      </c>
      <c r="LE36" s="123">
        <v>0</v>
      </c>
      <c r="LF36" s="123">
        <v>0</v>
      </c>
      <c r="LG36" s="124">
        <v>0</v>
      </c>
      <c r="LH36" s="125">
        <v>0</v>
      </c>
      <c r="LI36" s="159">
        <v>0</v>
      </c>
      <c r="LJ36" s="123">
        <v>0</v>
      </c>
      <c r="LK36" s="124">
        <v>0</v>
      </c>
      <c r="LL36" s="395"/>
      <c r="LM36" s="123">
        <v>0</v>
      </c>
      <c r="LN36" s="123">
        <v>0</v>
      </c>
      <c r="LO36" s="123">
        <v>0</v>
      </c>
      <c r="LP36" s="123">
        <v>0</v>
      </c>
      <c r="LQ36" s="123">
        <v>0</v>
      </c>
      <c r="LR36" s="124">
        <v>0</v>
      </c>
      <c r="LS36" s="360">
        <v>0</v>
      </c>
      <c r="LT36" s="159">
        <v>0</v>
      </c>
      <c r="LU36" s="123">
        <v>0</v>
      </c>
      <c r="LV36" s="124">
        <v>0</v>
      </c>
      <c r="LW36" s="395"/>
      <c r="LX36" s="123">
        <v>0</v>
      </c>
      <c r="LY36" s="123">
        <v>0</v>
      </c>
      <c r="LZ36" s="123">
        <v>0</v>
      </c>
      <c r="MA36" s="123">
        <v>0</v>
      </c>
      <c r="MB36" s="123">
        <v>0</v>
      </c>
      <c r="MC36" s="124">
        <v>0</v>
      </c>
      <c r="MD36" s="125">
        <v>0</v>
      </c>
      <c r="ME36" s="159">
        <v>0</v>
      </c>
      <c r="MF36" s="123">
        <v>0</v>
      </c>
      <c r="MG36" s="124">
        <v>0</v>
      </c>
      <c r="MH36" s="395"/>
      <c r="MI36" s="123">
        <v>0</v>
      </c>
      <c r="MJ36" s="123">
        <v>178843</v>
      </c>
      <c r="MK36" s="123">
        <v>397513</v>
      </c>
      <c r="ML36" s="123">
        <v>623528</v>
      </c>
      <c r="MM36" s="123">
        <v>283885</v>
      </c>
      <c r="MN36" s="124">
        <v>1483769</v>
      </c>
      <c r="MO36" s="160">
        <v>1483769</v>
      </c>
      <c r="MP36" s="159">
        <v>0</v>
      </c>
      <c r="MQ36" s="123">
        <v>0</v>
      </c>
      <c r="MR36" s="124">
        <v>0</v>
      </c>
      <c r="MS36" s="395"/>
      <c r="MT36" s="123">
        <v>0</v>
      </c>
      <c r="MU36" s="123">
        <v>0</v>
      </c>
      <c r="MV36" s="123">
        <v>397513</v>
      </c>
      <c r="MW36" s="123">
        <v>0</v>
      </c>
      <c r="MX36" s="123">
        <v>0</v>
      </c>
      <c r="MY36" s="124">
        <v>397513</v>
      </c>
      <c r="MZ36" s="160">
        <v>397513</v>
      </c>
      <c r="NA36" s="159">
        <v>0</v>
      </c>
      <c r="NB36" s="123">
        <v>0</v>
      </c>
      <c r="NC36" s="124">
        <v>0</v>
      </c>
      <c r="ND36" s="395"/>
      <c r="NE36" s="123">
        <v>0</v>
      </c>
      <c r="NF36" s="123">
        <v>178843</v>
      </c>
      <c r="NG36" s="123">
        <v>0</v>
      </c>
      <c r="NH36" s="123">
        <v>623528</v>
      </c>
      <c r="NI36" s="123">
        <v>283885</v>
      </c>
      <c r="NJ36" s="124">
        <v>1086256</v>
      </c>
      <c r="NK36" s="360">
        <v>1086256</v>
      </c>
      <c r="NL36" s="159">
        <v>0</v>
      </c>
      <c r="NM36" s="123">
        <v>0</v>
      </c>
      <c r="NN36" s="124">
        <v>0</v>
      </c>
      <c r="NO36" s="395"/>
      <c r="NP36" s="123">
        <v>0</v>
      </c>
      <c r="NQ36" s="123">
        <v>0</v>
      </c>
      <c r="NR36" s="123">
        <v>0</v>
      </c>
      <c r="NS36" s="123">
        <v>0</v>
      </c>
      <c r="NT36" s="123">
        <v>0</v>
      </c>
      <c r="NU36" s="124">
        <v>0</v>
      </c>
      <c r="NV36" s="125">
        <v>0</v>
      </c>
      <c r="NW36" s="159">
        <v>0</v>
      </c>
      <c r="NX36" s="123">
        <v>0</v>
      </c>
      <c r="NY36" s="124">
        <v>0</v>
      </c>
      <c r="NZ36" s="395"/>
      <c r="OA36" s="123">
        <v>0</v>
      </c>
      <c r="OB36" s="123">
        <v>0</v>
      </c>
      <c r="OC36" s="123">
        <v>0</v>
      </c>
      <c r="OD36" s="123">
        <v>0</v>
      </c>
      <c r="OE36" s="123">
        <v>0</v>
      </c>
      <c r="OF36" s="124">
        <v>0</v>
      </c>
      <c r="OG36" s="125">
        <v>0</v>
      </c>
      <c r="OH36" s="159">
        <v>6384</v>
      </c>
      <c r="OI36" s="123">
        <v>0</v>
      </c>
      <c r="OJ36" s="158">
        <v>6384</v>
      </c>
      <c r="OK36" s="122">
        <v>0</v>
      </c>
      <c r="OL36" s="123">
        <v>434301</v>
      </c>
      <c r="OM36" s="123">
        <v>424032</v>
      </c>
      <c r="ON36" s="123">
        <v>840296</v>
      </c>
      <c r="OO36" s="123">
        <v>1005877</v>
      </c>
      <c r="OP36" s="123">
        <v>1268272</v>
      </c>
      <c r="OQ36" s="124">
        <v>3972778</v>
      </c>
      <c r="OR36" s="160">
        <v>3979162</v>
      </c>
    </row>
    <row r="37" spans="1:408" ht="20.25" customHeight="1" x14ac:dyDescent="0.2">
      <c r="A37" s="130" t="s">
        <v>32</v>
      </c>
      <c r="B37" s="113">
        <v>0</v>
      </c>
      <c r="C37" s="117">
        <v>111232</v>
      </c>
      <c r="D37" s="199">
        <v>111232</v>
      </c>
      <c r="E37" s="200">
        <v>0</v>
      </c>
      <c r="F37" s="201">
        <v>459237</v>
      </c>
      <c r="G37" s="201">
        <v>392740</v>
      </c>
      <c r="H37" s="201">
        <v>126400</v>
      </c>
      <c r="I37" s="201">
        <v>214601</v>
      </c>
      <c r="J37" s="201">
        <v>209685</v>
      </c>
      <c r="K37" s="202">
        <v>1402663</v>
      </c>
      <c r="L37" s="119">
        <v>1513895</v>
      </c>
      <c r="M37" s="113">
        <v>0</v>
      </c>
      <c r="N37" s="117">
        <v>25356</v>
      </c>
      <c r="O37" s="116">
        <v>25356</v>
      </c>
      <c r="P37" s="113">
        <v>0</v>
      </c>
      <c r="Q37" s="117">
        <v>68030</v>
      </c>
      <c r="R37" s="117">
        <v>13328</v>
      </c>
      <c r="S37" s="117">
        <v>18676</v>
      </c>
      <c r="T37" s="117">
        <v>201616</v>
      </c>
      <c r="U37" s="117">
        <v>13692</v>
      </c>
      <c r="V37" s="116">
        <v>315342</v>
      </c>
      <c r="W37" s="119">
        <v>340698</v>
      </c>
      <c r="X37" s="113">
        <v>0</v>
      </c>
      <c r="Y37" s="117">
        <v>0</v>
      </c>
      <c r="Z37" s="116">
        <v>0</v>
      </c>
      <c r="AA37" s="113">
        <v>0</v>
      </c>
      <c r="AB37" s="117">
        <v>23573</v>
      </c>
      <c r="AC37" s="117">
        <v>0</v>
      </c>
      <c r="AD37" s="117">
        <v>0</v>
      </c>
      <c r="AE37" s="117">
        <v>168770</v>
      </c>
      <c r="AF37" s="117">
        <v>0</v>
      </c>
      <c r="AG37" s="116">
        <v>192343</v>
      </c>
      <c r="AH37" s="119">
        <v>192343</v>
      </c>
      <c r="AI37" s="113">
        <v>0</v>
      </c>
      <c r="AJ37" s="117">
        <v>0</v>
      </c>
      <c r="AK37" s="116">
        <v>0</v>
      </c>
      <c r="AL37" s="113">
        <v>0</v>
      </c>
      <c r="AM37" s="117">
        <v>0</v>
      </c>
      <c r="AN37" s="117">
        <v>0</v>
      </c>
      <c r="AO37" s="117">
        <v>0</v>
      </c>
      <c r="AP37" s="117">
        <v>0</v>
      </c>
      <c r="AQ37" s="117">
        <v>0</v>
      </c>
      <c r="AR37" s="116">
        <v>0</v>
      </c>
      <c r="AS37" s="119">
        <v>0</v>
      </c>
      <c r="AT37" s="113">
        <v>0</v>
      </c>
      <c r="AU37" s="117">
        <v>16956</v>
      </c>
      <c r="AV37" s="116">
        <v>16956</v>
      </c>
      <c r="AW37" s="113">
        <v>0</v>
      </c>
      <c r="AX37" s="117">
        <v>22883</v>
      </c>
      <c r="AY37" s="117">
        <v>13328</v>
      </c>
      <c r="AZ37" s="117">
        <v>0</v>
      </c>
      <c r="BA37" s="117">
        <v>14170</v>
      </c>
      <c r="BB37" s="117">
        <v>0</v>
      </c>
      <c r="BC37" s="116">
        <v>50381</v>
      </c>
      <c r="BD37" s="119">
        <v>67337</v>
      </c>
      <c r="BE37" s="113">
        <v>0</v>
      </c>
      <c r="BF37" s="117">
        <v>0</v>
      </c>
      <c r="BG37" s="115">
        <v>0</v>
      </c>
      <c r="BH37" s="114">
        <v>0</v>
      </c>
      <c r="BI37" s="117">
        <v>0</v>
      </c>
      <c r="BJ37" s="117">
        <v>0</v>
      </c>
      <c r="BK37" s="117">
        <v>13384</v>
      </c>
      <c r="BL37" s="117">
        <v>0</v>
      </c>
      <c r="BM37" s="117">
        <v>0</v>
      </c>
      <c r="BN37" s="116">
        <v>13384</v>
      </c>
      <c r="BO37" s="119">
        <v>13384</v>
      </c>
      <c r="BP37" s="113">
        <v>0</v>
      </c>
      <c r="BQ37" s="117">
        <v>8400</v>
      </c>
      <c r="BR37" s="116">
        <v>8400</v>
      </c>
      <c r="BS37" s="113">
        <v>0</v>
      </c>
      <c r="BT37" s="117">
        <v>21574</v>
      </c>
      <c r="BU37" s="117">
        <v>0</v>
      </c>
      <c r="BV37" s="117">
        <v>5292</v>
      </c>
      <c r="BW37" s="117">
        <v>18676</v>
      </c>
      <c r="BX37" s="117">
        <v>13692</v>
      </c>
      <c r="BY37" s="116">
        <v>59234</v>
      </c>
      <c r="BZ37" s="119">
        <v>67634</v>
      </c>
      <c r="CA37" s="113">
        <v>0</v>
      </c>
      <c r="CB37" s="117">
        <v>0</v>
      </c>
      <c r="CC37" s="116">
        <v>0</v>
      </c>
      <c r="CD37" s="113">
        <v>0</v>
      </c>
      <c r="CE37" s="117">
        <v>108752</v>
      </c>
      <c r="CF37" s="117">
        <v>59822</v>
      </c>
      <c r="CG37" s="117">
        <v>63694</v>
      </c>
      <c r="CH37" s="117">
        <v>0</v>
      </c>
      <c r="CI37" s="117">
        <v>0</v>
      </c>
      <c r="CJ37" s="116">
        <v>232268</v>
      </c>
      <c r="CK37" s="119">
        <v>232268</v>
      </c>
      <c r="CL37" s="113">
        <v>0</v>
      </c>
      <c r="CM37" s="117">
        <v>0</v>
      </c>
      <c r="CN37" s="116">
        <v>0</v>
      </c>
      <c r="CO37" s="114">
        <v>0</v>
      </c>
      <c r="CP37" s="117">
        <v>108752</v>
      </c>
      <c r="CQ37" s="117">
        <v>3150</v>
      </c>
      <c r="CR37" s="117">
        <v>0</v>
      </c>
      <c r="CS37" s="117">
        <v>0</v>
      </c>
      <c r="CT37" s="117">
        <v>0</v>
      </c>
      <c r="CU37" s="116">
        <v>111902</v>
      </c>
      <c r="CV37" s="119">
        <v>111902</v>
      </c>
      <c r="CW37" s="113">
        <v>0</v>
      </c>
      <c r="CX37" s="117">
        <v>0</v>
      </c>
      <c r="CY37" s="116">
        <v>0</v>
      </c>
      <c r="CZ37" s="113">
        <v>0</v>
      </c>
      <c r="DA37" s="117">
        <v>0</v>
      </c>
      <c r="DB37" s="117">
        <v>56672</v>
      </c>
      <c r="DC37" s="117">
        <v>63694</v>
      </c>
      <c r="DD37" s="117">
        <v>0</v>
      </c>
      <c r="DE37" s="117">
        <v>0</v>
      </c>
      <c r="DF37" s="116">
        <v>120366</v>
      </c>
      <c r="DG37" s="119">
        <v>120366</v>
      </c>
      <c r="DH37" s="113">
        <v>0</v>
      </c>
      <c r="DI37" s="117">
        <v>0</v>
      </c>
      <c r="DJ37" s="115">
        <v>0</v>
      </c>
      <c r="DK37" s="114">
        <v>0</v>
      </c>
      <c r="DL37" s="117">
        <v>109194</v>
      </c>
      <c r="DM37" s="117">
        <v>163560</v>
      </c>
      <c r="DN37" s="117">
        <v>0</v>
      </c>
      <c r="DO37" s="117">
        <v>0</v>
      </c>
      <c r="DP37" s="117">
        <v>0</v>
      </c>
      <c r="DQ37" s="116">
        <v>272754</v>
      </c>
      <c r="DR37" s="119">
        <v>272754</v>
      </c>
      <c r="DS37" s="113">
        <v>0</v>
      </c>
      <c r="DT37" s="117">
        <v>0</v>
      </c>
      <c r="DU37" s="116">
        <v>0</v>
      </c>
      <c r="DV37" s="113">
        <v>0</v>
      </c>
      <c r="DW37" s="117">
        <v>109194</v>
      </c>
      <c r="DX37" s="117">
        <v>129510</v>
      </c>
      <c r="DY37" s="117">
        <v>0</v>
      </c>
      <c r="DZ37" s="117">
        <v>0</v>
      </c>
      <c r="EA37" s="117">
        <v>0</v>
      </c>
      <c r="EB37" s="116">
        <v>238704</v>
      </c>
      <c r="EC37" s="119">
        <v>238704</v>
      </c>
      <c r="ED37" s="113">
        <v>0</v>
      </c>
      <c r="EE37" s="115">
        <v>0</v>
      </c>
      <c r="EF37" s="116">
        <v>0</v>
      </c>
      <c r="EG37" s="113">
        <v>0</v>
      </c>
      <c r="EH37" s="117">
        <v>0</v>
      </c>
      <c r="EI37" s="117">
        <v>34050</v>
      </c>
      <c r="EJ37" s="117">
        <v>0</v>
      </c>
      <c r="EK37" s="117">
        <v>0</v>
      </c>
      <c r="EL37" s="117">
        <v>0</v>
      </c>
      <c r="EM37" s="115">
        <v>34050</v>
      </c>
      <c r="EN37" s="119">
        <v>34050</v>
      </c>
      <c r="EO37" s="113">
        <v>0</v>
      </c>
      <c r="EP37" s="117">
        <v>0</v>
      </c>
      <c r="EQ37" s="115">
        <v>0</v>
      </c>
      <c r="ER37" s="114">
        <v>0</v>
      </c>
      <c r="ES37" s="117">
        <v>0</v>
      </c>
      <c r="ET37" s="117">
        <v>0</v>
      </c>
      <c r="EU37" s="117">
        <v>0</v>
      </c>
      <c r="EV37" s="117">
        <v>0</v>
      </c>
      <c r="EW37" s="117">
        <v>0</v>
      </c>
      <c r="EX37" s="116">
        <v>0</v>
      </c>
      <c r="EY37" s="119">
        <v>0</v>
      </c>
      <c r="EZ37" s="113">
        <v>0</v>
      </c>
      <c r="FA37" s="117">
        <v>0</v>
      </c>
      <c r="FB37" s="115">
        <v>0</v>
      </c>
      <c r="FC37" s="395"/>
      <c r="FD37" s="117">
        <v>0</v>
      </c>
      <c r="FE37" s="117">
        <v>0</v>
      </c>
      <c r="FF37" s="117">
        <v>0</v>
      </c>
      <c r="FG37" s="117">
        <v>0</v>
      </c>
      <c r="FH37" s="117">
        <v>0</v>
      </c>
      <c r="FI37" s="116">
        <v>0</v>
      </c>
      <c r="FJ37" s="119">
        <v>0</v>
      </c>
      <c r="FK37" s="113">
        <v>0</v>
      </c>
      <c r="FL37" s="117">
        <v>10010</v>
      </c>
      <c r="FM37" s="116">
        <v>10010</v>
      </c>
      <c r="FN37" s="113">
        <v>0</v>
      </c>
      <c r="FO37" s="117">
        <v>32900</v>
      </c>
      <c r="FP37" s="117">
        <v>7700</v>
      </c>
      <c r="FQ37" s="117">
        <v>44030</v>
      </c>
      <c r="FR37" s="117">
        <v>12985</v>
      </c>
      <c r="FS37" s="117">
        <v>0</v>
      </c>
      <c r="FT37" s="116">
        <v>97615</v>
      </c>
      <c r="FU37" s="119">
        <v>107625</v>
      </c>
      <c r="FV37" s="118">
        <v>0</v>
      </c>
      <c r="FW37" s="117">
        <v>10010</v>
      </c>
      <c r="FX37" s="115">
        <v>10010</v>
      </c>
      <c r="FY37" s="114">
        <v>0</v>
      </c>
      <c r="FZ37" s="117">
        <v>32900</v>
      </c>
      <c r="GA37" s="117">
        <v>7700</v>
      </c>
      <c r="GB37" s="117">
        <v>44030</v>
      </c>
      <c r="GC37" s="117">
        <v>12985</v>
      </c>
      <c r="GD37" s="117">
        <v>0</v>
      </c>
      <c r="GE37" s="116">
        <v>97615</v>
      </c>
      <c r="GF37" s="357">
        <v>107625</v>
      </c>
      <c r="GG37" s="118">
        <v>0</v>
      </c>
      <c r="GH37" s="117">
        <v>0</v>
      </c>
      <c r="GI37" s="115">
        <v>0</v>
      </c>
      <c r="GJ37" s="114">
        <v>0</v>
      </c>
      <c r="GK37" s="117">
        <v>0</v>
      </c>
      <c r="GL37" s="117">
        <v>0</v>
      </c>
      <c r="GM37" s="117">
        <v>0</v>
      </c>
      <c r="GN37" s="117">
        <v>0</v>
      </c>
      <c r="GO37" s="117">
        <v>0</v>
      </c>
      <c r="GP37" s="116">
        <v>0</v>
      </c>
      <c r="GQ37" s="119">
        <v>0</v>
      </c>
      <c r="GR37" s="113">
        <v>0</v>
      </c>
      <c r="GS37" s="117">
        <v>0</v>
      </c>
      <c r="GT37" s="116">
        <v>0</v>
      </c>
      <c r="GU37" s="113">
        <v>0</v>
      </c>
      <c r="GV37" s="117">
        <v>0</v>
      </c>
      <c r="GW37" s="117">
        <v>0</v>
      </c>
      <c r="GX37" s="117">
        <v>0</v>
      </c>
      <c r="GY37" s="117">
        <v>0</v>
      </c>
      <c r="GZ37" s="117">
        <v>0</v>
      </c>
      <c r="HA37" s="115">
        <v>0</v>
      </c>
      <c r="HB37" s="119">
        <v>0</v>
      </c>
      <c r="HC37" s="113">
        <v>0</v>
      </c>
      <c r="HD37" s="117">
        <v>75866</v>
      </c>
      <c r="HE37" s="115">
        <v>75866</v>
      </c>
      <c r="HF37" s="114">
        <v>0</v>
      </c>
      <c r="HG37" s="117">
        <v>140361</v>
      </c>
      <c r="HH37" s="117">
        <v>148330</v>
      </c>
      <c r="HI37" s="117">
        <v>0</v>
      </c>
      <c r="HJ37" s="117">
        <v>0</v>
      </c>
      <c r="HK37" s="117">
        <v>195993</v>
      </c>
      <c r="HL37" s="116">
        <v>484684</v>
      </c>
      <c r="HM37" s="112">
        <v>560550</v>
      </c>
      <c r="HN37" s="373"/>
      <c r="HO37" s="374"/>
      <c r="HP37" s="375"/>
      <c r="HQ37" s="376"/>
      <c r="HR37" s="374"/>
      <c r="HS37" s="374"/>
      <c r="HT37" s="374"/>
      <c r="HU37" s="374"/>
      <c r="HV37" s="374"/>
      <c r="HW37" s="377"/>
      <c r="HX37" s="378"/>
      <c r="HY37" s="148">
        <v>0</v>
      </c>
      <c r="HZ37" s="149">
        <v>0</v>
      </c>
      <c r="IA37" s="150">
        <v>0</v>
      </c>
      <c r="IB37" s="162">
        <v>0</v>
      </c>
      <c r="IC37" s="149">
        <v>98608</v>
      </c>
      <c r="ID37" s="163">
        <v>202748</v>
      </c>
      <c r="IE37" s="150">
        <v>276567</v>
      </c>
      <c r="IF37" s="149">
        <v>0</v>
      </c>
      <c r="IG37" s="150">
        <v>389907</v>
      </c>
      <c r="IH37" s="164">
        <v>967830</v>
      </c>
      <c r="II37" s="156">
        <v>967830</v>
      </c>
      <c r="IJ37" s="259">
        <v>0</v>
      </c>
      <c r="IK37" s="266">
        <v>0</v>
      </c>
      <c r="IL37" s="267">
        <v>0</v>
      </c>
      <c r="IM37" s="157"/>
      <c r="IN37" s="123">
        <v>49826</v>
      </c>
      <c r="IO37" s="123">
        <v>0</v>
      </c>
      <c r="IP37" s="123">
        <v>0</v>
      </c>
      <c r="IQ37" s="123">
        <v>0</v>
      </c>
      <c r="IR37" s="123">
        <v>0</v>
      </c>
      <c r="IS37" s="158">
        <v>49826</v>
      </c>
      <c r="IT37" s="360">
        <v>49826</v>
      </c>
      <c r="IU37" s="159">
        <v>0</v>
      </c>
      <c r="IV37" s="123">
        <v>0</v>
      </c>
      <c r="IW37" s="124">
        <v>0</v>
      </c>
      <c r="IX37" s="161"/>
      <c r="IY37" s="123">
        <v>0</v>
      </c>
      <c r="IZ37" s="123">
        <v>0</v>
      </c>
      <c r="JA37" s="123">
        <v>0</v>
      </c>
      <c r="JB37" s="123">
        <v>0</v>
      </c>
      <c r="JC37" s="123">
        <v>0</v>
      </c>
      <c r="JD37" s="124">
        <v>0</v>
      </c>
      <c r="JE37" s="125">
        <v>0</v>
      </c>
      <c r="JF37" s="159">
        <v>0</v>
      </c>
      <c r="JG37" s="123">
        <v>0</v>
      </c>
      <c r="JH37" s="158">
        <v>0</v>
      </c>
      <c r="JI37" s="122">
        <v>0</v>
      </c>
      <c r="JJ37" s="123">
        <v>48782</v>
      </c>
      <c r="JK37" s="123">
        <v>45073</v>
      </c>
      <c r="JL37" s="123">
        <v>58790</v>
      </c>
      <c r="JM37" s="123">
        <v>0</v>
      </c>
      <c r="JN37" s="123">
        <v>0</v>
      </c>
      <c r="JO37" s="124">
        <v>152645</v>
      </c>
      <c r="JP37" s="360">
        <v>152645</v>
      </c>
      <c r="JQ37" s="159">
        <v>0</v>
      </c>
      <c r="JR37" s="123">
        <v>0</v>
      </c>
      <c r="JS37" s="158">
        <v>0</v>
      </c>
      <c r="JT37" s="122">
        <v>0</v>
      </c>
      <c r="JU37" s="123">
        <v>0</v>
      </c>
      <c r="JV37" s="123">
        <v>0</v>
      </c>
      <c r="JW37" s="123">
        <v>0</v>
      </c>
      <c r="JX37" s="123">
        <v>0</v>
      </c>
      <c r="JY37" s="123">
        <v>0</v>
      </c>
      <c r="JZ37" s="124">
        <v>0</v>
      </c>
      <c r="KA37" s="360">
        <v>0</v>
      </c>
      <c r="KB37" s="262">
        <v>0</v>
      </c>
      <c r="KC37" s="256">
        <v>0</v>
      </c>
      <c r="KD37" s="124">
        <v>0</v>
      </c>
      <c r="KE37" s="122">
        <v>0</v>
      </c>
      <c r="KF37" s="123">
        <v>0</v>
      </c>
      <c r="KG37" s="123">
        <v>0</v>
      </c>
      <c r="KH37" s="123">
        <v>0</v>
      </c>
      <c r="KI37" s="123">
        <v>0</v>
      </c>
      <c r="KJ37" s="123">
        <v>0</v>
      </c>
      <c r="KK37" s="124">
        <v>0</v>
      </c>
      <c r="KL37" s="160">
        <v>0</v>
      </c>
      <c r="KM37" s="259">
        <v>0</v>
      </c>
      <c r="KN37" s="266">
        <v>0</v>
      </c>
      <c r="KO37" s="267">
        <v>0</v>
      </c>
      <c r="KP37" s="395"/>
      <c r="KQ37" s="123">
        <v>0</v>
      </c>
      <c r="KR37" s="123">
        <v>0</v>
      </c>
      <c r="KS37" s="123">
        <v>217777</v>
      </c>
      <c r="KT37" s="123">
        <v>0</v>
      </c>
      <c r="KU37" s="123">
        <v>224273</v>
      </c>
      <c r="KV37" s="124">
        <v>442050</v>
      </c>
      <c r="KW37" s="360">
        <v>442050</v>
      </c>
      <c r="KX37" s="159">
        <v>0</v>
      </c>
      <c r="KY37" s="123">
        <v>0</v>
      </c>
      <c r="KZ37" s="124">
        <v>0</v>
      </c>
      <c r="LA37" s="395"/>
      <c r="LB37" s="123">
        <v>0</v>
      </c>
      <c r="LC37" s="123">
        <v>0</v>
      </c>
      <c r="LD37" s="123">
        <v>0</v>
      </c>
      <c r="LE37" s="123">
        <v>0</v>
      </c>
      <c r="LF37" s="123">
        <v>0</v>
      </c>
      <c r="LG37" s="124">
        <v>0</v>
      </c>
      <c r="LH37" s="125">
        <v>0</v>
      </c>
      <c r="LI37" s="159">
        <v>0</v>
      </c>
      <c r="LJ37" s="123">
        <v>0</v>
      </c>
      <c r="LK37" s="124">
        <v>0</v>
      </c>
      <c r="LL37" s="395"/>
      <c r="LM37" s="123">
        <v>0</v>
      </c>
      <c r="LN37" s="123">
        <v>157675</v>
      </c>
      <c r="LO37" s="123">
        <v>0</v>
      </c>
      <c r="LP37" s="123">
        <v>0</v>
      </c>
      <c r="LQ37" s="123">
        <v>165634</v>
      </c>
      <c r="LR37" s="124">
        <v>323309</v>
      </c>
      <c r="LS37" s="360">
        <v>323309</v>
      </c>
      <c r="LT37" s="159">
        <v>0</v>
      </c>
      <c r="LU37" s="123">
        <v>0</v>
      </c>
      <c r="LV37" s="124">
        <v>0</v>
      </c>
      <c r="LW37" s="395"/>
      <c r="LX37" s="123">
        <v>0</v>
      </c>
      <c r="LY37" s="123">
        <v>0</v>
      </c>
      <c r="LZ37" s="123">
        <v>0</v>
      </c>
      <c r="MA37" s="123">
        <v>0</v>
      </c>
      <c r="MB37" s="123">
        <v>0</v>
      </c>
      <c r="MC37" s="124">
        <v>0</v>
      </c>
      <c r="MD37" s="125">
        <v>0</v>
      </c>
      <c r="ME37" s="159">
        <v>0</v>
      </c>
      <c r="MF37" s="123">
        <v>0</v>
      </c>
      <c r="MG37" s="124">
        <v>0</v>
      </c>
      <c r="MH37" s="395"/>
      <c r="MI37" s="123">
        <v>0</v>
      </c>
      <c r="MJ37" s="123">
        <v>0</v>
      </c>
      <c r="MK37" s="123">
        <v>0</v>
      </c>
      <c r="ML37" s="123">
        <v>0</v>
      </c>
      <c r="MM37" s="123">
        <v>206012</v>
      </c>
      <c r="MN37" s="124">
        <v>206012</v>
      </c>
      <c r="MO37" s="160">
        <v>206012</v>
      </c>
      <c r="MP37" s="159">
        <v>0</v>
      </c>
      <c r="MQ37" s="123">
        <v>0</v>
      </c>
      <c r="MR37" s="124">
        <v>0</v>
      </c>
      <c r="MS37" s="395"/>
      <c r="MT37" s="123">
        <v>0</v>
      </c>
      <c r="MU37" s="123">
        <v>0</v>
      </c>
      <c r="MV37" s="123">
        <v>0</v>
      </c>
      <c r="MW37" s="123">
        <v>0</v>
      </c>
      <c r="MX37" s="123">
        <v>0</v>
      </c>
      <c r="MY37" s="124">
        <v>0</v>
      </c>
      <c r="MZ37" s="160">
        <v>0</v>
      </c>
      <c r="NA37" s="159">
        <v>0</v>
      </c>
      <c r="NB37" s="123">
        <v>0</v>
      </c>
      <c r="NC37" s="124">
        <v>0</v>
      </c>
      <c r="ND37" s="395"/>
      <c r="NE37" s="123">
        <v>0</v>
      </c>
      <c r="NF37" s="123">
        <v>0</v>
      </c>
      <c r="NG37" s="123">
        <v>0</v>
      </c>
      <c r="NH37" s="123">
        <v>0</v>
      </c>
      <c r="NI37" s="123">
        <v>206012</v>
      </c>
      <c r="NJ37" s="124">
        <v>206012</v>
      </c>
      <c r="NK37" s="360">
        <v>206012</v>
      </c>
      <c r="NL37" s="159">
        <v>0</v>
      </c>
      <c r="NM37" s="123">
        <v>0</v>
      </c>
      <c r="NN37" s="124">
        <v>0</v>
      </c>
      <c r="NO37" s="395"/>
      <c r="NP37" s="123">
        <v>0</v>
      </c>
      <c r="NQ37" s="123">
        <v>0</v>
      </c>
      <c r="NR37" s="123">
        <v>0</v>
      </c>
      <c r="NS37" s="123">
        <v>0</v>
      </c>
      <c r="NT37" s="123">
        <v>0</v>
      </c>
      <c r="NU37" s="124">
        <v>0</v>
      </c>
      <c r="NV37" s="125">
        <v>0</v>
      </c>
      <c r="NW37" s="159">
        <v>0</v>
      </c>
      <c r="NX37" s="123">
        <v>0</v>
      </c>
      <c r="NY37" s="124">
        <v>0</v>
      </c>
      <c r="NZ37" s="395"/>
      <c r="OA37" s="123">
        <v>0</v>
      </c>
      <c r="OB37" s="123">
        <v>0</v>
      </c>
      <c r="OC37" s="123">
        <v>0</v>
      </c>
      <c r="OD37" s="123">
        <v>0</v>
      </c>
      <c r="OE37" s="123">
        <v>0</v>
      </c>
      <c r="OF37" s="124">
        <v>0</v>
      </c>
      <c r="OG37" s="125">
        <v>0</v>
      </c>
      <c r="OH37" s="159">
        <v>0</v>
      </c>
      <c r="OI37" s="123">
        <v>111232</v>
      </c>
      <c r="OJ37" s="158">
        <v>111232</v>
      </c>
      <c r="OK37" s="122">
        <v>0</v>
      </c>
      <c r="OL37" s="123">
        <v>557845</v>
      </c>
      <c r="OM37" s="123">
        <v>595488</v>
      </c>
      <c r="ON37" s="123">
        <v>402967</v>
      </c>
      <c r="OO37" s="123">
        <v>214601</v>
      </c>
      <c r="OP37" s="123">
        <v>805604</v>
      </c>
      <c r="OQ37" s="124">
        <v>2576505</v>
      </c>
      <c r="OR37" s="160">
        <v>2687737</v>
      </c>
    </row>
    <row r="38" spans="1:408" ht="20.25" customHeight="1" x14ac:dyDescent="0.2">
      <c r="A38" s="130" t="s">
        <v>33</v>
      </c>
      <c r="B38" s="113">
        <v>48138</v>
      </c>
      <c r="C38" s="117">
        <v>9800</v>
      </c>
      <c r="D38" s="116">
        <v>57938</v>
      </c>
      <c r="E38" s="112">
        <v>0</v>
      </c>
      <c r="F38" s="117">
        <v>212353</v>
      </c>
      <c r="G38" s="117">
        <v>163404</v>
      </c>
      <c r="H38" s="117">
        <v>1033716</v>
      </c>
      <c r="I38" s="117">
        <v>0</v>
      </c>
      <c r="J38" s="117">
        <v>150429</v>
      </c>
      <c r="K38" s="198">
        <v>1559902</v>
      </c>
      <c r="L38" s="119">
        <v>1617840</v>
      </c>
      <c r="M38" s="113">
        <v>0</v>
      </c>
      <c r="N38" s="117">
        <v>0</v>
      </c>
      <c r="O38" s="116">
        <v>0</v>
      </c>
      <c r="P38" s="113">
        <v>0</v>
      </c>
      <c r="Q38" s="117">
        <v>101063</v>
      </c>
      <c r="R38" s="117">
        <v>8400</v>
      </c>
      <c r="S38" s="117">
        <v>269958</v>
      </c>
      <c r="T38" s="117">
        <v>0</v>
      </c>
      <c r="U38" s="117">
        <v>133529</v>
      </c>
      <c r="V38" s="116">
        <v>512950</v>
      </c>
      <c r="W38" s="119">
        <v>512950</v>
      </c>
      <c r="X38" s="113">
        <v>0</v>
      </c>
      <c r="Y38" s="117">
        <v>0</v>
      </c>
      <c r="Z38" s="116">
        <v>0</v>
      </c>
      <c r="AA38" s="113">
        <v>0</v>
      </c>
      <c r="AB38" s="117">
        <v>19939</v>
      </c>
      <c r="AC38" s="117">
        <v>0</v>
      </c>
      <c r="AD38" s="117">
        <v>99039</v>
      </c>
      <c r="AE38" s="117">
        <v>0</v>
      </c>
      <c r="AF38" s="117">
        <v>0</v>
      </c>
      <c r="AG38" s="116">
        <v>118978</v>
      </c>
      <c r="AH38" s="119">
        <v>118978</v>
      </c>
      <c r="AI38" s="113">
        <v>0</v>
      </c>
      <c r="AJ38" s="117">
        <v>0</v>
      </c>
      <c r="AK38" s="116">
        <v>0</v>
      </c>
      <c r="AL38" s="113">
        <v>0</v>
      </c>
      <c r="AM38" s="117">
        <v>0</v>
      </c>
      <c r="AN38" s="117">
        <v>0</v>
      </c>
      <c r="AO38" s="117">
        <v>0</v>
      </c>
      <c r="AP38" s="117">
        <v>0</v>
      </c>
      <c r="AQ38" s="117">
        <v>0</v>
      </c>
      <c r="AR38" s="116">
        <v>0</v>
      </c>
      <c r="AS38" s="119">
        <v>0</v>
      </c>
      <c r="AT38" s="113">
        <v>0</v>
      </c>
      <c r="AU38" s="117">
        <v>0</v>
      </c>
      <c r="AV38" s="116">
        <v>0</v>
      </c>
      <c r="AW38" s="113">
        <v>0</v>
      </c>
      <c r="AX38" s="117">
        <v>34333</v>
      </c>
      <c r="AY38" s="117">
        <v>0</v>
      </c>
      <c r="AZ38" s="117">
        <v>129691</v>
      </c>
      <c r="BA38" s="117">
        <v>0</v>
      </c>
      <c r="BB38" s="117">
        <v>69748</v>
      </c>
      <c r="BC38" s="116">
        <v>233772</v>
      </c>
      <c r="BD38" s="119">
        <v>233772</v>
      </c>
      <c r="BE38" s="113">
        <v>0</v>
      </c>
      <c r="BF38" s="117">
        <v>0</v>
      </c>
      <c r="BG38" s="115">
        <v>0</v>
      </c>
      <c r="BH38" s="114">
        <v>0</v>
      </c>
      <c r="BI38" s="117">
        <v>46791</v>
      </c>
      <c r="BJ38" s="117">
        <v>0</v>
      </c>
      <c r="BK38" s="117">
        <v>26738</v>
      </c>
      <c r="BL38" s="117">
        <v>0</v>
      </c>
      <c r="BM38" s="117">
        <v>60162</v>
      </c>
      <c r="BN38" s="116">
        <v>133691</v>
      </c>
      <c r="BO38" s="119">
        <v>133691</v>
      </c>
      <c r="BP38" s="113">
        <v>0</v>
      </c>
      <c r="BQ38" s="117">
        <v>0</v>
      </c>
      <c r="BR38" s="116">
        <v>0</v>
      </c>
      <c r="BS38" s="113">
        <v>0</v>
      </c>
      <c r="BT38" s="117">
        <v>0</v>
      </c>
      <c r="BU38" s="117">
        <v>8400</v>
      </c>
      <c r="BV38" s="117">
        <v>14490</v>
      </c>
      <c r="BW38" s="117">
        <v>0</v>
      </c>
      <c r="BX38" s="117">
        <v>3619</v>
      </c>
      <c r="BY38" s="116">
        <v>26509</v>
      </c>
      <c r="BZ38" s="119">
        <v>26509</v>
      </c>
      <c r="CA38" s="113">
        <v>0</v>
      </c>
      <c r="CB38" s="117">
        <v>0</v>
      </c>
      <c r="CC38" s="116">
        <v>0</v>
      </c>
      <c r="CD38" s="113">
        <v>0</v>
      </c>
      <c r="CE38" s="117">
        <v>79790</v>
      </c>
      <c r="CF38" s="117">
        <v>0</v>
      </c>
      <c r="CG38" s="117">
        <v>0</v>
      </c>
      <c r="CH38" s="117">
        <v>0</v>
      </c>
      <c r="CI38" s="117">
        <v>0</v>
      </c>
      <c r="CJ38" s="116">
        <v>79790</v>
      </c>
      <c r="CK38" s="119">
        <v>79790</v>
      </c>
      <c r="CL38" s="113">
        <v>0</v>
      </c>
      <c r="CM38" s="117">
        <v>0</v>
      </c>
      <c r="CN38" s="116">
        <v>0</v>
      </c>
      <c r="CO38" s="114">
        <v>0</v>
      </c>
      <c r="CP38" s="117">
        <v>79790</v>
      </c>
      <c r="CQ38" s="117">
        <v>0</v>
      </c>
      <c r="CR38" s="117">
        <v>0</v>
      </c>
      <c r="CS38" s="117">
        <v>0</v>
      </c>
      <c r="CT38" s="117">
        <v>0</v>
      </c>
      <c r="CU38" s="116">
        <v>79790</v>
      </c>
      <c r="CV38" s="119">
        <v>79790</v>
      </c>
      <c r="CW38" s="113">
        <v>0</v>
      </c>
      <c r="CX38" s="117">
        <v>0</v>
      </c>
      <c r="CY38" s="116">
        <v>0</v>
      </c>
      <c r="CZ38" s="113">
        <v>0</v>
      </c>
      <c r="DA38" s="117">
        <v>0</v>
      </c>
      <c r="DB38" s="117">
        <v>0</v>
      </c>
      <c r="DC38" s="117">
        <v>0</v>
      </c>
      <c r="DD38" s="117">
        <v>0</v>
      </c>
      <c r="DE38" s="117">
        <v>0</v>
      </c>
      <c r="DF38" s="116">
        <v>0</v>
      </c>
      <c r="DG38" s="119">
        <v>0</v>
      </c>
      <c r="DH38" s="113">
        <v>0</v>
      </c>
      <c r="DI38" s="117">
        <v>0</v>
      </c>
      <c r="DJ38" s="115">
        <v>0</v>
      </c>
      <c r="DK38" s="114">
        <v>0</v>
      </c>
      <c r="DL38" s="117">
        <v>0</v>
      </c>
      <c r="DM38" s="117">
        <v>0</v>
      </c>
      <c r="DN38" s="117">
        <v>21114</v>
      </c>
      <c r="DO38" s="117">
        <v>0</v>
      </c>
      <c r="DP38" s="117">
        <v>0</v>
      </c>
      <c r="DQ38" s="116">
        <v>21114</v>
      </c>
      <c r="DR38" s="119">
        <v>21114</v>
      </c>
      <c r="DS38" s="113">
        <v>0</v>
      </c>
      <c r="DT38" s="117">
        <v>0</v>
      </c>
      <c r="DU38" s="116">
        <v>0</v>
      </c>
      <c r="DV38" s="113">
        <v>0</v>
      </c>
      <c r="DW38" s="117">
        <v>0</v>
      </c>
      <c r="DX38" s="117">
        <v>0</v>
      </c>
      <c r="DY38" s="117">
        <v>21114</v>
      </c>
      <c r="DZ38" s="117">
        <v>0</v>
      </c>
      <c r="EA38" s="117">
        <v>0</v>
      </c>
      <c r="EB38" s="116">
        <v>21114</v>
      </c>
      <c r="EC38" s="119">
        <v>21114</v>
      </c>
      <c r="ED38" s="113">
        <v>0</v>
      </c>
      <c r="EE38" s="115">
        <v>0</v>
      </c>
      <c r="EF38" s="116">
        <v>0</v>
      </c>
      <c r="EG38" s="113">
        <v>0</v>
      </c>
      <c r="EH38" s="117">
        <v>0</v>
      </c>
      <c r="EI38" s="117">
        <v>0</v>
      </c>
      <c r="EJ38" s="117">
        <v>0</v>
      </c>
      <c r="EK38" s="117">
        <v>0</v>
      </c>
      <c r="EL38" s="117">
        <v>0</v>
      </c>
      <c r="EM38" s="115">
        <v>0</v>
      </c>
      <c r="EN38" s="119">
        <v>0</v>
      </c>
      <c r="EO38" s="113">
        <v>0</v>
      </c>
      <c r="EP38" s="117">
        <v>0</v>
      </c>
      <c r="EQ38" s="115">
        <v>0</v>
      </c>
      <c r="ER38" s="114">
        <v>0</v>
      </c>
      <c r="ES38" s="117">
        <v>0</v>
      </c>
      <c r="ET38" s="117">
        <v>0</v>
      </c>
      <c r="EU38" s="117">
        <v>0</v>
      </c>
      <c r="EV38" s="117">
        <v>0</v>
      </c>
      <c r="EW38" s="117">
        <v>0</v>
      </c>
      <c r="EX38" s="116">
        <v>0</v>
      </c>
      <c r="EY38" s="119">
        <v>0</v>
      </c>
      <c r="EZ38" s="113">
        <v>0</v>
      </c>
      <c r="FA38" s="117">
        <v>0</v>
      </c>
      <c r="FB38" s="115">
        <v>0</v>
      </c>
      <c r="FC38" s="395"/>
      <c r="FD38" s="117">
        <v>0</v>
      </c>
      <c r="FE38" s="117">
        <v>0</v>
      </c>
      <c r="FF38" s="117">
        <v>0</v>
      </c>
      <c r="FG38" s="117">
        <v>0</v>
      </c>
      <c r="FH38" s="117">
        <v>0</v>
      </c>
      <c r="FI38" s="116">
        <v>0</v>
      </c>
      <c r="FJ38" s="119">
        <v>0</v>
      </c>
      <c r="FK38" s="113">
        <v>0</v>
      </c>
      <c r="FL38" s="117">
        <v>9800</v>
      </c>
      <c r="FM38" s="116">
        <v>9800</v>
      </c>
      <c r="FN38" s="113">
        <v>0</v>
      </c>
      <c r="FO38" s="117">
        <v>31500</v>
      </c>
      <c r="FP38" s="117">
        <v>0</v>
      </c>
      <c r="FQ38" s="117">
        <v>39991</v>
      </c>
      <c r="FR38" s="117">
        <v>0</v>
      </c>
      <c r="FS38" s="117">
        <v>16900</v>
      </c>
      <c r="FT38" s="116">
        <v>88391</v>
      </c>
      <c r="FU38" s="119">
        <v>98191</v>
      </c>
      <c r="FV38" s="118">
        <v>0</v>
      </c>
      <c r="FW38" s="117">
        <v>9800</v>
      </c>
      <c r="FX38" s="115">
        <v>9800</v>
      </c>
      <c r="FY38" s="114">
        <v>0</v>
      </c>
      <c r="FZ38" s="117">
        <v>3500</v>
      </c>
      <c r="GA38" s="117">
        <v>0</v>
      </c>
      <c r="GB38" s="117">
        <v>39991</v>
      </c>
      <c r="GC38" s="117">
        <v>0</v>
      </c>
      <c r="GD38" s="117">
        <v>16900</v>
      </c>
      <c r="GE38" s="116">
        <v>60391</v>
      </c>
      <c r="GF38" s="357">
        <v>70191</v>
      </c>
      <c r="GG38" s="118">
        <v>0</v>
      </c>
      <c r="GH38" s="117">
        <v>0</v>
      </c>
      <c r="GI38" s="115">
        <v>0</v>
      </c>
      <c r="GJ38" s="114">
        <v>0</v>
      </c>
      <c r="GK38" s="117">
        <v>0</v>
      </c>
      <c r="GL38" s="117">
        <v>0</v>
      </c>
      <c r="GM38" s="117">
        <v>0</v>
      </c>
      <c r="GN38" s="117">
        <v>0</v>
      </c>
      <c r="GO38" s="117">
        <v>0</v>
      </c>
      <c r="GP38" s="116">
        <v>0</v>
      </c>
      <c r="GQ38" s="119">
        <v>0</v>
      </c>
      <c r="GR38" s="113">
        <v>0</v>
      </c>
      <c r="GS38" s="117">
        <v>0</v>
      </c>
      <c r="GT38" s="116">
        <v>0</v>
      </c>
      <c r="GU38" s="113">
        <v>0</v>
      </c>
      <c r="GV38" s="117">
        <v>28000</v>
      </c>
      <c r="GW38" s="117">
        <v>0</v>
      </c>
      <c r="GX38" s="117">
        <v>0</v>
      </c>
      <c r="GY38" s="117">
        <v>0</v>
      </c>
      <c r="GZ38" s="117">
        <v>0</v>
      </c>
      <c r="HA38" s="115">
        <v>28000</v>
      </c>
      <c r="HB38" s="119">
        <v>28000</v>
      </c>
      <c r="HC38" s="113">
        <v>48138</v>
      </c>
      <c r="HD38" s="117">
        <v>0</v>
      </c>
      <c r="HE38" s="115">
        <v>48138</v>
      </c>
      <c r="HF38" s="114">
        <v>0</v>
      </c>
      <c r="HG38" s="117">
        <v>0</v>
      </c>
      <c r="HH38" s="117">
        <v>155004</v>
      </c>
      <c r="HI38" s="117">
        <v>702653</v>
      </c>
      <c r="HJ38" s="117">
        <v>0</v>
      </c>
      <c r="HK38" s="117">
        <v>0</v>
      </c>
      <c r="HL38" s="116">
        <v>857657</v>
      </c>
      <c r="HM38" s="112">
        <v>905795</v>
      </c>
      <c r="HN38" s="373"/>
      <c r="HO38" s="374"/>
      <c r="HP38" s="375"/>
      <c r="HQ38" s="376"/>
      <c r="HR38" s="374"/>
      <c r="HS38" s="374"/>
      <c r="HT38" s="374"/>
      <c r="HU38" s="374"/>
      <c r="HV38" s="374"/>
      <c r="HW38" s="377"/>
      <c r="HX38" s="378"/>
      <c r="HY38" s="166">
        <v>0</v>
      </c>
      <c r="HZ38" s="152">
        <v>0</v>
      </c>
      <c r="IA38" s="166">
        <v>0</v>
      </c>
      <c r="IB38" s="162">
        <v>0</v>
      </c>
      <c r="IC38" s="149">
        <v>66526</v>
      </c>
      <c r="ID38" s="163">
        <v>0</v>
      </c>
      <c r="IE38" s="150">
        <v>276107</v>
      </c>
      <c r="IF38" s="149">
        <v>0</v>
      </c>
      <c r="IG38" s="150">
        <v>0</v>
      </c>
      <c r="IH38" s="164">
        <v>342633</v>
      </c>
      <c r="II38" s="166">
        <v>342633</v>
      </c>
      <c r="IJ38" s="259">
        <v>0</v>
      </c>
      <c r="IK38" s="266">
        <v>0</v>
      </c>
      <c r="IL38" s="267">
        <v>0</v>
      </c>
      <c r="IM38" s="157"/>
      <c r="IN38" s="123">
        <v>0</v>
      </c>
      <c r="IO38" s="123">
        <v>0</v>
      </c>
      <c r="IP38" s="123">
        <v>0</v>
      </c>
      <c r="IQ38" s="123">
        <v>0</v>
      </c>
      <c r="IR38" s="123">
        <v>0</v>
      </c>
      <c r="IS38" s="158">
        <v>0</v>
      </c>
      <c r="IT38" s="360">
        <v>0</v>
      </c>
      <c r="IU38" s="159">
        <v>0</v>
      </c>
      <c r="IV38" s="123">
        <v>0</v>
      </c>
      <c r="IW38" s="124">
        <v>0</v>
      </c>
      <c r="IX38" s="161"/>
      <c r="IY38" s="123">
        <v>0</v>
      </c>
      <c r="IZ38" s="123">
        <v>0</v>
      </c>
      <c r="JA38" s="123">
        <v>0</v>
      </c>
      <c r="JB38" s="123">
        <v>0</v>
      </c>
      <c r="JC38" s="123">
        <v>0</v>
      </c>
      <c r="JD38" s="124">
        <v>0</v>
      </c>
      <c r="JE38" s="125">
        <v>0</v>
      </c>
      <c r="JF38" s="159">
        <v>0</v>
      </c>
      <c r="JG38" s="123">
        <v>0</v>
      </c>
      <c r="JH38" s="158">
        <v>0</v>
      </c>
      <c r="JI38" s="122">
        <v>0</v>
      </c>
      <c r="JJ38" s="123">
        <v>66526</v>
      </c>
      <c r="JK38" s="123">
        <v>0</v>
      </c>
      <c r="JL38" s="123">
        <v>74733</v>
      </c>
      <c r="JM38" s="123">
        <v>0</v>
      </c>
      <c r="JN38" s="123">
        <v>0</v>
      </c>
      <c r="JO38" s="124">
        <v>141259</v>
      </c>
      <c r="JP38" s="360">
        <v>141259</v>
      </c>
      <c r="JQ38" s="159">
        <v>0</v>
      </c>
      <c r="JR38" s="123">
        <v>0</v>
      </c>
      <c r="JS38" s="158">
        <v>0</v>
      </c>
      <c r="JT38" s="122">
        <v>0</v>
      </c>
      <c r="JU38" s="123">
        <v>0</v>
      </c>
      <c r="JV38" s="123">
        <v>0</v>
      </c>
      <c r="JW38" s="123">
        <v>0</v>
      </c>
      <c r="JX38" s="123">
        <v>0</v>
      </c>
      <c r="JY38" s="123">
        <v>0</v>
      </c>
      <c r="JZ38" s="124">
        <v>0</v>
      </c>
      <c r="KA38" s="360">
        <v>0</v>
      </c>
      <c r="KB38" s="262">
        <v>0</v>
      </c>
      <c r="KC38" s="256">
        <v>0</v>
      </c>
      <c r="KD38" s="124">
        <v>0</v>
      </c>
      <c r="KE38" s="122">
        <v>0</v>
      </c>
      <c r="KF38" s="123">
        <v>0</v>
      </c>
      <c r="KG38" s="123">
        <v>0</v>
      </c>
      <c r="KH38" s="123">
        <v>0</v>
      </c>
      <c r="KI38" s="123">
        <v>0</v>
      </c>
      <c r="KJ38" s="123">
        <v>0</v>
      </c>
      <c r="KK38" s="124">
        <v>0</v>
      </c>
      <c r="KL38" s="160">
        <v>0</v>
      </c>
      <c r="KM38" s="259">
        <v>0</v>
      </c>
      <c r="KN38" s="266">
        <v>0</v>
      </c>
      <c r="KO38" s="267">
        <v>0</v>
      </c>
      <c r="KP38" s="395"/>
      <c r="KQ38" s="123">
        <v>0</v>
      </c>
      <c r="KR38" s="123">
        <v>0</v>
      </c>
      <c r="KS38" s="123">
        <v>0</v>
      </c>
      <c r="KT38" s="123">
        <v>0</v>
      </c>
      <c r="KU38" s="123">
        <v>0</v>
      </c>
      <c r="KV38" s="124">
        <v>0</v>
      </c>
      <c r="KW38" s="360">
        <v>0</v>
      </c>
      <c r="KX38" s="159">
        <v>0</v>
      </c>
      <c r="KY38" s="123">
        <v>0</v>
      </c>
      <c r="KZ38" s="124">
        <v>0</v>
      </c>
      <c r="LA38" s="395"/>
      <c r="LB38" s="123">
        <v>0</v>
      </c>
      <c r="LC38" s="123">
        <v>0</v>
      </c>
      <c r="LD38" s="123">
        <v>0</v>
      </c>
      <c r="LE38" s="123">
        <v>0</v>
      </c>
      <c r="LF38" s="123">
        <v>0</v>
      </c>
      <c r="LG38" s="124">
        <v>0</v>
      </c>
      <c r="LH38" s="125">
        <v>0</v>
      </c>
      <c r="LI38" s="159">
        <v>0</v>
      </c>
      <c r="LJ38" s="123">
        <v>0</v>
      </c>
      <c r="LK38" s="124">
        <v>0</v>
      </c>
      <c r="LL38" s="395"/>
      <c r="LM38" s="123">
        <v>0</v>
      </c>
      <c r="LN38" s="123">
        <v>0</v>
      </c>
      <c r="LO38" s="123">
        <v>0</v>
      </c>
      <c r="LP38" s="123">
        <v>0</v>
      </c>
      <c r="LQ38" s="123">
        <v>0</v>
      </c>
      <c r="LR38" s="124">
        <v>0</v>
      </c>
      <c r="LS38" s="360">
        <v>0</v>
      </c>
      <c r="LT38" s="159">
        <v>0</v>
      </c>
      <c r="LU38" s="123">
        <v>0</v>
      </c>
      <c r="LV38" s="124">
        <v>0</v>
      </c>
      <c r="LW38" s="395"/>
      <c r="LX38" s="123">
        <v>0</v>
      </c>
      <c r="LY38" s="123">
        <v>0</v>
      </c>
      <c r="LZ38" s="123">
        <v>201374</v>
      </c>
      <c r="MA38" s="123">
        <v>0</v>
      </c>
      <c r="MB38" s="123">
        <v>0</v>
      </c>
      <c r="MC38" s="124">
        <v>201374</v>
      </c>
      <c r="MD38" s="125">
        <v>201374</v>
      </c>
      <c r="ME38" s="159">
        <v>0</v>
      </c>
      <c r="MF38" s="123">
        <v>0</v>
      </c>
      <c r="MG38" s="124">
        <v>0</v>
      </c>
      <c r="MH38" s="395"/>
      <c r="MI38" s="123">
        <v>179674</v>
      </c>
      <c r="MJ38" s="123">
        <v>0</v>
      </c>
      <c r="MK38" s="123">
        <v>0</v>
      </c>
      <c r="ML38" s="123">
        <v>238373</v>
      </c>
      <c r="MM38" s="123">
        <v>294728</v>
      </c>
      <c r="MN38" s="124">
        <v>712775</v>
      </c>
      <c r="MO38" s="160">
        <v>712775</v>
      </c>
      <c r="MP38" s="159">
        <v>0</v>
      </c>
      <c r="MQ38" s="123">
        <v>0</v>
      </c>
      <c r="MR38" s="124">
        <v>0</v>
      </c>
      <c r="MS38" s="395"/>
      <c r="MT38" s="123">
        <v>0</v>
      </c>
      <c r="MU38" s="123">
        <v>0</v>
      </c>
      <c r="MV38" s="123">
        <v>0</v>
      </c>
      <c r="MW38" s="123">
        <v>238373</v>
      </c>
      <c r="MX38" s="123">
        <v>0</v>
      </c>
      <c r="MY38" s="124">
        <v>238373</v>
      </c>
      <c r="MZ38" s="160">
        <v>238373</v>
      </c>
      <c r="NA38" s="159">
        <v>0</v>
      </c>
      <c r="NB38" s="123">
        <v>0</v>
      </c>
      <c r="NC38" s="124">
        <v>0</v>
      </c>
      <c r="ND38" s="395"/>
      <c r="NE38" s="123">
        <v>0</v>
      </c>
      <c r="NF38" s="123">
        <v>0</v>
      </c>
      <c r="NG38" s="123">
        <v>0</v>
      </c>
      <c r="NH38" s="123">
        <v>0</v>
      </c>
      <c r="NI38" s="123">
        <v>0</v>
      </c>
      <c r="NJ38" s="124">
        <v>0</v>
      </c>
      <c r="NK38" s="360">
        <v>0</v>
      </c>
      <c r="NL38" s="159">
        <v>0</v>
      </c>
      <c r="NM38" s="123">
        <v>0</v>
      </c>
      <c r="NN38" s="124">
        <v>0</v>
      </c>
      <c r="NO38" s="395"/>
      <c r="NP38" s="123">
        <v>0</v>
      </c>
      <c r="NQ38" s="123">
        <v>0</v>
      </c>
      <c r="NR38" s="123">
        <v>0</v>
      </c>
      <c r="NS38" s="123">
        <v>0</v>
      </c>
      <c r="NT38" s="123">
        <v>0</v>
      </c>
      <c r="NU38" s="124">
        <v>0</v>
      </c>
      <c r="NV38" s="125">
        <v>0</v>
      </c>
      <c r="NW38" s="159">
        <v>0</v>
      </c>
      <c r="NX38" s="123">
        <v>0</v>
      </c>
      <c r="NY38" s="124">
        <v>0</v>
      </c>
      <c r="NZ38" s="395"/>
      <c r="OA38" s="123">
        <v>179674</v>
      </c>
      <c r="OB38" s="123">
        <v>0</v>
      </c>
      <c r="OC38" s="123">
        <v>0</v>
      </c>
      <c r="OD38" s="123">
        <v>0</v>
      </c>
      <c r="OE38" s="123">
        <v>294728</v>
      </c>
      <c r="OF38" s="124">
        <v>474402</v>
      </c>
      <c r="OG38" s="125">
        <v>474402</v>
      </c>
      <c r="OH38" s="159">
        <v>48138</v>
      </c>
      <c r="OI38" s="123">
        <v>9800</v>
      </c>
      <c r="OJ38" s="158">
        <v>57938</v>
      </c>
      <c r="OK38" s="122">
        <v>0</v>
      </c>
      <c r="OL38" s="123">
        <v>458553</v>
      </c>
      <c r="OM38" s="123">
        <v>163404</v>
      </c>
      <c r="ON38" s="123">
        <v>1309823</v>
      </c>
      <c r="OO38" s="123">
        <v>238373</v>
      </c>
      <c r="OP38" s="123">
        <v>445157</v>
      </c>
      <c r="OQ38" s="124">
        <v>2615310</v>
      </c>
      <c r="OR38" s="160">
        <v>2673248</v>
      </c>
    </row>
    <row r="39" spans="1:408" ht="20.25" customHeight="1" x14ac:dyDescent="0.2">
      <c r="A39" s="130" t="s">
        <v>34</v>
      </c>
      <c r="B39" s="113">
        <v>0</v>
      </c>
      <c r="C39" s="117">
        <v>7350</v>
      </c>
      <c r="D39" s="199">
        <v>7350</v>
      </c>
      <c r="E39" s="200">
        <v>0</v>
      </c>
      <c r="F39" s="201">
        <v>100219</v>
      </c>
      <c r="G39" s="201">
        <v>212310</v>
      </c>
      <c r="H39" s="201">
        <v>283626</v>
      </c>
      <c r="I39" s="201">
        <v>487984</v>
      </c>
      <c r="J39" s="201">
        <v>0</v>
      </c>
      <c r="K39" s="202">
        <v>1084139</v>
      </c>
      <c r="L39" s="119">
        <v>1091489</v>
      </c>
      <c r="M39" s="113">
        <v>0</v>
      </c>
      <c r="N39" s="117">
        <v>0</v>
      </c>
      <c r="O39" s="116">
        <v>0</v>
      </c>
      <c r="P39" s="113">
        <v>0</v>
      </c>
      <c r="Q39" s="117">
        <v>41818</v>
      </c>
      <c r="R39" s="117">
        <v>13174</v>
      </c>
      <c r="S39" s="117">
        <v>42812</v>
      </c>
      <c r="T39" s="117">
        <v>487984</v>
      </c>
      <c r="U39" s="117">
        <v>0</v>
      </c>
      <c r="V39" s="116">
        <v>585788</v>
      </c>
      <c r="W39" s="119">
        <v>585788</v>
      </c>
      <c r="X39" s="113">
        <v>0</v>
      </c>
      <c r="Y39" s="117">
        <v>0</v>
      </c>
      <c r="Z39" s="116">
        <v>0</v>
      </c>
      <c r="AA39" s="113">
        <v>0</v>
      </c>
      <c r="AB39" s="117">
        <v>0</v>
      </c>
      <c r="AC39" s="117">
        <v>0</v>
      </c>
      <c r="AD39" s="117">
        <v>29302</v>
      </c>
      <c r="AE39" s="117">
        <v>475951</v>
      </c>
      <c r="AF39" s="117">
        <v>0</v>
      </c>
      <c r="AG39" s="116">
        <v>505253</v>
      </c>
      <c r="AH39" s="119">
        <v>505253</v>
      </c>
      <c r="AI39" s="113">
        <v>0</v>
      </c>
      <c r="AJ39" s="117">
        <v>0</v>
      </c>
      <c r="AK39" s="116">
        <v>0</v>
      </c>
      <c r="AL39" s="113">
        <v>0</v>
      </c>
      <c r="AM39" s="117">
        <v>0</v>
      </c>
      <c r="AN39" s="117">
        <v>0</v>
      </c>
      <c r="AO39" s="117">
        <v>0</v>
      </c>
      <c r="AP39" s="117">
        <v>0</v>
      </c>
      <c r="AQ39" s="117">
        <v>0</v>
      </c>
      <c r="AR39" s="116">
        <v>0</v>
      </c>
      <c r="AS39" s="119">
        <v>0</v>
      </c>
      <c r="AT39" s="113">
        <v>0</v>
      </c>
      <c r="AU39" s="117">
        <v>0</v>
      </c>
      <c r="AV39" s="116">
        <v>0</v>
      </c>
      <c r="AW39" s="113">
        <v>0</v>
      </c>
      <c r="AX39" s="117">
        <v>0</v>
      </c>
      <c r="AY39" s="117">
        <v>0</v>
      </c>
      <c r="AZ39" s="117">
        <v>0</v>
      </c>
      <c r="BA39" s="117">
        <v>0</v>
      </c>
      <c r="BB39" s="117">
        <v>0</v>
      </c>
      <c r="BC39" s="116">
        <v>0</v>
      </c>
      <c r="BD39" s="119">
        <v>0</v>
      </c>
      <c r="BE39" s="113">
        <v>0</v>
      </c>
      <c r="BF39" s="117">
        <v>0</v>
      </c>
      <c r="BG39" s="115">
        <v>0</v>
      </c>
      <c r="BH39" s="114">
        <v>0</v>
      </c>
      <c r="BI39" s="117">
        <v>26292</v>
      </c>
      <c r="BJ39" s="117">
        <v>0</v>
      </c>
      <c r="BK39" s="117">
        <v>0</v>
      </c>
      <c r="BL39" s="117">
        <v>0</v>
      </c>
      <c r="BM39" s="117">
        <v>0</v>
      </c>
      <c r="BN39" s="116">
        <v>26292</v>
      </c>
      <c r="BO39" s="119">
        <v>26292</v>
      </c>
      <c r="BP39" s="113">
        <v>0</v>
      </c>
      <c r="BQ39" s="117">
        <v>0</v>
      </c>
      <c r="BR39" s="116">
        <v>0</v>
      </c>
      <c r="BS39" s="113">
        <v>0</v>
      </c>
      <c r="BT39" s="117">
        <v>15526</v>
      </c>
      <c r="BU39" s="117">
        <v>13174</v>
      </c>
      <c r="BV39" s="117">
        <v>13510</v>
      </c>
      <c r="BW39" s="117">
        <v>12033</v>
      </c>
      <c r="BX39" s="117">
        <v>0</v>
      </c>
      <c r="BY39" s="116">
        <v>54243</v>
      </c>
      <c r="BZ39" s="119">
        <v>54243</v>
      </c>
      <c r="CA39" s="113">
        <v>0</v>
      </c>
      <c r="CB39" s="117">
        <v>0</v>
      </c>
      <c r="CC39" s="116">
        <v>0</v>
      </c>
      <c r="CD39" s="113">
        <v>0</v>
      </c>
      <c r="CE39" s="117">
        <v>53501</v>
      </c>
      <c r="CF39" s="117">
        <v>52227</v>
      </c>
      <c r="CG39" s="117">
        <v>146867</v>
      </c>
      <c r="CH39" s="117">
        <v>0</v>
      </c>
      <c r="CI39" s="117">
        <v>0</v>
      </c>
      <c r="CJ39" s="116">
        <v>252595</v>
      </c>
      <c r="CK39" s="119">
        <v>252595</v>
      </c>
      <c r="CL39" s="113">
        <v>0</v>
      </c>
      <c r="CM39" s="117">
        <v>0</v>
      </c>
      <c r="CN39" s="116">
        <v>0</v>
      </c>
      <c r="CO39" s="114">
        <v>0</v>
      </c>
      <c r="CP39" s="117">
        <v>0</v>
      </c>
      <c r="CQ39" s="117">
        <v>52227</v>
      </c>
      <c r="CR39" s="117">
        <v>146867</v>
      </c>
      <c r="CS39" s="117">
        <v>0</v>
      </c>
      <c r="CT39" s="117">
        <v>0</v>
      </c>
      <c r="CU39" s="116">
        <v>199094</v>
      </c>
      <c r="CV39" s="119">
        <v>199094</v>
      </c>
      <c r="CW39" s="113">
        <v>0</v>
      </c>
      <c r="CX39" s="117">
        <v>0</v>
      </c>
      <c r="CY39" s="116">
        <v>0</v>
      </c>
      <c r="CZ39" s="113">
        <v>0</v>
      </c>
      <c r="DA39" s="117">
        <v>53501</v>
      </c>
      <c r="DB39" s="117">
        <v>0</v>
      </c>
      <c r="DC39" s="117">
        <v>0</v>
      </c>
      <c r="DD39" s="117">
        <v>0</v>
      </c>
      <c r="DE39" s="117">
        <v>0</v>
      </c>
      <c r="DF39" s="116">
        <v>53501</v>
      </c>
      <c r="DG39" s="119">
        <v>53501</v>
      </c>
      <c r="DH39" s="113">
        <v>0</v>
      </c>
      <c r="DI39" s="117">
        <v>0</v>
      </c>
      <c r="DJ39" s="115">
        <v>0</v>
      </c>
      <c r="DK39" s="114">
        <v>0</v>
      </c>
      <c r="DL39" s="117">
        <v>0</v>
      </c>
      <c r="DM39" s="117">
        <v>0</v>
      </c>
      <c r="DN39" s="117">
        <v>6895</v>
      </c>
      <c r="DO39" s="117">
        <v>0</v>
      </c>
      <c r="DP39" s="117">
        <v>0</v>
      </c>
      <c r="DQ39" s="116">
        <v>6895</v>
      </c>
      <c r="DR39" s="119">
        <v>6895</v>
      </c>
      <c r="DS39" s="113">
        <v>0</v>
      </c>
      <c r="DT39" s="117">
        <v>0</v>
      </c>
      <c r="DU39" s="116">
        <v>0</v>
      </c>
      <c r="DV39" s="113">
        <v>0</v>
      </c>
      <c r="DW39" s="117">
        <v>0</v>
      </c>
      <c r="DX39" s="117">
        <v>0</v>
      </c>
      <c r="DY39" s="117">
        <v>6895</v>
      </c>
      <c r="DZ39" s="117">
        <v>0</v>
      </c>
      <c r="EA39" s="117">
        <v>0</v>
      </c>
      <c r="EB39" s="116">
        <v>6895</v>
      </c>
      <c r="EC39" s="119">
        <v>6895</v>
      </c>
      <c r="ED39" s="113">
        <v>0</v>
      </c>
      <c r="EE39" s="115">
        <v>0</v>
      </c>
      <c r="EF39" s="116">
        <v>0</v>
      </c>
      <c r="EG39" s="113">
        <v>0</v>
      </c>
      <c r="EH39" s="117">
        <v>0</v>
      </c>
      <c r="EI39" s="117">
        <v>0</v>
      </c>
      <c r="EJ39" s="117">
        <v>0</v>
      </c>
      <c r="EK39" s="117">
        <v>0</v>
      </c>
      <c r="EL39" s="117">
        <v>0</v>
      </c>
      <c r="EM39" s="115">
        <v>0</v>
      </c>
      <c r="EN39" s="119">
        <v>0</v>
      </c>
      <c r="EO39" s="113">
        <v>0</v>
      </c>
      <c r="EP39" s="117">
        <v>0</v>
      </c>
      <c r="EQ39" s="115">
        <v>0</v>
      </c>
      <c r="ER39" s="114">
        <v>0</v>
      </c>
      <c r="ES39" s="117">
        <v>0</v>
      </c>
      <c r="ET39" s="117">
        <v>0</v>
      </c>
      <c r="EU39" s="117">
        <v>0</v>
      </c>
      <c r="EV39" s="117">
        <v>0</v>
      </c>
      <c r="EW39" s="117">
        <v>0</v>
      </c>
      <c r="EX39" s="116">
        <v>0</v>
      </c>
      <c r="EY39" s="119">
        <v>0</v>
      </c>
      <c r="EZ39" s="113">
        <v>0</v>
      </c>
      <c r="FA39" s="117">
        <v>0</v>
      </c>
      <c r="FB39" s="115">
        <v>0</v>
      </c>
      <c r="FC39" s="395"/>
      <c r="FD39" s="117">
        <v>0</v>
      </c>
      <c r="FE39" s="117">
        <v>0</v>
      </c>
      <c r="FF39" s="117">
        <v>0</v>
      </c>
      <c r="FG39" s="117">
        <v>0</v>
      </c>
      <c r="FH39" s="117">
        <v>0</v>
      </c>
      <c r="FI39" s="116">
        <v>0</v>
      </c>
      <c r="FJ39" s="119">
        <v>0</v>
      </c>
      <c r="FK39" s="113">
        <v>0</v>
      </c>
      <c r="FL39" s="117">
        <v>7350</v>
      </c>
      <c r="FM39" s="116">
        <v>7350</v>
      </c>
      <c r="FN39" s="113">
        <v>0</v>
      </c>
      <c r="FO39" s="117">
        <v>4900</v>
      </c>
      <c r="FP39" s="117">
        <v>0</v>
      </c>
      <c r="FQ39" s="117">
        <v>28896</v>
      </c>
      <c r="FR39" s="117">
        <v>0</v>
      </c>
      <c r="FS39" s="117">
        <v>0</v>
      </c>
      <c r="FT39" s="116">
        <v>33796</v>
      </c>
      <c r="FU39" s="119">
        <v>41146</v>
      </c>
      <c r="FV39" s="118">
        <v>0</v>
      </c>
      <c r="FW39" s="117">
        <v>7350</v>
      </c>
      <c r="FX39" s="115">
        <v>7350</v>
      </c>
      <c r="FY39" s="114">
        <v>0</v>
      </c>
      <c r="FZ39" s="117">
        <v>4900</v>
      </c>
      <c r="GA39" s="117">
        <v>0</v>
      </c>
      <c r="GB39" s="117">
        <v>28896</v>
      </c>
      <c r="GC39" s="117">
        <v>0</v>
      </c>
      <c r="GD39" s="117">
        <v>0</v>
      </c>
      <c r="GE39" s="116">
        <v>33796</v>
      </c>
      <c r="GF39" s="357">
        <v>41146</v>
      </c>
      <c r="GG39" s="118">
        <v>0</v>
      </c>
      <c r="GH39" s="117">
        <v>0</v>
      </c>
      <c r="GI39" s="115">
        <v>0</v>
      </c>
      <c r="GJ39" s="114">
        <v>0</v>
      </c>
      <c r="GK39" s="117">
        <v>0</v>
      </c>
      <c r="GL39" s="117">
        <v>0</v>
      </c>
      <c r="GM39" s="117">
        <v>0</v>
      </c>
      <c r="GN39" s="117">
        <v>0</v>
      </c>
      <c r="GO39" s="117">
        <v>0</v>
      </c>
      <c r="GP39" s="116">
        <v>0</v>
      </c>
      <c r="GQ39" s="119">
        <v>0</v>
      </c>
      <c r="GR39" s="113">
        <v>0</v>
      </c>
      <c r="GS39" s="117">
        <v>0</v>
      </c>
      <c r="GT39" s="116">
        <v>0</v>
      </c>
      <c r="GU39" s="113">
        <v>0</v>
      </c>
      <c r="GV39" s="117">
        <v>0</v>
      </c>
      <c r="GW39" s="117">
        <v>0</v>
      </c>
      <c r="GX39" s="117">
        <v>0</v>
      </c>
      <c r="GY39" s="117">
        <v>0</v>
      </c>
      <c r="GZ39" s="117">
        <v>0</v>
      </c>
      <c r="HA39" s="115">
        <v>0</v>
      </c>
      <c r="HB39" s="119">
        <v>0</v>
      </c>
      <c r="HC39" s="113">
        <v>0</v>
      </c>
      <c r="HD39" s="117">
        <v>0</v>
      </c>
      <c r="HE39" s="115">
        <v>0</v>
      </c>
      <c r="HF39" s="114">
        <v>0</v>
      </c>
      <c r="HG39" s="117">
        <v>0</v>
      </c>
      <c r="HH39" s="117">
        <v>146909</v>
      </c>
      <c r="HI39" s="117">
        <v>58156</v>
      </c>
      <c r="HJ39" s="117">
        <v>0</v>
      </c>
      <c r="HK39" s="117">
        <v>0</v>
      </c>
      <c r="HL39" s="116">
        <v>205065</v>
      </c>
      <c r="HM39" s="112">
        <v>205065</v>
      </c>
      <c r="HN39" s="373"/>
      <c r="HO39" s="374"/>
      <c r="HP39" s="375"/>
      <c r="HQ39" s="376"/>
      <c r="HR39" s="374"/>
      <c r="HS39" s="374"/>
      <c r="HT39" s="374"/>
      <c r="HU39" s="374"/>
      <c r="HV39" s="374"/>
      <c r="HW39" s="377"/>
      <c r="HX39" s="378"/>
      <c r="HY39" s="148">
        <v>0</v>
      </c>
      <c r="HZ39" s="149">
        <v>0</v>
      </c>
      <c r="IA39" s="150">
        <v>0</v>
      </c>
      <c r="IB39" s="162">
        <v>0</v>
      </c>
      <c r="IC39" s="149">
        <v>96873</v>
      </c>
      <c r="ID39" s="163">
        <v>0</v>
      </c>
      <c r="IE39" s="150">
        <v>190078</v>
      </c>
      <c r="IF39" s="149">
        <v>94108</v>
      </c>
      <c r="IG39" s="150">
        <v>0</v>
      </c>
      <c r="IH39" s="164">
        <v>381059</v>
      </c>
      <c r="II39" s="156">
        <v>381059</v>
      </c>
      <c r="IJ39" s="259">
        <v>0</v>
      </c>
      <c r="IK39" s="266">
        <v>0</v>
      </c>
      <c r="IL39" s="267">
        <v>0</v>
      </c>
      <c r="IM39" s="157"/>
      <c r="IN39" s="123">
        <v>0</v>
      </c>
      <c r="IO39" s="123">
        <v>0</v>
      </c>
      <c r="IP39" s="123">
        <v>0</v>
      </c>
      <c r="IQ39" s="123">
        <v>0</v>
      </c>
      <c r="IR39" s="123">
        <v>0</v>
      </c>
      <c r="IS39" s="158">
        <v>0</v>
      </c>
      <c r="IT39" s="360">
        <v>0</v>
      </c>
      <c r="IU39" s="159">
        <v>0</v>
      </c>
      <c r="IV39" s="123">
        <v>0</v>
      </c>
      <c r="IW39" s="124">
        <v>0</v>
      </c>
      <c r="IX39" s="161"/>
      <c r="IY39" s="123">
        <v>0</v>
      </c>
      <c r="IZ39" s="123">
        <v>0</v>
      </c>
      <c r="JA39" s="123">
        <v>0</v>
      </c>
      <c r="JB39" s="123">
        <v>0</v>
      </c>
      <c r="JC39" s="123">
        <v>0</v>
      </c>
      <c r="JD39" s="124">
        <v>0</v>
      </c>
      <c r="JE39" s="125">
        <v>0</v>
      </c>
      <c r="JF39" s="159">
        <v>0</v>
      </c>
      <c r="JG39" s="123">
        <v>0</v>
      </c>
      <c r="JH39" s="158">
        <v>0</v>
      </c>
      <c r="JI39" s="122">
        <v>0</v>
      </c>
      <c r="JJ39" s="123">
        <v>0</v>
      </c>
      <c r="JK39" s="123">
        <v>0</v>
      </c>
      <c r="JL39" s="123">
        <v>0</v>
      </c>
      <c r="JM39" s="123">
        <v>0</v>
      </c>
      <c r="JN39" s="123">
        <v>0</v>
      </c>
      <c r="JO39" s="124">
        <v>0</v>
      </c>
      <c r="JP39" s="360">
        <v>0</v>
      </c>
      <c r="JQ39" s="159">
        <v>0</v>
      </c>
      <c r="JR39" s="123">
        <v>0</v>
      </c>
      <c r="JS39" s="158">
        <v>0</v>
      </c>
      <c r="JT39" s="122">
        <v>0</v>
      </c>
      <c r="JU39" s="123">
        <v>0</v>
      </c>
      <c r="JV39" s="123">
        <v>0</v>
      </c>
      <c r="JW39" s="123">
        <v>0</v>
      </c>
      <c r="JX39" s="123">
        <v>0</v>
      </c>
      <c r="JY39" s="123">
        <v>0</v>
      </c>
      <c r="JZ39" s="124">
        <v>0</v>
      </c>
      <c r="KA39" s="360">
        <v>0</v>
      </c>
      <c r="KB39" s="262">
        <v>0</v>
      </c>
      <c r="KC39" s="256">
        <v>0</v>
      </c>
      <c r="KD39" s="124">
        <v>0</v>
      </c>
      <c r="KE39" s="122">
        <v>0</v>
      </c>
      <c r="KF39" s="123">
        <v>96873</v>
      </c>
      <c r="KG39" s="123">
        <v>0</v>
      </c>
      <c r="KH39" s="123">
        <v>0</v>
      </c>
      <c r="KI39" s="123">
        <v>94108</v>
      </c>
      <c r="KJ39" s="123">
        <v>0</v>
      </c>
      <c r="KK39" s="124">
        <v>190981</v>
      </c>
      <c r="KL39" s="160">
        <v>190981</v>
      </c>
      <c r="KM39" s="259">
        <v>0</v>
      </c>
      <c r="KN39" s="266">
        <v>0</v>
      </c>
      <c r="KO39" s="267">
        <v>0</v>
      </c>
      <c r="KP39" s="395"/>
      <c r="KQ39" s="123">
        <v>0</v>
      </c>
      <c r="KR39" s="123">
        <v>0</v>
      </c>
      <c r="KS39" s="123">
        <v>0</v>
      </c>
      <c r="KT39" s="123">
        <v>0</v>
      </c>
      <c r="KU39" s="123">
        <v>0</v>
      </c>
      <c r="KV39" s="124">
        <v>0</v>
      </c>
      <c r="KW39" s="360">
        <v>0</v>
      </c>
      <c r="KX39" s="159">
        <v>0</v>
      </c>
      <c r="KY39" s="123">
        <v>0</v>
      </c>
      <c r="KZ39" s="124">
        <v>0</v>
      </c>
      <c r="LA39" s="395"/>
      <c r="LB39" s="123">
        <v>0</v>
      </c>
      <c r="LC39" s="123">
        <v>0</v>
      </c>
      <c r="LD39" s="123">
        <v>0</v>
      </c>
      <c r="LE39" s="123">
        <v>0</v>
      </c>
      <c r="LF39" s="123">
        <v>0</v>
      </c>
      <c r="LG39" s="124">
        <v>0</v>
      </c>
      <c r="LH39" s="125">
        <v>0</v>
      </c>
      <c r="LI39" s="159">
        <v>0</v>
      </c>
      <c r="LJ39" s="123">
        <v>0</v>
      </c>
      <c r="LK39" s="124">
        <v>0</v>
      </c>
      <c r="LL39" s="395"/>
      <c r="LM39" s="123">
        <v>0</v>
      </c>
      <c r="LN39" s="123">
        <v>0</v>
      </c>
      <c r="LO39" s="123">
        <v>0</v>
      </c>
      <c r="LP39" s="123">
        <v>0</v>
      </c>
      <c r="LQ39" s="123">
        <v>0</v>
      </c>
      <c r="LR39" s="124">
        <v>0</v>
      </c>
      <c r="LS39" s="360">
        <v>0</v>
      </c>
      <c r="LT39" s="159">
        <v>0</v>
      </c>
      <c r="LU39" s="123">
        <v>0</v>
      </c>
      <c r="LV39" s="124">
        <v>0</v>
      </c>
      <c r="LW39" s="395"/>
      <c r="LX39" s="123">
        <v>0</v>
      </c>
      <c r="LY39" s="123">
        <v>0</v>
      </c>
      <c r="LZ39" s="123">
        <v>190078</v>
      </c>
      <c r="MA39" s="123">
        <v>0</v>
      </c>
      <c r="MB39" s="123">
        <v>0</v>
      </c>
      <c r="MC39" s="124">
        <v>190078</v>
      </c>
      <c r="MD39" s="125">
        <v>190078</v>
      </c>
      <c r="ME39" s="159">
        <v>0</v>
      </c>
      <c r="MF39" s="123">
        <v>0</v>
      </c>
      <c r="MG39" s="124">
        <v>0</v>
      </c>
      <c r="MH39" s="395"/>
      <c r="MI39" s="123">
        <v>0</v>
      </c>
      <c r="MJ39" s="123">
        <v>0</v>
      </c>
      <c r="MK39" s="123">
        <v>470858</v>
      </c>
      <c r="ML39" s="123">
        <v>0</v>
      </c>
      <c r="MM39" s="123">
        <v>0</v>
      </c>
      <c r="MN39" s="124">
        <v>470858</v>
      </c>
      <c r="MO39" s="160">
        <v>470858</v>
      </c>
      <c r="MP39" s="159">
        <v>0</v>
      </c>
      <c r="MQ39" s="123">
        <v>0</v>
      </c>
      <c r="MR39" s="124">
        <v>0</v>
      </c>
      <c r="MS39" s="395"/>
      <c r="MT39" s="123">
        <v>0</v>
      </c>
      <c r="MU39" s="123">
        <v>0</v>
      </c>
      <c r="MV39" s="123">
        <v>0</v>
      </c>
      <c r="MW39" s="123">
        <v>0</v>
      </c>
      <c r="MX39" s="123">
        <v>0</v>
      </c>
      <c r="MY39" s="124">
        <v>0</v>
      </c>
      <c r="MZ39" s="160">
        <v>0</v>
      </c>
      <c r="NA39" s="159">
        <v>0</v>
      </c>
      <c r="NB39" s="123">
        <v>0</v>
      </c>
      <c r="NC39" s="124">
        <v>0</v>
      </c>
      <c r="ND39" s="395"/>
      <c r="NE39" s="123">
        <v>0</v>
      </c>
      <c r="NF39" s="123">
        <v>0</v>
      </c>
      <c r="NG39" s="123">
        <v>470858</v>
      </c>
      <c r="NH39" s="123">
        <v>0</v>
      </c>
      <c r="NI39" s="123">
        <v>0</v>
      </c>
      <c r="NJ39" s="124">
        <v>470858</v>
      </c>
      <c r="NK39" s="360">
        <v>470858</v>
      </c>
      <c r="NL39" s="159">
        <v>0</v>
      </c>
      <c r="NM39" s="123">
        <v>0</v>
      </c>
      <c r="NN39" s="124">
        <v>0</v>
      </c>
      <c r="NO39" s="395"/>
      <c r="NP39" s="123">
        <v>0</v>
      </c>
      <c r="NQ39" s="123">
        <v>0</v>
      </c>
      <c r="NR39" s="123">
        <v>0</v>
      </c>
      <c r="NS39" s="123">
        <v>0</v>
      </c>
      <c r="NT39" s="123">
        <v>0</v>
      </c>
      <c r="NU39" s="124">
        <v>0</v>
      </c>
      <c r="NV39" s="125">
        <v>0</v>
      </c>
      <c r="NW39" s="159">
        <v>0</v>
      </c>
      <c r="NX39" s="123">
        <v>0</v>
      </c>
      <c r="NY39" s="124">
        <v>0</v>
      </c>
      <c r="NZ39" s="395"/>
      <c r="OA39" s="123">
        <v>0</v>
      </c>
      <c r="OB39" s="123">
        <v>0</v>
      </c>
      <c r="OC39" s="123">
        <v>0</v>
      </c>
      <c r="OD39" s="123">
        <v>0</v>
      </c>
      <c r="OE39" s="123">
        <v>0</v>
      </c>
      <c r="OF39" s="124">
        <v>0</v>
      </c>
      <c r="OG39" s="125">
        <v>0</v>
      </c>
      <c r="OH39" s="159">
        <v>0</v>
      </c>
      <c r="OI39" s="123">
        <v>7350</v>
      </c>
      <c r="OJ39" s="158">
        <v>7350</v>
      </c>
      <c r="OK39" s="122">
        <v>0</v>
      </c>
      <c r="OL39" s="123">
        <v>197092</v>
      </c>
      <c r="OM39" s="123">
        <v>212310</v>
      </c>
      <c r="ON39" s="123">
        <v>944562</v>
      </c>
      <c r="OO39" s="123">
        <v>582092</v>
      </c>
      <c r="OP39" s="123">
        <v>0</v>
      </c>
      <c r="OQ39" s="124">
        <v>1936056</v>
      </c>
      <c r="OR39" s="160">
        <v>1943406</v>
      </c>
    </row>
    <row r="40" spans="1:408" ht="20.25" customHeight="1" x14ac:dyDescent="0.2">
      <c r="A40" s="130" t="s">
        <v>35</v>
      </c>
      <c r="B40" s="113">
        <v>187819</v>
      </c>
      <c r="C40" s="117">
        <v>228384</v>
      </c>
      <c r="D40" s="116">
        <v>416203</v>
      </c>
      <c r="E40" s="112">
        <v>0</v>
      </c>
      <c r="F40" s="117">
        <v>678858</v>
      </c>
      <c r="G40" s="117">
        <v>703236</v>
      </c>
      <c r="H40" s="117">
        <v>949386</v>
      </c>
      <c r="I40" s="117">
        <v>1244490</v>
      </c>
      <c r="J40" s="117">
        <v>80822</v>
      </c>
      <c r="K40" s="198">
        <v>3656792</v>
      </c>
      <c r="L40" s="119">
        <v>4072995</v>
      </c>
      <c r="M40" s="113">
        <v>45815</v>
      </c>
      <c r="N40" s="117">
        <v>30037</v>
      </c>
      <c r="O40" s="116">
        <v>75852</v>
      </c>
      <c r="P40" s="113">
        <v>0</v>
      </c>
      <c r="Q40" s="117">
        <v>290072</v>
      </c>
      <c r="R40" s="117">
        <v>237673</v>
      </c>
      <c r="S40" s="117">
        <v>301588</v>
      </c>
      <c r="T40" s="117">
        <v>517106</v>
      </c>
      <c r="U40" s="117">
        <v>0</v>
      </c>
      <c r="V40" s="116">
        <v>1346439</v>
      </c>
      <c r="W40" s="119">
        <v>1422291</v>
      </c>
      <c r="X40" s="113">
        <v>0</v>
      </c>
      <c r="Y40" s="117">
        <v>0</v>
      </c>
      <c r="Z40" s="116">
        <v>0</v>
      </c>
      <c r="AA40" s="113">
        <v>0</v>
      </c>
      <c r="AB40" s="117">
        <v>263360</v>
      </c>
      <c r="AC40" s="117">
        <v>123375</v>
      </c>
      <c r="AD40" s="117">
        <v>221095</v>
      </c>
      <c r="AE40" s="117">
        <v>368258</v>
      </c>
      <c r="AF40" s="117">
        <v>0</v>
      </c>
      <c r="AG40" s="116">
        <v>976088</v>
      </c>
      <c r="AH40" s="119">
        <v>976088</v>
      </c>
      <c r="AI40" s="113">
        <v>0</v>
      </c>
      <c r="AJ40" s="117">
        <v>0</v>
      </c>
      <c r="AK40" s="116">
        <v>0</v>
      </c>
      <c r="AL40" s="113">
        <v>0</v>
      </c>
      <c r="AM40" s="117">
        <v>0</v>
      </c>
      <c r="AN40" s="117">
        <v>0</v>
      </c>
      <c r="AO40" s="117">
        <v>0</v>
      </c>
      <c r="AP40" s="117">
        <v>0</v>
      </c>
      <c r="AQ40" s="117">
        <v>0</v>
      </c>
      <c r="AR40" s="116">
        <v>0</v>
      </c>
      <c r="AS40" s="119">
        <v>0</v>
      </c>
      <c r="AT40" s="113">
        <v>0</v>
      </c>
      <c r="AU40" s="117">
        <v>0</v>
      </c>
      <c r="AV40" s="116">
        <v>0</v>
      </c>
      <c r="AW40" s="113">
        <v>0</v>
      </c>
      <c r="AX40" s="117">
        <v>0</v>
      </c>
      <c r="AY40" s="117">
        <v>88545</v>
      </c>
      <c r="AZ40" s="117">
        <v>48097</v>
      </c>
      <c r="BA40" s="117">
        <v>89432</v>
      </c>
      <c r="BB40" s="117">
        <v>0</v>
      </c>
      <c r="BC40" s="116">
        <v>226074</v>
      </c>
      <c r="BD40" s="119">
        <v>226074</v>
      </c>
      <c r="BE40" s="113">
        <v>0</v>
      </c>
      <c r="BF40" s="117">
        <v>0</v>
      </c>
      <c r="BG40" s="115">
        <v>0</v>
      </c>
      <c r="BH40" s="114">
        <v>0</v>
      </c>
      <c r="BI40" s="117">
        <v>0</v>
      </c>
      <c r="BJ40" s="117">
        <v>17528</v>
      </c>
      <c r="BK40" s="117">
        <v>17528</v>
      </c>
      <c r="BL40" s="117">
        <v>0</v>
      </c>
      <c r="BM40" s="117">
        <v>0</v>
      </c>
      <c r="BN40" s="116">
        <v>35056</v>
      </c>
      <c r="BO40" s="119">
        <v>35056</v>
      </c>
      <c r="BP40" s="113">
        <v>45815</v>
      </c>
      <c r="BQ40" s="117">
        <v>30037</v>
      </c>
      <c r="BR40" s="116">
        <v>75852</v>
      </c>
      <c r="BS40" s="113">
        <v>0</v>
      </c>
      <c r="BT40" s="117">
        <v>26712</v>
      </c>
      <c r="BU40" s="117">
        <v>8225</v>
      </c>
      <c r="BV40" s="117">
        <v>14868</v>
      </c>
      <c r="BW40" s="117">
        <v>59416</v>
      </c>
      <c r="BX40" s="117">
        <v>0</v>
      </c>
      <c r="BY40" s="116">
        <v>109221</v>
      </c>
      <c r="BZ40" s="119">
        <v>185073</v>
      </c>
      <c r="CA40" s="113">
        <v>0</v>
      </c>
      <c r="CB40" s="117">
        <v>31822</v>
      </c>
      <c r="CC40" s="116">
        <v>31822</v>
      </c>
      <c r="CD40" s="113">
        <v>0</v>
      </c>
      <c r="CE40" s="117">
        <v>108816</v>
      </c>
      <c r="CF40" s="117">
        <v>354284</v>
      </c>
      <c r="CG40" s="117">
        <v>80395</v>
      </c>
      <c r="CH40" s="117">
        <v>123235</v>
      </c>
      <c r="CI40" s="117">
        <v>61922</v>
      </c>
      <c r="CJ40" s="116">
        <v>728652</v>
      </c>
      <c r="CK40" s="119">
        <v>760474</v>
      </c>
      <c r="CL40" s="113">
        <v>0</v>
      </c>
      <c r="CM40" s="117">
        <v>0</v>
      </c>
      <c r="CN40" s="116">
        <v>0</v>
      </c>
      <c r="CO40" s="114">
        <v>0</v>
      </c>
      <c r="CP40" s="117">
        <v>103104</v>
      </c>
      <c r="CQ40" s="117">
        <v>294805</v>
      </c>
      <c r="CR40" s="117">
        <v>80395</v>
      </c>
      <c r="CS40" s="117">
        <v>52134</v>
      </c>
      <c r="CT40" s="117">
        <v>0</v>
      </c>
      <c r="CU40" s="116">
        <v>530438</v>
      </c>
      <c r="CV40" s="119">
        <v>530438</v>
      </c>
      <c r="CW40" s="113">
        <v>0</v>
      </c>
      <c r="CX40" s="117">
        <v>31822</v>
      </c>
      <c r="CY40" s="116">
        <v>31822</v>
      </c>
      <c r="CZ40" s="113">
        <v>0</v>
      </c>
      <c r="DA40" s="117">
        <v>5712</v>
      </c>
      <c r="DB40" s="117">
        <v>59479</v>
      </c>
      <c r="DC40" s="117">
        <v>0</v>
      </c>
      <c r="DD40" s="117">
        <v>71101</v>
      </c>
      <c r="DE40" s="117">
        <v>61922</v>
      </c>
      <c r="DF40" s="116">
        <v>198214</v>
      </c>
      <c r="DG40" s="119">
        <v>230036</v>
      </c>
      <c r="DH40" s="113">
        <v>0</v>
      </c>
      <c r="DI40" s="117">
        <v>0</v>
      </c>
      <c r="DJ40" s="115">
        <v>0</v>
      </c>
      <c r="DK40" s="114">
        <v>0</v>
      </c>
      <c r="DL40" s="117">
        <v>0</v>
      </c>
      <c r="DM40" s="117">
        <v>12621</v>
      </c>
      <c r="DN40" s="117">
        <v>0</v>
      </c>
      <c r="DO40" s="117">
        <v>0</v>
      </c>
      <c r="DP40" s="117">
        <v>0</v>
      </c>
      <c r="DQ40" s="116">
        <v>12621</v>
      </c>
      <c r="DR40" s="119">
        <v>12621</v>
      </c>
      <c r="DS40" s="113">
        <v>0</v>
      </c>
      <c r="DT40" s="117">
        <v>0</v>
      </c>
      <c r="DU40" s="116">
        <v>0</v>
      </c>
      <c r="DV40" s="113">
        <v>0</v>
      </c>
      <c r="DW40" s="117">
        <v>0</v>
      </c>
      <c r="DX40" s="117">
        <v>12621</v>
      </c>
      <c r="DY40" s="117">
        <v>0</v>
      </c>
      <c r="DZ40" s="117">
        <v>0</v>
      </c>
      <c r="EA40" s="117">
        <v>0</v>
      </c>
      <c r="EB40" s="116">
        <v>12621</v>
      </c>
      <c r="EC40" s="119">
        <v>12621</v>
      </c>
      <c r="ED40" s="113">
        <v>0</v>
      </c>
      <c r="EE40" s="115">
        <v>0</v>
      </c>
      <c r="EF40" s="116">
        <v>0</v>
      </c>
      <c r="EG40" s="113">
        <v>0</v>
      </c>
      <c r="EH40" s="117">
        <v>0</v>
      </c>
      <c r="EI40" s="117">
        <v>0</v>
      </c>
      <c r="EJ40" s="117">
        <v>0</v>
      </c>
      <c r="EK40" s="117">
        <v>0</v>
      </c>
      <c r="EL40" s="117">
        <v>0</v>
      </c>
      <c r="EM40" s="115">
        <v>0</v>
      </c>
      <c r="EN40" s="119">
        <v>0</v>
      </c>
      <c r="EO40" s="113">
        <v>0</v>
      </c>
      <c r="EP40" s="117">
        <v>0</v>
      </c>
      <c r="EQ40" s="115">
        <v>0</v>
      </c>
      <c r="ER40" s="114">
        <v>0</v>
      </c>
      <c r="ES40" s="117">
        <v>0</v>
      </c>
      <c r="ET40" s="117">
        <v>0</v>
      </c>
      <c r="EU40" s="117">
        <v>0</v>
      </c>
      <c r="EV40" s="117">
        <v>0</v>
      </c>
      <c r="EW40" s="117">
        <v>0</v>
      </c>
      <c r="EX40" s="116">
        <v>0</v>
      </c>
      <c r="EY40" s="119">
        <v>0</v>
      </c>
      <c r="EZ40" s="113">
        <v>0</v>
      </c>
      <c r="FA40" s="117">
        <v>0</v>
      </c>
      <c r="FB40" s="115">
        <v>0</v>
      </c>
      <c r="FC40" s="395"/>
      <c r="FD40" s="117">
        <v>0</v>
      </c>
      <c r="FE40" s="117">
        <v>0</v>
      </c>
      <c r="FF40" s="117">
        <v>0</v>
      </c>
      <c r="FG40" s="117">
        <v>0</v>
      </c>
      <c r="FH40" s="117">
        <v>0</v>
      </c>
      <c r="FI40" s="116">
        <v>0</v>
      </c>
      <c r="FJ40" s="119">
        <v>0</v>
      </c>
      <c r="FK40" s="113">
        <v>4550</v>
      </c>
      <c r="FL40" s="117">
        <v>1400</v>
      </c>
      <c r="FM40" s="116">
        <v>5950</v>
      </c>
      <c r="FN40" s="113">
        <v>0</v>
      </c>
      <c r="FO40" s="117">
        <v>8106</v>
      </c>
      <c r="FP40" s="117">
        <v>98658</v>
      </c>
      <c r="FQ40" s="117">
        <v>226660</v>
      </c>
      <c r="FR40" s="117">
        <v>59710</v>
      </c>
      <c r="FS40" s="117">
        <v>18900</v>
      </c>
      <c r="FT40" s="116">
        <v>412034</v>
      </c>
      <c r="FU40" s="119">
        <v>417984</v>
      </c>
      <c r="FV40" s="118">
        <v>4550</v>
      </c>
      <c r="FW40" s="117">
        <v>1400</v>
      </c>
      <c r="FX40" s="115">
        <v>5950</v>
      </c>
      <c r="FY40" s="114">
        <v>0</v>
      </c>
      <c r="FZ40" s="117">
        <v>8106</v>
      </c>
      <c r="GA40" s="117">
        <v>98658</v>
      </c>
      <c r="GB40" s="117">
        <v>156660</v>
      </c>
      <c r="GC40" s="117">
        <v>59710</v>
      </c>
      <c r="GD40" s="117">
        <v>18900</v>
      </c>
      <c r="GE40" s="116">
        <v>342034</v>
      </c>
      <c r="GF40" s="357">
        <v>347984</v>
      </c>
      <c r="GG40" s="118">
        <v>0</v>
      </c>
      <c r="GH40" s="117">
        <v>0</v>
      </c>
      <c r="GI40" s="115">
        <v>0</v>
      </c>
      <c r="GJ40" s="114">
        <v>0</v>
      </c>
      <c r="GK40" s="117">
        <v>0</v>
      </c>
      <c r="GL40" s="117">
        <v>0</v>
      </c>
      <c r="GM40" s="117">
        <v>70000</v>
      </c>
      <c r="GN40" s="117">
        <v>0</v>
      </c>
      <c r="GO40" s="117">
        <v>0</v>
      </c>
      <c r="GP40" s="116">
        <v>70000</v>
      </c>
      <c r="GQ40" s="119">
        <v>70000</v>
      </c>
      <c r="GR40" s="113">
        <v>0</v>
      </c>
      <c r="GS40" s="117">
        <v>0</v>
      </c>
      <c r="GT40" s="116">
        <v>0</v>
      </c>
      <c r="GU40" s="113">
        <v>0</v>
      </c>
      <c r="GV40" s="117">
        <v>0</v>
      </c>
      <c r="GW40" s="117">
        <v>0</v>
      </c>
      <c r="GX40" s="117">
        <v>0</v>
      </c>
      <c r="GY40" s="117">
        <v>0</v>
      </c>
      <c r="GZ40" s="117">
        <v>0</v>
      </c>
      <c r="HA40" s="115">
        <v>0</v>
      </c>
      <c r="HB40" s="119">
        <v>0</v>
      </c>
      <c r="HC40" s="113">
        <v>137454</v>
      </c>
      <c r="HD40" s="117">
        <v>165125</v>
      </c>
      <c r="HE40" s="115">
        <v>302579</v>
      </c>
      <c r="HF40" s="114">
        <v>0</v>
      </c>
      <c r="HG40" s="117">
        <v>271864</v>
      </c>
      <c r="HH40" s="117">
        <v>0</v>
      </c>
      <c r="HI40" s="117">
        <v>340743</v>
      </c>
      <c r="HJ40" s="117">
        <v>544439</v>
      </c>
      <c r="HK40" s="117">
        <v>0</v>
      </c>
      <c r="HL40" s="116">
        <v>1157046</v>
      </c>
      <c r="HM40" s="112">
        <v>1459625</v>
      </c>
      <c r="HN40" s="373"/>
      <c r="HO40" s="374"/>
      <c r="HP40" s="375"/>
      <c r="HQ40" s="376"/>
      <c r="HR40" s="374"/>
      <c r="HS40" s="374"/>
      <c r="HT40" s="374"/>
      <c r="HU40" s="374"/>
      <c r="HV40" s="374"/>
      <c r="HW40" s="377"/>
      <c r="HX40" s="378"/>
      <c r="HY40" s="166">
        <v>0</v>
      </c>
      <c r="HZ40" s="152">
        <v>0</v>
      </c>
      <c r="IA40" s="166">
        <v>0</v>
      </c>
      <c r="IB40" s="162">
        <v>0</v>
      </c>
      <c r="IC40" s="149">
        <v>89812</v>
      </c>
      <c r="ID40" s="163">
        <v>0</v>
      </c>
      <c r="IE40" s="150">
        <v>254023</v>
      </c>
      <c r="IF40" s="149">
        <v>0</v>
      </c>
      <c r="IG40" s="150">
        <v>0</v>
      </c>
      <c r="IH40" s="164">
        <v>343835</v>
      </c>
      <c r="II40" s="166">
        <v>343835</v>
      </c>
      <c r="IJ40" s="259">
        <v>0</v>
      </c>
      <c r="IK40" s="266">
        <v>0</v>
      </c>
      <c r="IL40" s="267">
        <v>0</v>
      </c>
      <c r="IM40" s="157"/>
      <c r="IN40" s="123">
        <v>0</v>
      </c>
      <c r="IO40" s="123">
        <v>0</v>
      </c>
      <c r="IP40" s="123">
        <v>0</v>
      </c>
      <c r="IQ40" s="123">
        <v>0</v>
      </c>
      <c r="IR40" s="123">
        <v>0</v>
      </c>
      <c r="IS40" s="158">
        <v>0</v>
      </c>
      <c r="IT40" s="360">
        <v>0</v>
      </c>
      <c r="IU40" s="159">
        <v>0</v>
      </c>
      <c r="IV40" s="123">
        <v>0</v>
      </c>
      <c r="IW40" s="124">
        <v>0</v>
      </c>
      <c r="IX40" s="161"/>
      <c r="IY40" s="123">
        <v>0</v>
      </c>
      <c r="IZ40" s="123">
        <v>0</v>
      </c>
      <c r="JA40" s="123">
        <v>0</v>
      </c>
      <c r="JB40" s="123">
        <v>0</v>
      </c>
      <c r="JC40" s="123">
        <v>0</v>
      </c>
      <c r="JD40" s="124">
        <v>0</v>
      </c>
      <c r="JE40" s="125">
        <v>0</v>
      </c>
      <c r="JF40" s="159">
        <v>0</v>
      </c>
      <c r="JG40" s="123">
        <v>0</v>
      </c>
      <c r="JH40" s="158">
        <v>0</v>
      </c>
      <c r="JI40" s="122">
        <v>0</v>
      </c>
      <c r="JJ40" s="123">
        <v>89812</v>
      </c>
      <c r="JK40" s="123">
        <v>0</v>
      </c>
      <c r="JL40" s="123">
        <v>0</v>
      </c>
      <c r="JM40" s="123">
        <v>0</v>
      </c>
      <c r="JN40" s="123">
        <v>0</v>
      </c>
      <c r="JO40" s="124">
        <v>89812</v>
      </c>
      <c r="JP40" s="360">
        <v>89812</v>
      </c>
      <c r="JQ40" s="159">
        <v>0</v>
      </c>
      <c r="JR40" s="123">
        <v>0</v>
      </c>
      <c r="JS40" s="158">
        <v>0</v>
      </c>
      <c r="JT40" s="122">
        <v>0</v>
      </c>
      <c r="JU40" s="123">
        <v>0</v>
      </c>
      <c r="JV40" s="123">
        <v>0</v>
      </c>
      <c r="JW40" s="123">
        <v>0</v>
      </c>
      <c r="JX40" s="123">
        <v>0</v>
      </c>
      <c r="JY40" s="123">
        <v>0</v>
      </c>
      <c r="JZ40" s="124">
        <v>0</v>
      </c>
      <c r="KA40" s="360">
        <v>0</v>
      </c>
      <c r="KB40" s="262">
        <v>0</v>
      </c>
      <c r="KC40" s="256">
        <v>0</v>
      </c>
      <c r="KD40" s="124">
        <v>0</v>
      </c>
      <c r="KE40" s="122">
        <v>0</v>
      </c>
      <c r="KF40" s="123">
        <v>0</v>
      </c>
      <c r="KG40" s="123">
        <v>0</v>
      </c>
      <c r="KH40" s="123">
        <v>44541</v>
      </c>
      <c r="KI40" s="123">
        <v>0</v>
      </c>
      <c r="KJ40" s="123">
        <v>0</v>
      </c>
      <c r="KK40" s="124">
        <v>44541</v>
      </c>
      <c r="KL40" s="160">
        <v>44541</v>
      </c>
      <c r="KM40" s="259">
        <v>0</v>
      </c>
      <c r="KN40" s="266">
        <v>0</v>
      </c>
      <c r="KO40" s="267">
        <v>0</v>
      </c>
      <c r="KP40" s="395"/>
      <c r="KQ40" s="123">
        <v>0</v>
      </c>
      <c r="KR40" s="123">
        <v>0</v>
      </c>
      <c r="KS40" s="123">
        <v>209482</v>
      </c>
      <c r="KT40" s="123">
        <v>0</v>
      </c>
      <c r="KU40" s="123">
        <v>0</v>
      </c>
      <c r="KV40" s="124">
        <v>209482</v>
      </c>
      <c r="KW40" s="360">
        <v>209482</v>
      </c>
      <c r="KX40" s="159">
        <v>0</v>
      </c>
      <c r="KY40" s="123">
        <v>0</v>
      </c>
      <c r="KZ40" s="124">
        <v>0</v>
      </c>
      <c r="LA40" s="395"/>
      <c r="LB40" s="123">
        <v>0</v>
      </c>
      <c r="LC40" s="123">
        <v>0</v>
      </c>
      <c r="LD40" s="123">
        <v>0</v>
      </c>
      <c r="LE40" s="123">
        <v>0</v>
      </c>
      <c r="LF40" s="123">
        <v>0</v>
      </c>
      <c r="LG40" s="124">
        <v>0</v>
      </c>
      <c r="LH40" s="125">
        <v>0</v>
      </c>
      <c r="LI40" s="159">
        <v>0</v>
      </c>
      <c r="LJ40" s="123">
        <v>0</v>
      </c>
      <c r="LK40" s="124">
        <v>0</v>
      </c>
      <c r="LL40" s="395"/>
      <c r="LM40" s="123">
        <v>0</v>
      </c>
      <c r="LN40" s="123">
        <v>0</v>
      </c>
      <c r="LO40" s="123">
        <v>0</v>
      </c>
      <c r="LP40" s="123">
        <v>0</v>
      </c>
      <c r="LQ40" s="123">
        <v>0</v>
      </c>
      <c r="LR40" s="124">
        <v>0</v>
      </c>
      <c r="LS40" s="360">
        <v>0</v>
      </c>
      <c r="LT40" s="159">
        <v>0</v>
      </c>
      <c r="LU40" s="123">
        <v>0</v>
      </c>
      <c r="LV40" s="124">
        <v>0</v>
      </c>
      <c r="LW40" s="395"/>
      <c r="LX40" s="123">
        <v>0</v>
      </c>
      <c r="LY40" s="123">
        <v>0</v>
      </c>
      <c r="LZ40" s="123">
        <v>0</v>
      </c>
      <c r="MA40" s="123">
        <v>0</v>
      </c>
      <c r="MB40" s="123">
        <v>0</v>
      </c>
      <c r="MC40" s="124">
        <v>0</v>
      </c>
      <c r="MD40" s="125">
        <v>0</v>
      </c>
      <c r="ME40" s="159">
        <v>0</v>
      </c>
      <c r="MF40" s="123">
        <v>0</v>
      </c>
      <c r="MG40" s="124">
        <v>0</v>
      </c>
      <c r="MH40" s="395"/>
      <c r="MI40" s="123">
        <v>0</v>
      </c>
      <c r="MJ40" s="123">
        <v>0</v>
      </c>
      <c r="MK40" s="123">
        <v>429205</v>
      </c>
      <c r="ML40" s="123">
        <v>476511</v>
      </c>
      <c r="MM40" s="123">
        <v>0</v>
      </c>
      <c r="MN40" s="124">
        <v>905716</v>
      </c>
      <c r="MO40" s="160">
        <v>905716</v>
      </c>
      <c r="MP40" s="159">
        <v>0</v>
      </c>
      <c r="MQ40" s="123">
        <v>0</v>
      </c>
      <c r="MR40" s="124">
        <v>0</v>
      </c>
      <c r="MS40" s="395"/>
      <c r="MT40" s="123">
        <v>0</v>
      </c>
      <c r="MU40" s="123">
        <v>0</v>
      </c>
      <c r="MV40" s="123">
        <v>188363</v>
      </c>
      <c r="MW40" s="123">
        <v>228109</v>
      </c>
      <c r="MX40" s="123">
        <v>0</v>
      </c>
      <c r="MY40" s="124">
        <v>416472</v>
      </c>
      <c r="MZ40" s="160">
        <v>416472</v>
      </c>
      <c r="NA40" s="159">
        <v>0</v>
      </c>
      <c r="NB40" s="123">
        <v>0</v>
      </c>
      <c r="NC40" s="124">
        <v>0</v>
      </c>
      <c r="ND40" s="395"/>
      <c r="NE40" s="123">
        <v>0</v>
      </c>
      <c r="NF40" s="123">
        <v>0</v>
      </c>
      <c r="NG40" s="123">
        <v>240842</v>
      </c>
      <c r="NH40" s="123">
        <v>248402</v>
      </c>
      <c r="NI40" s="123">
        <v>0</v>
      </c>
      <c r="NJ40" s="124">
        <v>489244</v>
      </c>
      <c r="NK40" s="360">
        <v>489244</v>
      </c>
      <c r="NL40" s="159">
        <v>0</v>
      </c>
      <c r="NM40" s="123">
        <v>0</v>
      </c>
      <c r="NN40" s="124">
        <v>0</v>
      </c>
      <c r="NO40" s="395"/>
      <c r="NP40" s="123">
        <v>0</v>
      </c>
      <c r="NQ40" s="123">
        <v>0</v>
      </c>
      <c r="NR40" s="123">
        <v>0</v>
      </c>
      <c r="NS40" s="123">
        <v>0</v>
      </c>
      <c r="NT40" s="123">
        <v>0</v>
      </c>
      <c r="NU40" s="124">
        <v>0</v>
      </c>
      <c r="NV40" s="125">
        <v>0</v>
      </c>
      <c r="NW40" s="159">
        <v>0</v>
      </c>
      <c r="NX40" s="123">
        <v>0</v>
      </c>
      <c r="NY40" s="124">
        <v>0</v>
      </c>
      <c r="NZ40" s="395"/>
      <c r="OA40" s="123">
        <v>0</v>
      </c>
      <c r="OB40" s="123">
        <v>0</v>
      </c>
      <c r="OC40" s="123">
        <v>0</v>
      </c>
      <c r="OD40" s="123">
        <v>0</v>
      </c>
      <c r="OE40" s="123">
        <v>0</v>
      </c>
      <c r="OF40" s="124">
        <v>0</v>
      </c>
      <c r="OG40" s="125">
        <v>0</v>
      </c>
      <c r="OH40" s="159">
        <v>187819</v>
      </c>
      <c r="OI40" s="123">
        <v>228384</v>
      </c>
      <c r="OJ40" s="158">
        <v>416203</v>
      </c>
      <c r="OK40" s="122">
        <v>0</v>
      </c>
      <c r="OL40" s="123">
        <v>768670</v>
      </c>
      <c r="OM40" s="123">
        <v>703236</v>
      </c>
      <c r="ON40" s="123">
        <v>1632614</v>
      </c>
      <c r="OO40" s="123">
        <v>1721001</v>
      </c>
      <c r="OP40" s="123">
        <v>80822</v>
      </c>
      <c r="OQ40" s="124">
        <v>4906343</v>
      </c>
      <c r="OR40" s="160">
        <v>5322546</v>
      </c>
    </row>
    <row r="41" spans="1:408" ht="20.25" customHeight="1" x14ac:dyDescent="0.2">
      <c r="A41" s="130" t="s">
        <v>36</v>
      </c>
      <c r="B41" s="113">
        <v>0</v>
      </c>
      <c r="C41" s="117">
        <v>72192</v>
      </c>
      <c r="D41" s="116">
        <v>72192</v>
      </c>
      <c r="E41" s="112">
        <v>0</v>
      </c>
      <c r="F41" s="117">
        <v>395595</v>
      </c>
      <c r="G41" s="117">
        <v>525877</v>
      </c>
      <c r="H41" s="117">
        <v>671929</v>
      </c>
      <c r="I41" s="117">
        <v>1697741</v>
      </c>
      <c r="J41" s="117">
        <v>293918</v>
      </c>
      <c r="K41" s="198">
        <v>3585060</v>
      </c>
      <c r="L41" s="119">
        <v>3657252</v>
      </c>
      <c r="M41" s="113">
        <v>0</v>
      </c>
      <c r="N41" s="117">
        <v>25754</v>
      </c>
      <c r="O41" s="116">
        <v>25754</v>
      </c>
      <c r="P41" s="113">
        <v>0</v>
      </c>
      <c r="Q41" s="117">
        <v>185864</v>
      </c>
      <c r="R41" s="117">
        <v>85527</v>
      </c>
      <c r="S41" s="117">
        <v>119702</v>
      </c>
      <c r="T41" s="117">
        <v>543549</v>
      </c>
      <c r="U41" s="117">
        <v>50831</v>
      </c>
      <c r="V41" s="116">
        <v>985473</v>
      </c>
      <c r="W41" s="119">
        <v>1011227</v>
      </c>
      <c r="X41" s="113">
        <v>0</v>
      </c>
      <c r="Y41" s="117">
        <v>0</v>
      </c>
      <c r="Z41" s="116">
        <v>0</v>
      </c>
      <c r="AA41" s="113">
        <v>0</v>
      </c>
      <c r="AB41" s="117">
        <v>127568</v>
      </c>
      <c r="AC41" s="117">
        <v>8913</v>
      </c>
      <c r="AD41" s="117">
        <v>25355</v>
      </c>
      <c r="AE41" s="117">
        <v>141078</v>
      </c>
      <c r="AF41" s="117">
        <v>0</v>
      </c>
      <c r="AG41" s="116">
        <v>302914</v>
      </c>
      <c r="AH41" s="119">
        <v>302914</v>
      </c>
      <c r="AI41" s="113">
        <v>0</v>
      </c>
      <c r="AJ41" s="117">
        <v>0</v>
      </c>
      <c r="AK41" s="116">
        <v>0</v>
      </c>
      <c r="AL41" s="113">
        <v>0</v>
      </c>
      <c r="AM41" s="117">
        <v>0</v>
      </c>
      <c r="AN41" s="117">
        <v>0</v>
      </c>
      <c r="AO41" s="117">
        <v>0</v>
      </c>
      <c r="AP41" s="117">
        <v>0</v>
      </c>
      <c r="AQ41" s="117">
        <v>0</v>
      </c>
      <c r="AR41" s="116">
        <v>0</v>
      </c>
      <c r="AS41" s="119">
        <v>0</v>
      </c>
      <c r="AT41" s="113">
        <v>0</v>
      </c>
      <c r="AU41" s="117">
        <v>25754</v>
      </c>
      <c r="AV41" s="116">
        <v>25754</v>
      </c>
      <c r="AW41" s="113">
        <v>0</v>
      </c>
      <c r="AX41" s="117">
        <v>58296</v>
      </c>
      <c r="AY41" s="117">
        <v>68214</v>
      </c>
      <c r="AZ41" s="117">
        <v>37325</v>
      </c>
      <c r="BA41" s="117">
        <v>295015</v>
      </c>
      <c r="BB41" s="117">
        <v>42067</v>
      </c>
      <c r="BC41" s="116">
        <v>500917</v>
      </c>
      <c r="BD41" s="119">
        <v>526671</v>
      </c>
      <c r="BE41" s="113">
        <v>0</v>
      </c>
      <c r="BF41" s="117">
        <v>0</v>
      </c>
      <c r="BG41" s="115">
        <v>0</v>
      </c>
      <c r="BH41" s="114">
        <v>0</v>
      </c>
      <c r="BI41" s="117">
        <v>0</v>
      </c>
      <c r="BJ41" s="117">
        <v>0</v>
      </c>
      <c r="BK41" s="117">
        <v>0</v>
      </c>
      <c r="BL41" s="117">
        <v>34313</v>
      </c>
      <c r="BM41" s="117">
        <v>0</v>
      </c>
      <c r="BN41" s="116">
        <v>34313</v>
      </c>
      <c r="BO41" s="119">
        <v>34313</v>
      </c>
      <c r="BP41" s="113">
        <v>0</v>
      </c>
      <c r="BQ41" s="117">
        <v>0</v>
      </c>
      <c r="BR41" s="116">
        <v>0</v>
      </c>
      <c r="BS41" s="113">
        <v>0</v>
      </c>
      <c r="BT41" s="117">
        <v>0</v>
      </c>
      <c r="BU41" s="117">
        <v>8400</v>
      </c>
      <c r="BV41" s="117">
        <v>57022</v>
      </c>
      <c r="BW41" s="117">
        <v>73143</v>
      </c>
      <c r="BX41" s="117">
        <v>8764</v>
      </c>
      <c r="BY41" s="116">
        <v>147329</v>
      </c>
      <c r="BZ41" s="119">
        <v>147329</v>
      </c>
      <c r="CA41" s="113">
        <v>0</v>
      </c>
      <c r="CB41" s="117">
        <v>32648</v>
      </c>
      <c r="CC41" s="116">
        <v>32648</v>
      </c>
      <c r="CD41" s="113">
        <v>0</v>
      </c>
      <c r="CE41" s="117">
        <v>187681</v>
      </c>
      <c r="CF41" s="117">
        <v>148221</v>
      </c>
      <c r="CG41" s="117">
        <v>75683</v>
      </c>
      <c r="CH41" s="117">
        <v>123565</v>
      </c>
      <c r="CI41" s="117">
        <v>0</v>
      </c>
      <c r="CJ41" s="116">
        <v>535150</v>
      </c>
      <c r="CK41" s="119">
        <v>567798</v>
      </c>
      <c r="CL41" s="113">
        <v>0</v>
      </c>
      <c r="CM41" s="117">
        <v>0</v>
      </c>
      <c r="CN41" s="116">
        <v>0</v>
      </c>
      <c r="CO41" s="114">
        <v>0</v>
      </c>
      <c r="CP41" s="117">
        <v>163481</v>
      </c>
      <c r="CQ41" s="117">
        <v>148221</v>
      </c>
      <c r="CR41" s="117">
        <v>75683</v>
      </c>
      <c r="CS41" s="117">
        <v>74399</v>
      </c>
      <c r="CT41" s="117">
        <v>0</v>
      </c>
      <c r="CU41" s="116">
        <v>461784</v>
      </c>
      <c r="CV41" s="119">
        <v>461784</v>
      </c>
      <c r="CW41" s="113">
        <v>0</v>
      </c>
      <c r="CX41" s="117">
        <v>32648</v>
      </c>
      <c r="CY41" s="116">
        <v>32648</v>
      </c>
      <c r="CZ41" s="113">
        <v>0</v>
      </c>
      <c r="DA41" s="117">
        <v>24200</v>
      </c>
      <c r="DB41" s="117">
        <v>0</v>
      </c>
      <c r="DC41" s="117">
        <v>0</v>
      </c>
      <c r="DD41" s="117">
        <v>49166</v>
      </c>
      <c r="DE41" s="117">
        <v>0</v>
      </c>
      <c r="DF41" s="116">
        <v>73366</v>
      </c>
      <c r="DG41" s="119">
        <v>106014</v>
      </c>
      <c r="DH41" s="113">
        <v>0</v>
      </c>
      <c r="DI41" s="117">
        <v>0</v>
      </c>
      <c r="DJ41" s="115">
        <v>0</v>
      </c>
      <c r="DK41" s="114">
        <v>0</v>
      </c>
      <c r="DL41" s="117">
        <v>0</v>
      </c>
      <c r="DM41" s="117">
        <v>103877</v>
      </c>
      <c r="DN41" s="117">
        <v>76701</v>
      </c>
      <c r="DO41" s="117">
        <v>209836</v>
      </c>
      <c r="DP41" s="117">
        <v>0</v>
      </c>
      <c r="DQ41" s="116">
        <v>390414</v>
      </c>
      <c r="DR41" s="119">
        <v>390414</v>
      </c>
      <c r="DS41" s="113">
        <v>0</v>
      </c>
      <c r="DT41" s="117">
        <v>0</v>
      </c>
      <c r="DU41" s="116">
        <v>0</v>
      </c>
      <c r="DV41" s="113">
        <v>0</v>
      </c>
      <c r="DW41" s="117">
        <v>0</v>
      </c>
      <c r="DX41" s="117">
        <v>103877</v>
      </c>
      <c r="DY41" s="117">
        <v>76701</v>
      </c>
      <c r="DZ41" s="117">
        <v>209836</v>
      </c>
      <c r="EA41" s="117">
        <v>0</v>
      </c>
      <c r="EB41" s="116">
        <v>390414</v>
      </c>
      <c r="EC41" s="119">
        <v>390414</v>
      </c>
      <c r="ED41" s="113">
        <v>0</v>
      </c>
      <c r="EE41" s="115">
        <v>0</v>
      </c>
      <c r="EF41" s="116">
        <v>0</v>
      </c>
      <c r="EG41" s="113">
        <v>0</v>
      </c>
      <c r="EH41" s="117">
        <v>0</v>
      </c>
      <c r="EI41" s="117">
        <v>0</v>
      </c>
      <c r="EJ41" s="117">
        <v>0</v>
      </c>
      <c r="EK41" s="117">
        <v>0</v>
      </c>
      <c r="EL41" s="117">
        <v>0</v>
      </c>
      <c r="EM41" s="115">
        <v>0</v>
      </c>
      <c r="EN41" s="119">
        <v>0</v>
      </c>
      <c r="EO41" s="113">
        <v>0</v>
      </c>
      <c r="EP41" s="117">
        <v>0</v>
      </c>
      <c r="EQ41" s="115">
        <v>0</v>
      </c>
      <c r="ER41" s="114">
        <v>0</v>
      </c>
      <c r="ES41" s="117">
        <v>0</v>
      </c>
      <c r="ET41" s="117">
        <v>0</v>
      </c>
      <c r="EU41" s="117">
        <v>0</v>
      </c>
      <c r="EV41" s="117">
        <v>0</v>
      </c>
      <c r="EW41" s="117">
        <v>0</v>
      </c>
      <c r="EX41" s="116">
        <v>0</v>
      </c>
      <c r="EY41" s="119">
        <v>0</v>
      </c>
      <c r="EZ41" s="113">
        <v>0</v>
      </c>
      <c r="FA41" s="117">
        <v>0</v>
      </c>
      <c r="FB41" s="115">
        <v>0</v>
      </c>
      <c r="FC41" s="395"/>
      <c r="FD41" s="117">
        <v>0</v>
      </c>
      <c r="FE41" s="117">
        <v>0</v>
      </c>
      <c r="FF41" s="117">
        <v>0</v>
      </c>
      <c r="FG41" s="117">
        <v>0</v>
      </c>
      <c r="FH41" s="117">
        <v>0</v>
      </c>
      <c r="FI41" s="116">
        <v>0</v>
      </c>
      <c r="FJ41" s="119">
        <v>0</v>
      </c>
      <c r="FK41" s="113">
        <v>0</v>
      </c>
      <c r="FL41" s="117">
        <v>13790</v>
      </c>
      <c r="FM41" s="116">
        <v>13790</v>
      </c>
      <c r="FN41" s="113">
        <v>0</v>
      </c>
      <c r="FO41" s="117">
        <v>22050</v>
      </c>
      <c r="FP41" s="117">
        <v>37205</v>
      </c>
      <c r="FQ41" s="117">
        <v>50666</v>
      </c>
      <c r="FR41" s="117">
        <v>76230</v>
      </c>
      <c r="FS41" s="117">
        <v>30786</v>
      </c>
      <c r="FT41" s="116">
        <v>216937</v>
      </c>
      <c r="FU41" s="119">
        <v>230727</v>
      </c>
      <c r="FV41" s="118">
        <v>0</v>
      </c>
      <c r="FW41" s="117">
        <v>13790</v>
      </c>
      <c r="FX41" s="115">
        <v>13790</v>
      </c>
      <c r="FY41" s="114">
        <v>0</v>
      </c>
      <c r="FZ41" s="117">
        <v>22050</v>
      </c>
      <c r="GA41" s="117">
        <v>37205</v>
      </c>
      <c r="GB41" s="117">
        <v>50666</v>
      </c>
      <c r="GC41" s="117">
        <v>76230</v>
      </c>
      <c r="GD41" s="117">
        <v>30786</v>
      </c>
      <c r="GE41" s="116">
        <v>216937</v>
      </c>
      <c r="GF41" s="357">
        <v>230727</v>
      </c>
      <c r="GG41" s="118">
        <v>0</v>
      </c>
      <c r="GH41" s="117">
        <v>0</v>
      </c>
      <c r="GI41" s="115">
        <v>0</v>
      </c>
      <c r="GJ41" s="114">
        <v>0</v>
      </c>
      <c r="GK41" s="117">
        <v>0</v>
      </c>
      <c r="GL41" s="117">
        <v>0</v>
      </c>
      <c r="GM41" s="117">
        <v>0</v>
      </c>
      <c r="GN41" s="117">
        <v>0</v>
      </c>
      <c r="GO41" s="117">
        <v>0</v>
      </c>
      <c r="GP41" s="116">
        <v>0</v>
      </c>
      <c r="GQ41" s="119">
        <v>0</v>
      </c>
      <c r="GR41" s="113">
        <v>0</v>
      </c>
      <c r="GS41" s="117">
        <v>0</v>
      </c>
      <c r="GT41" s="116">
        <v>0</v>
      </c>
      <c r="GU41" s="113">
        <v>0</v>
      </c>
      <c r="GV41" s="117">
        <v>0</v>
      </c>
      <c r="GW41" s="117">
        <v>0</v>
      </c>
      <c r="GX41" s="117">
        <v>0</v>
      </c>
      <c r="GY41" s="117">
        <v>0</v>
      </c>
      <c r="GZ41" s="117">
        <v>0</v>
      </c>
      <c r="HA41" s="115">
        <v>0</v>
      </c>
      <c r="HB41" s="119">
        <v>0</v>
      </c>
      <c r="HC41" s="113">
        <v>0</v>
      </c>
      <c r="HD41" s="117">
        <v>0</v>
      </c>
      <c r="HE41" s="115">
        <v>0</v>
      </c>
      <c r="HF41" s="114">
        <v>0</v>
      </c>
      <c r="HG41" s="117">
        <v>0</v>
      </c>
      <c r="HH41" s="117">
        <v>151047</v>
      </c>
      <c r="HI41" s="117">
        <v>349177</v>
      </c>
      <c r="HJ41" s="117">
        <v>744561</v>
      </c>
      <c r="HK41" s="117">
        <v>212301</v>
      </c>
      <c r="HL41" s="116">
        <v>1457086</v>
      </c>
      <c r="HM41" s="112">
        <v>1457086</v>
      </c>
      <c r="HN41" s="373"/>
      <c r="HO41" s="374"/>
      <c r="HP41" s="375"/>
      <c r="HQ41" s="376"/>
      <c r="HR41" s="374"/>
      <c r="HS41" s="374"/>
      <c r="HT41" s="374"/>
      <c r="HU41" s="374"/>
      <c r="HV41" s="374"/>
      <c r="HW41" s="377"/>
      <c r="HX41" s="378"/>
      <c r="HY41" s="148">
        <v>0</v>
      </c>
      <c r="HZ41" s="149">
        <v>0</v>
      </c>
      <c r="IA41" s="150">
        <v>0</v>
      </c>
      <c r="IB41" s="162">
        <v>0</v>
      </c>
      <c r="IC41" s="149">
        <v>9641</v>
      </c>
      <c r="ID41" s="163">
        <v>147688</v>
      </c>
      <c r="IE41" s="150">
        <v>218579</v>
      </c>
      <c r="IF41" s="149">
        <v>444494</v>
      </c>
      <c r="IG41" s="150">
        <v>0</v>
      </c>
      <c r="IH41" s="164">
        <v>820402</v>
      </c>
      <c r="II41" s="156">
        <v>820402</v>
      </c>
      <c r="IJ41" s="259">
        <v>0</v>
      </c>
      <c r="IK41" s="266">
        <v>0</v>
      </c>
      <c r="IL41" s="267">
        <v>0</v>
      </c>
      <c r="IM41" s="157"/>
      <c r="IN41" s="123">
        <v>0</v>
      </c>
      <c r="IO41" s="123">
        <v>0</v>
      </c>
      <c r="IP41" s="123">
        <v>0</v>
      </c>
      <c r="IQ41" s="123">
        <v>0</v>
      </c>
      <c r="IR41" s="123">
        <v>0</v>
      </c>
      <c r="IS41" s="158">
        <v>0</v>
      </c>
      <c r="IT41" s="360">
        <v>0</v>
      </c>
      <c r="IU41" s="159">
        <v>0</v>
      </c>
      <c r="IV41" s="123">
        <v>0</v>
      </c>
      <c r="IW41" s="124">
        <v>0</v>
      </c>
      <c r="IX41" s="161"/>
      <c r="IY41" s="123">
        <v>0</v>
      </c>
      <c r="IZ41" s="123">
        <v>0</v>
      </c>
      <c r="JA41" s="123">
        <v>0</v>
      </c>
      <c r="JB41" s="123">
        <v>0</v>
      </c>
      <c r="JC41" s="123">
        <v>0</v>
      </c>
      <c r="JD41" s="124">
        <v>0</v>
      </c>
      <c r="JE41" s="125">
        <v>0</v>
      </c>
      <c r="JF41" s="159">
        <v>0</v>
      </c>
      <c r="JG41" s="123">
        <v>0</v>
      </c>
      <c r="JH41" s="158">
        <v>0</v>
      </c>
      <c r="JI41" s="122">
        <v>0</v>
      </c>
      <c r="JJ41" s="123">
        <v>9641</v>
      </c>
      <c r="JK41" s="123">
        <v>147688</v>
      </c>
      <c r="JL41" s="123">
        <v>0</v>
      </c>
      <c r="JM41" s="123">
        <v>221804</v>
      </c>
      <c r="JN41" s="123">
        <v>0</v>
      </c>
      <c r="JO41" s="124">
        <v>379133</v>
      </c>
      <c r="JP41" s="360">
        <v>379133</v>
      </c>
      <c r="JQ41" s="159">
        <v>0</v>
      </c>
      <c r="JR41" s="123">
        <v>0</v>
      </c>
      <c r="JS41" s="158">
        <v>0</v>
      </c>
      <c r="JT41" s="122">
        <v>0</v>
      </c>
      <c r="JU41" s="123">
        <v>0</v>
      </c>
      <c r="JV41" s="123">
        <v>0</v>
      </c>
      <c r="JW41" s="123">
        <v>0</v>
      </c>
      <c r="JX41" s="123">
        <v>0</v>
      </c>
      <c r="JY41" s="123">
        <v>0</v>
      </c>
      <c r="JZ41" s="124">
        <v>0</v>
      </c>
      <c r="KA41" s="360">
        <v>0</v>
      </c>
      <c r="KB41" s="262">
        <v>0</v>
      </c>
      <c r="KC41" s="256">
        <v>0</v>
      </c>
      <c r="KD41" s="124">
        <v>0</v>
      </c>
      <c r="KE41" s="122">
        <v>0</v>
      </c>
      <c r="KF41" s="123">
        <v>0</v>
      </c>
      <c r="KG41" s="123">
        <v>0</v>
      </c>
      <c r="KH41" s="123">
        <v>0</v>
      </c>
      <c r="KI41" s="123">
        <v>0</v>
      </c>
      <c r="KJ41" s="123">
        <v>0</v>
      </c>
      <c r="KK41" s="124">
        <v>0</v>
      </c>
      <c r="KL41" s="160">
        <v>0</v>
      </c>
      <c r="KM41" s="259">
        <v>0</v>
      </c>
      <c r="KN41" s="266">
        <v>0</v>
      </c>
      <c r="KO41" s="267">
        <v>0</v>
      </c>
      <c r="KP41" s="395"/>
      <c r="KQ41" s="123">
        <v>0</v>
      </c>
      <c r="KR41" s="123">
        <v>0</v>
      </c>
      <c r="KS41" s="123">
        <v>218579</v>
      </c>
      <c r="KT41" s="123">
        <v>222690</v>
      </c>
      <c r="KU41" s="123">
        <v>0</v>
      </c>
      <c r="KV41" s="124">
        <v>441269</v>
      </c>
      <c r="KW41" s="360">
        <v>441269</v>
      </c>
      <c r="KX41" s="159">
        <v>0</v>
      </c>
      <c r="KY41" s="123">
        <v>0</v>
      </c>
      <c r="KZ41" s="124">
        <v>0</v>
      </c>
      <c r="LA41" s="395"/>
      <c r="LB41" s="123">
        <v>0</v>
      </c>
      <c r="LC41" s="123">
        <v>0</v>
      </c>
      <c r="LD41" s="123">
        <v>0</v>
      </c>
      <c r="LE41" s="123">
        <v>0</v>
      </c>
      <c r="LF41" s="123">
        <v>0</v>
      </c>
      <c r="LG41" s="124">
        <v>0</v>
      </c>
      <c r="LH41" s="125">
        <v>0</v>
      </c>
      <c r="LI41" s="159">
        <v>0</v>
      </c>
      <c r="LJ41" s="123">
        <v>0</v>
      </c>
      <c r="LK41" s="124">
        <v>0</v>
      </c>
      <c r="LL41" s="395"/>
      <c r="LM41" s="123">
        <v>0</v>
      </c>
      <c r="LN41" s="123">
        <v>0</v>
      </c>
      <c r="LO41" s="123">
        <v>0</v>
      </c>
      <c r="LP41" s="123">
        <v>0</v>
      </c>
      <c r="LQ41" s="123">
        <v>0</v>
      </c>
      <c r="LR41" s="124">
        <v>0</v>
      </c>
      <c r="LS41" s="360">
        <v>0</v>
      </c>
      <c r="LT41" s="159">
        <v>0</v>
      </c>
      <c r="LU41" s="123">
        <v>0</v>
      </c>
      <c r="LV41" s="124">
        <v>0</v>
      </c>
      <c r="LW41" s="395"/>
      <c r="LX41" s="123">
        <v>0</v>
      </c>
      <c r="LY41" s="123">
        <v>0</v>
      </c>
      <c r="LZ41" s="123">
        <v>0</v>
      </c>
      <c r="MA41" s="123">
        <v>0</v>
      </c>
      <c r="MB41" s="123">
        <v>0</v>
      </c>
      <c r="MC41" s="124">
        <v>0</v>
      </c>
      <c r="MD41" s="125">
        <v>0</v>
      </c>
      <c r="ME41" s="159">
        <v>0</v>
      </c>
      <c r="MF41" s="123">
        <v>0</v>
      </c>
      <c r="MG41" s="124">
        <v>0</v>
      </c>
      <c r="MH41" s="395"/>
      <c r="MI41" s="123">
        <v>409029</v>
      </c>
      <c r="MJ41" s="123">
        <v>0</v>
      </c>
      <c r="MK41" s="123">
        <v>0</v>
      </c>
      <c r="ML41" s="123">
        <v>218284</v>
      </c>
      <c r="MM41" s="123">
        <v>612306</v>
      </c>
      <c r="MN41" s="124">
        <v>1239619</v>
      </c>
      <c r="MO41" s="160">
        <v>1239619</v>
      </c>
      <c r="MP41" s="159">
        <v>0</v>
      </c>
      <c r="MQ41" s="123">
        <v>0</v>
      </c>
      <c r="MR41" s="124">
        <v>0</v>
      </c>
      <c r="MS41" s="395"/>
      <c r="MT41" s="123">
        <v>0</v>
      </c>
      <c r="MU41" s="123">
        <v>0</v>
      </c>
      <c r="MV41" s="123">
        <v>0</v>
      </c>
      <c r="MW41" s="123">
        <v>0</v>
      </c>
      <c r="MX41" s="123">
        <v>463315</v>
      </c>
      <c r="MY41" s="124">
        <v>463315</v>
      </c>
      <c r="MZ41" s="160">
        <v>463315</v>
      </c>
      <c r="NA41" s="159">
        <v>0</v>
      </c>
      <c r="NB41" s="123">
        <v>0</v>
      </c>
      <c r="NC41" s="124">
        <v>0</v>
      </c>
      <c r="ND41" s="395"/>
      <c r="NE41" s="123">
        <v>409029</v>
      </c>
      <c r="NF41" s="123">
        <v>0</v>
      </c>
      <c r="NG41" s="123">
        <v>0</v>
      </c>
      <c r="NH41" s="123">
        <v>0</v>
      </c>
      <c r="NI41" s="123">
        <v>148991</v>
      </c>
      <c r="NJ41" s="124">
        <v>558020</v>
      </c>
      <c r="NK41" s="360">
        <v>558020</v>
      </c>
      <c r="NL41" s="159">
        <v>0</v>
      </c>
      <c r="NM41" s="123">
        <v>0</v>
      </c>
      <c r="NN41" s="124">
        <v>0</v>
      </c>
      <c r="NO41" s="395"/>
      <c r="NP41" s="123">
        <v>0</v>
      </c>
      <c r="NQ41" s="123">
        <v>0</v>
      </c>
      <c r="NR41" s="123">
        <v>0</v>
      </c>
      <c r="NS41" s="123">
        <v>218284</v>
      </c>
      <c r="NT41" s="123">
        <v>0</v>
      </c>
      <c r="NU41" s="124">
        <v>218284</v>
      </c>
      <c r="NV41" s="125">
        <v>218284</v>
      </c>
      <c r="NW41" s="159">
        <v>0</v>
      </c>
      <c r="NX41" s="123">
        <v>0</v>
      </c>
      <c r="NY41" s="124">
        <v>0</v>
      </c>
      <c r="NZ41" s="395"/>
      <c r="OA41" s="123">
        <v>0</v>
      </c>
      <c r="OB41" s="123">
        <v>0</v>
      </c>
      <c r="OC41" s="123">
        <v>0</v>
      </c>
      <c r="OD41" s="123">
        <v>0</v>
      </c>
      <c r="OE41" s="123">
        <v>0</v>
      </c>
      <c r="OF41" s="124">
        <v>0</v>
      </c>
      <c r="OG41" s="125">
        <v>0</v>
      </c>
      <c r="OH41" s="159">
        <v>0</v>
      </c>
      <c r="OI41" s="123">
        <v>72192</v>
      </c>
      <c r="OJ41" s="158">
        <v>72192</v>
      </c>
      <c r="OK41" s="122">
        <v>0</v>
      </c>
      <c r="OL41" s="123">
        <v>814265</v>
      </c>
      <c r="OM41" s="123">
        <v>673565</v>
      </c>
      <c r="ON41" s="123">
        <v>890508</v>
      </c>
      <c r="OO41" s="123">
        <v>2360519</v>
      </c>
      <c r="OP41" s="123">
        <v>906224</v>
      </c>
      <c r="OQ41" s="124">
        <v>5645081</v>
      </c>
      <c r="OR41" s="160">
        <v>5717273</v>
      </c>
    </row>
    <row r="42" spans="1:408" ht="20.25" customHeight="1" thickBot="1" x14ac:dyDescent="0.25">
      <c r="A42" s="131" t="s">
        <v>37</v>
      </c>
      <c r="B42" s="120">
        <v>0</v>
      </c>
      <c r="C42" s="203">
        <v>0</v>
      </c>
      <c r="D42" s="204">
        <v>0</v>
      </c>
      <c r="E42" s="205">
        <v>0</v>
      </c>
      <c r="F42" s="203">
        <v>0</v>
      </c>
      <c r="G42" s="203">
        <v>0</v>
      </c>
      <c r="H42" s="203">
        <v>0</v>
      </c>
      <c r="I42" s="203">
        <v>315296</v>
      </c>
      <c r="J42" s="203">
        <v>217837</v>
      </c>
      <c r="K42" s="205">
        <v>533133</v>
      </c>
      <c r="L42" s="206">
        <v>533133</v>
      </c>
      <c r="M42" s="120">
        <v>0</v>
      </c>
      <c r="N42" s="203">
        <v>0</v>
      </c>
      <c r="O42" s="204">
        <v>0</v>
      </c>
      <c r="P42" s="120">
        <v>0</v>
      </c>
      <c r="Q42" s="203">
        <v>0</v>
      </c>
      <c r="R42" s="203">
        <v>0</v>
      </c>
      <c r="S42" s="203">
        <v>0</v>
      </c>
      <c r="T42" s="203">
        <v>8400</v>
      </c>
      <c r="U42" s="203">
        <v>189977</v>
      </c>
      <c r="V42" s="204">
        <v>198377</v>
      </c>
      <c r="W42" s="206">
        <v>198377</v>
      </c>
      <c r="X42" s="120">
        <v>0</v>
      </c>
      <c r="Y42" s="203">
        <v>0</v>
      </c>
      <c r="Z42" s="204">
        <v>0</v>
      </c>
      <c r="AA42" s="120">
        <v>0</v>
      </c>
      <c r="AB42" s="203">
        <v>0</v>
      </c>
      <c r="AC42" s="203">
        <v>0</v>
      </c>
      <c r="AD42" s="203">
        <v>0</v>
      </c>
      <c r="AE42" s="203">
        <v>0</v>
      </c>
      <c r="AF42" s="203">
        <v>91329</v>
      </c>
      <c r="AG42" s="204">
        <v>91329</v>
      </c>
      <c r="AH42" s="206">
        <v>91329</v>
      </c>
      <c r="AI42" s="120">
        <v>0</v>
      </c>
      <c r="AJ42" s="203">
        <v>0</v>
      </c>
      <c r="AK42" s="204">
        <v>0</v>
      </c>
      <c r="AL42" s="120">
        <v>0</v>
      </c>
      <c r="AM42" s="203">
        <v>0</v>
      </c>
      <c r="AN42" s="203">
        <v>0</v>
      </c>
      <c r="AO42" s="203">
        <v>0</v>
      </c>
      <c r="AP42" s="203">
        <v>0</v>
      </c>
      <c r="AQ42" s="203">
        <v>0</v>
      </c>
      <c r="AR42" s="204">
        <v>0</v>
      </c>
      <c r="AS42" s="206">
        <v>0</v>
      </c>
      <c r="AT42" s="120">
        <v>0</v>
      </c>
      <c r="AU42" s="203">
        <v>0</v>
      </c>
      <c r="AV42" s="204">
        <v>0</v>
      </c>
      <c r="AW42" s="120">
        <v>0</v>
      </c>
      <c r="AX42" s="203">
        <v>0</v>
      </c>
      <c r="AY42" s="203">
        <v>0</v>
      </c>
      <c r="AZ42" s="203">
        <v>0</v>
      </c>
      <c r="BA42" s="203">
        <v>0</v>
      </c>
      <c r="BB42" s="203">
        <v>87238</v>
      </c>
      <c r="BC42" s="204">
        <v>87238</v>
      </c>
      <c r="BD42" s="206">
        <v>87238</v>
      </c>
      <c r="BE42" s="120">
        <v>0</v>
      </c>
      <c r="BF42" s="203">
        <v>0</v>
      </c>
      <c r="BG42" s="208">
        <v>0</v>
      </c>
      <c r="BH42" s="207">
        <v>0</v>
      </c>
      <c r="BI42" s="203">
        <v>0</v>
      </c>
      <c r="BJ42" s="203">
        <v>0</v>
      </c>
      <c r="BK42" s="203">
        <v>0</v>
      </c>
      <c r="BL42" s="203">
        <v>0</v>
      </c>
      <c r="BM42" s="203">
        <v>0</v>
      </c>
      <c r="BN42" s="204">
        <v>0</v>
      </c>
      <c r="BO42" s="206">
        <v>0</v>
      </c>
      <c r="BP42" s="120">
        <v>0</v>
      </c>
      <c r="BQ42" s="203">
        <v>0</v>
      </c>
      <c r="BR42" s="204">
        <v>0</v>
      </c>
      <c r="BS42" s="120">
        <v>0</v>
      </c>
      <c r="BT42" s="203">
        <v>0</v>
      </c>
      <c r="BU42" s="203">
        <v>0</v>
      </c>
      <c r="BV42" s="203">
        <v>0</v>
      </c>
      <c r="BW42" s="203">
        <v>8400</v>
      </c>
      <c r="BX42" s="203">
        <v>11410</v>
      </c>
      <c r="BY42" s="204">
        <v>19810</v>
      </c>
      <c r="BZ42" s="206">
        <v>19810</v>
      </c>
      <c r="CA42" s="120">
        <v>0</v>
      </c>
      <c r="CB42" s="203">
        <v>0</v>
      </c>
      <c r="CC42" s="204">
        <v>0</v>
      </c>
      <c r="CD42" s="120">
        <v>0</v>
      </c>
      <c r="CE42" s="203">
        <v>0</v>
      </c>
      <c r="CF42" s="203">
        <v>0</v>
      </c>
      <c r="CG42" s="203">
        <v>0</v>
      </c>
      <c r="CH42" s="203">
        <v>0</v>
      </c>
      <c r="CI42" s="203">
        <v>0</v>
      </c>
      <c r="CJ42" s="204">
        <v>0</v>
      </c>
      <c r="CK42" s="206">
        <v>0</v>
      </c>
      <c r="CL42" s="120">
        <v>0</v>
      </c>
      <c r="CM42" s="203">
        <v>0</v>
      </c>
      <c r="CN42" s="204">
        <v>0</v>
      </c>
      <c r="CO42" s="207">
        <v>0</v>
      </c>
      <c r="CP42" s="203">
        <v>0</v>
      </c>
      <c r="CQ42" s="203">
        <v>0</v>
      </c>
      <c r="CR42" s="203">
        <v>0</v>
      </c>
      <c r="CS42" s="203">
        <v>0</v>
      </c>
      <c r="CT42" s="203">
        <v>0</v>
      </c>
      <c r="CU42" s="204">
        <v>0</v>
      </c>
      <c r="CV42" s="206">
        <v>0</v>
      </c>
      <c r="CW42" s="120">
        <v>0</v>
      </c>
      <c r="CX42" s="203">
        <v>0</v>
      </c>
      <c r="CY42" s="204">
        <v>0</v>
      </c>
      <c r="CZ42" s="120">
        <v>0</v>
      </c>
      <c r="DA42" s="203">
        <v>0</v>
      </c>
      <c r="DB42" s="203">
        <v>0</v>
      </c>
      <c r="DC42" s="203">
        <v>0</v>
      </c>
      <c r="DD42" s="203">
        <v>0</v>
      </c>
      <c r="DE42" s="203">
        <v>0</v>
      </c>
      <c r="DF42" s="204">
        <v>0</v>
      </c>
      <c r="DG42" s="206">
        <v>0</v>
      </c>
      <c r="DH42" s="120">
        <v>0</v>
      </c>
      <c r="DI42" s="203">
        <v>0</v>
      </c>
      <c r="DJ42" s="208">
        <v>0</v>
      </c>
      <c r="DK42" s="207">
        <v>0</v>
      </c>
      <c r="DL42" s="203">
        <v>0</v>
      </c>
      <c r="DM42" s="203">
        <v>0</v>
      </c>
      <c r="DN42" s="203">
        <v>0</v>
      </c>
      <c r="DO42" s="203">
        <v>119088</v>
      </c>
      <c r="DP42" s="203">
        <v>0</v>
      </c>
      <c r="DQ42" s="204">
        <v>119088</v>
      </c>
      <c r="DR42" s="206">
        <v>119088</v>
      </c>
      <c r="DS42" s="120">
        <v>0</v>
      </c>
      <c r="DT42" s="203">
        <v>0</v>
      </c>
      <c r="DU42" s="204">
        <v>0</v>
      </c>
      <c r="DV42" s="120">
        <v>0</v>
      </c>
      <c r="DW42" s="203">
        <v>0</v>
      </c>
      <c r="DX42" s="203">
        <v>0</v>
      </c>
      <c r="DY42" s="203">
        <v>0</v>
      </c>
      <c r="DZ42" s="203">
        <v>0</v>
      </c>
      <c r="EA42" s="203">
        <v>0</v>
      </c>
      <c r="EB42" s="204">
        <v>0</v>
      </c>
      <c r="EC42" s="206">
        <v>0</v>
      </c>
      <c r="ED42" s="120">
        <v>0</v>
      </c>
      <c r="EE42" s="208">
        <v>0</v>
      </c>
      <c r="EF42" s="204">
        <v>0</v>
      </c>
      <c r="EG42" s="120">
        <v>0</v>
      </c>
      <c r="EH42" s="203">
        <v>0</v>
      </c>
      <c r="EI42" s="203">
        <v>0</v>
      </c>
      <c r="EJ42" s="203">
        <v>0</v>
      </c>
      <c r="EK42" s="203">
        <v>119088</v>
      </c>
      <c r="EL42" s="203">
        <v>0</v>
      </c>
      <c r="EM42" s="208">
        <v>119088</v>
      </c>
      <c r="EN42" s="206">
        <v>119088</v>
      </c>
      <c r="EO42" s="120">
        <v>0</v>
      </c>
      <c r="EP42" s="203">
        <v>0</v>
      </c>
      <c r="EQ42" s="208">
        <v>0</v>
      </c>
      <c r="ER42" s="207">
        <v>0</v>
      </c>
      <c r="ES42" s="203">
        <v>0</v>
      </c>
      <c r="ET42" s="203">
        <v>0</v>
      </c>
      <c r="EU42" s="203">
        <v>0</v>
      </c>
      <c r="EV42" s="203">
        <v>0</v>
      </c>
      <c r="EW42" s="203">
        <v>0</v>
      </c>
      <c r="EX42" s="204">
        <v>0</v>
      </c>
      <c r="EY42" s="206">
        <v>0</v>
      </c>
      <c r="EZ42" s="120">
        <v>0</v>
      </c>
      <c r="FA42" s="203">
        <v>0</v>
      </c>
      <c r="FB42" s="208">
        <v>0</v>
      </c>
      <c r="FC42" s="396"/>
      <c r="FD42" s="203">
        <v>0</v>
      </c>
      <c r="FE42" s="203">
        <v>0</v>
      </c>
      <c r="FF42" s="203">
        <v>0</v>
      </c>
      <c r="FG42" s="203">
        <v>0</v>
      </c>
      <c r="FH42" s="203">
        <v>0</v>
      </c>
      <c r="FI42" s="204">
        <v>0</v>
      </c>
      <c r="FJ42" s="206">
        <v>0</v>
      </c>
      <c r="FK42" s="120">
        <v>0</v>
      </c>
      <c r="FL42" s="203">
        <v>0</v>
      </c>
      <c r="FM42" s="204">
        <v>0</v>
      </c>
      <c r="FN42" s="120">
        <v>0</v>
      </c>
      <c r="FO42" s="203">
        <v>0</v>
      </c>
      <c r="FP42" s="203">
        <v>0</v>
      </c>
      <c r="FQ42" s="203">
        <v>0</v>
      </c>
      <c r="FR42" s="203">
        <v>2800</v>
      </c>
      <c r="FS42" s="203">
        <v>27860</v>
      </c>
      <c r="FT42" s="204">
        <v>30660</v>
      </c>
      <c r="FU42" s="206">
        <v>30660</v>
      </c>
      <c r="FV42" s="209">
        <v>0</v>
      </c>
      <c r="FW42" s="203">
        <v>0</v>
      </c>
      <c r="FX42" s="208">
        <v>0</v>
      </c>
      <c r="FY42" s="207">
        <v>0</v>
      </c>
      <c r="FZ42" s="203">
        <v>0</v>
      </c>
      <c r="GA42" s="203">
        <v>0</v>
      </c>
      <c r="GB42" s="203">
        <v>0</v>
      </c>
      <c r="GC42" s="203">
        <v>2800</v>
      </c>
      <c r="GD42" s="203">
        <v>27860</v>
      </c>
      <c r="GE42" s="204">
        <v>30660</v>
      </c>
      <c r="GF42" s="358">
        <v>30660</v>
      </c>
      <c r="GG42" s="209">
        <v>0</v>
      </c>
      <c r="GH42" s="203">
        <v>0</v>
      </c>
      <c r="GI42" s="208">
        <v>0</v>
      </c>
      <c r="GJ42" s="207">
        <v>0</v>
      </c>
      <c r="GK42" s="203">
        <v>0</v>
      </c>
      <c r="GL42" s="203">
        <v>0</v>
      </c>
      <c r="GM42" s="203">
        <v>0</v>
      </c>
      <c r="GN42" s="203">
        <v>0</v>
      </c>
      <c r="GO42" s="203">
        <v>0</v>
      </c>
      <c r="GP42" s="204">
        <v>0</v>
      </c>
      <c r="GQ42" s="206">
        <v>0</v>
      </c>
      <c r="GR42" s="120">
        <v>0</v>
      </c>
      <c r="GS42" s="203">
        <v>0</v>
      </c>
      <c r="GT42" s="204">
        <v>0</v>
      </c>
      <c r="GU42" s="120">
        <v>0</v>
      </c>
      <c r="GV42" s="203">
        <v>0</v>
      </c>
      <c r="GW42" s="203">
        <v>0</v>
      </c>
      <c r="GX42" s="203">
        <v>0</v>
      </c>
      <c r="GY42" s="203">
        <v>0</v>
      </c>
      <c r="GZ42" s="203">
        <v>0</v>
      </c>
      <c r="HA42" s="208">
        <v>0</v>
      </c>
      <c r="HB42" s="206">
        <v>0</v>
      </c>
      <c r="HC42" s="120">
        <v>0</v>
      </c>
      <c r="HD42" s="203">
        <v>0</v>
      </c>
      <c r="HE42" s="208">
        <v>0</v>
      </c>
      <c r="HF42" s="207">
        <v>0</v>
      </c>
      <c r="HG42" s="203">
        <v>0</v>
      </c>
      <c r="HH42" s="203">
        <v>0</v>
      </c>
      <c r="HI42" s="203">
        <v>0</v>
      </c>
      <c r="HJ42" s="203">
        <v>185008</v>
      </c>
      <c r="HK42" s="203">
        <v>0</v>
      </c>
      <c r="HL42" s="204">
        <v>185008</v>
      </c>
      <c r="HM42" s="205">
        <v>185008</v>
      </c>
      <c r="HN42" s="379"/>
      <c r="HO42" s="380"/>
      <c r="HP42" s="381"/>
      <c r="HQ42" s="382"/>
      <c r="HR42" s="380"/>
      <c r="HS42" s="380"/>
      <c r="HT42" s="380"/>
      <c r="HU42" s="380"/>
      <c r="HV42" s="380"/>
      <c r="HW42" s="383"/>
      <c r="HX42" s="384"/>
      <c r="HY42" s="167">
        <v>0</v>
      </c>
      <c r="HZ42" s="168">
        <v>0</v>
      </c>
      <c r="IA42" s="169">
        <v>0</v>
      </c>
      <c r="IB42" s="170">
        <v>0</v>
      </c>
      <c r="IC42" s="171">
        <v>0</v>
      </c>
      <c r="ID42" s="172">
        <v>0</v>
      </c>
      <c r="IE42" s="173">
        <v>0</v>
      </c>
      <c r="IF42" s="171">
        <v>0</v>
      </c>
      <c r="IG42" s="173">
        <v>38770</v>
      </c>
      <c r="IH42" s="174">
        <v>38770</v>
      </c>
      <c r="II42" s="175">
        <v>38770</v>
      </c>
      <c r="IJ42" s="260">
        <v>0</v>
      </c>
      <c r="IK42" s="268">
        <v>0</v>
      </c>
      <c r="IL42" s="269">
        <v>0</v>
      </c>
      <c r="IM42" s="176"/>
      <c r="IN42" s="177">
        <v>0</v>
      </c>
      <c r="IO42" s="177">
        <v>0</v>
      </c>
      <c r="IP42" s="177">
        <v>0</v>
      </c>
      <c r="IQ42" s="177">
        <v>0</v>
      </c>
      <c r="IR42" s="177">
        <v>0</v>
      </c>
      <c r="IS42" s="178">
        <v>0</v>
      </c>
      <c r="IT42" s="361">
        <v>0</v>
      </c>
      <c r="IU42" s="179">
        <v>0</v>
      </c>
      <c r="IV42" s="177">
        <v>0</v>
      </c>
      <c r="IW42" s="181">
        <v>0</v>
      </c>
      <c r="IX42" s="184"/>
      <c r="IY42" s="177">
        <v>0</v>
      </c>
      <c r="IZ42" s="177">
        <v>0</v>
      </c>
      <c r="JA42" s="177">
        <v>0</v>
      </c>
      <c r="JB42" s="177">
        <v>0</v>
      </c>
      <c r="JC42" s="177">
        <v>0</v>
      </c>
      <c r="JD42" s="181">
        <v>0</v>
      </c>
      <c r="JE42" s="182">
        <v>0</v>
      </c>
      <c r="JF42" s="179">
        <v>0</v>
      </c>
      <c r="JG42" s="177">
        <v>0</v>
      </c>
      <c r="JH42" s="178">
        <v>0</v>
      </c>
      <c r="JI42" s="180">
        <v>0</v>
      </c>
      <c r="JJ42" s="177">
        <v>0</v>
      </c>
      <c r="JK42" s="177">
        <v>0</v>
      </c>
      <c r="JL42" s="177">
        <v>0</v>
      </c>
      <c r="JM42" s="177">
        <v>0</v>
      </c>
      <c r="JN42" s="177">
        <v>38770</v>
      </c>
      <c r="JO42" s="181">
        <v>38770</v>
      </c>
      <c r="JP42" s="361">
        <v>38770</v>
      </c>
      <c r="JQ42" s="179">
        <v>0</v>
      </c>
      <c r="JR42" s="177">
        <v>0</v>
      </c>
      <c r="JS42" s="178">
        <v>0</v>
      </c>
      <c r="JT42" s="180">
        <v>0</v>
      </c>
      <c r="JU42" s="177">
        <v>0</v>
      </c>
      <c r="JV42" s="177">
        <v>0</v>
      </c>
      <c r="JW42" s="177">
        <v>0</v>
      </c>
      <c r="JX42" s="177">
        <v>0</v>
      </c>
      <c r="JY42" s="177">
        <v>0</v>
      </c>
      <c r="JZ42" s="181">
        <v>0</v>
      </c>
      <c r="KA42" s="361">
        <v>0</v>
      </c>
      <c r="KB42" s="263">
        <v>0</v>
      </c>
      <c r="KC42" s="257">
        <v>0</v>
      </c>
      <c r="KD42" s="181">
        <v>0</v>
      </c>
      <c r="KE42" s="180">
        <v>0</v>
      </c>
      <c r="KF42" s="177">
        <v>0</v>
      </c>
      <c r="KG42" s="177">
        <v>0</v>
      </c>
      <c r="KH42" s="177">
        <v>0</v>
      </c>
      <c r="KI42" s="177">
        <v>0</v>
      </c>
      <c r="KJ42" s="177">
        <v>0</v>
      </c>
      <c r="KK42" s="181">
        <v>0</v>
      </c>
      <c r="KL42" s="183">
        <v>0</v>
      </c>
      <c r="KM42" s="260">
        <v>0</v>
      </c>
      <c r="KN42" s="268">
        <v>0</v>
      </c>
      <c r="KO42" s="269">
        <v>0</v>
      </c>
      <c r="KP42" s="396"/>
      <c r="KQ42" s="177">
        <v>0</v>
      </c>
      <c r="KR42" s="177">
        <v>0</v>
      </c>
      <c r="KS42" s="177">
        <v>0</v>
      </c>
      <c r="KT42" s="177">
        <v>0</v>
      </c>
      <c r="KU42" s="177">
        <v>0</v>
      </c>
      <c r="KV42" s="181">
        <v>0</v>
      </c>
      <c r="KW42" s="361">
        <v>0</v>
      </c>
      <c r="KX42" s="179">
        <v>0</v>
      </c>
      <c r="KY42" s="177">
        <v>0</v>
      </c>
      <c r="KZ42" s="181">
        <v>0</v>
      </c>
      <c r="LA42" s="396"/>
      <c r="LB42" s="177">
        <v>0</v>
      </c>
      <c r="LC42" s="177">
        <v>0</v>
      </c>
      <c r="LD42" s="177">
        <v>0</v>
      </c>
      <c r="LE42" s="177">
        <v>0</v>
      </c>
      <c r="LF42" s="177">
        <v>0</v>
      </c>
      <c r="LG42" s="181">
        <v>0</v>
      </c>
      <c r="LH42" s="182">
        <v>0</v>
      </c>
      <c r="LI42" s="179">
        <v>0</v>
      </c>
      <c r="LJ42" s="177">
        <v>0</v>
      </c>
      <c r="LK42" s="181">
        <v>0</v>
      </c>
      <c r="LL42" s="396"/>
      <c r="LM42" s="177">
        <v>0</v>
      </c>
      <c r="LN42" s="177">
        <v>0</v>
      </c>
      <c r="LO42" s="177">
        <v>0</v>
      </c>
      <c r="LP42" s="177">
        <v>0</v>
      </c>
      <c r="LQ42" s="177">
        <v>0</v>
      </c>
      <c r="LR42" s="181">
        <v>0</v>
      </c>
      <c r="LS42" s="361">
        <v>0</v>
      </c>
      <c r="LT42" s="179">
        <v>0</v>
      </c>
      <c r="LU42" s="177">
        <v>0</v>
      </c>
      <c r="LV42" s="181">
        <v>0</v>
      </c>
      <c r="LW42" s="396"/>
      <c r="LX42" s="177">
        <v>0</v>
      </c>
      <c r="LY42" s="177">
        <v>0</v>
      </c>
      <c r="LZ42" s="177">
        <v>0</v>
      </c>
      <c r="MA42" s="177">
        <v>0</v>
      </c>
      <c r="MB42" s="177">
        <v>0</v>
      </c>
      <c r="MC42" s="181">
        <v>0</v>
      </c>
      <c r="MD42" s="182">
        <v>0</v>
      </c>
      <c r="ME42" s="179">
        <v>0</v>
      </c>
      <c r="MF42" s="177">
        <v>0</v>
      </c>
      <c r="MG42" s="181">
        <v>0</v>
      </c>
      <c r="MH42" s="396"/>
      <c r="MI42" s="177">
        <v>0</v>
      </c>
      <c r="MJ42" s="177">
        <v>0</v>
      </c>
      <c r="MK42" s="177">
        <v>0</v>
      </c>
      <c r="ML42" s="177">
        <v>176843</v>
      </c>
      <c r="MM42" s="177">
        <v>343097</v>
      </c>
      <c r="MN42" s="181">
        <v>519940</v>
      </c>
      <c r="MO42" s="183">
        <v>519940</v>
      </c>
      <c r="MP42" s="179">
        <v>0</v>
      </c>
      <c r="MQ42" s="177">
        <v>0</v>
      </c>
      <c r="MR42" s="181">
        <v>0</v>
      </c>
      <c r="MS42" s="396"/>
      <c r="MT42" s="177">
        <v>0</v>
      </c>
      <c r="MU42" s="177">
        <v>0</v>
      </c>
      <c r="MV42" s="177">
        <v>0</v>
      </c>
      <c r="MW42" s="177">
        <v>0</v>
      </c>
      <c r="MX42" s="177">
        <v>0</v>
      </c>
      <c r="MY42" s="181">
        <v>0</v>
      </c>
      <c r="MZ42" s="183">
        <v>0</v>
      </c>
      <c r="NA42" s="179">
        <v>0</v>
      </c>
      <c r="NB42" s="177">
        <v>0</v>
      </c>
      <c r="NC42" s="181">
        <v>0</v>
      </c>
      <c r="ND42" s="396"/>
      <c r="NE42" s="177">
        <v>0</v>
      </c>
      <c r="NF42" s="177">
        <v>0</v>
      </c>
      <c r="NG42" s="177">
        <v>0</v>
      </c>
      <c r="NH42" s="177">
        <v>176843</v>
      </c>
      <c r="NI42" s="177">
        <v>0</v>
      </c>
      <c r="NJ42" s="181">
        <v>176843</v>
      </c>
      <c r="NK42" s="361">
        <v>176843</v>
      </c>
      <c r="NL42" s="179">
        <v>0</v>
      </c>
      <c r="NM42" s="177">
        <v>0</v>
      </c>
      <c r="NN42" s="181">
        <v>0</v>
      </c>
      <c r="NO42" s="396"/>
      <c r="NP42" s="177">
        <v>0</v>
      </c>
      <c r="NQ42" s="177">
        <v>0</v>
      </c>
      <c r="NR42" s="177">
        <v>0</v>
      </c>
      <c r="NS42" s="177">
        <v>0</v>
      </c>
      <c r="NT42" s="177">
        <v>0</v>
      </c>
      <c r="NU42" s="181">
        <v>0</v>
      </c>
      <c r="NV42" s="182">
        <v>0</v>
      </c>
      <c r="NW42" s="179">
        <v>0</v>
      </c>
      <c r="NX42" s="177">
        <v>0</v>
      </c>
      <c r="NY42" s="181">
        <v>0</v>
      </c>
      <c r="NZ42" s="396"/>
      <c r="OA42" s="177">
        <v>0</v>
      </c>
      <c r="OB42" s="177">
        <v>0</v>
      </c>
      <c r="OC42" s="177">
        <v>0</v>
      </c>
      <c r="OD42" s="177">
        <v>0</v>
      </c>
      <c r="OE42" s="177">
        <v>343097</v>
      </c>
      <c r="OF42" s="181">
        <v>343097</v>
      </c>
      <c r="OG42" s="182">
        <v>343097</v>
      </c>
      <c r="OH42" s="179">
        <v>0</v>
      </c>
      <c r="OI42" s="177">
        <v>0</v>
      </c>
      <c r="OJ42" s="178">
        <v>0</v>
      </c>
      <c r="OK42" s="180">
        <v>0</v>
      </c>
      <c r="OL42" s="177">
        <v>0</v>
      </c>
      <c r="OM42" s="177">
        <v>0</v>
      </c>
      <c r="ON42" s="177">
        <v>0</v>
      </c>
      <c r="OO42" s="177">
        <v>492139</v>
      </c>
      <c r="OP42" s="177">
        <v>599704</v>
      </c>
      <c r="OQ42" s="181">
        <v>1091843</v>
      </c>
      <c r="OR42" s="183">
        <v>1091843</v>
      </c>
    </row>
    <row r="43" spans="1:408" x14ac:dyDescent="0.2">
      <c r="A43" s="44" t="s">
        <v>84</v>
      </c>
    </row>
  </sheetData>
  <mergeCells count="158">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S7:LS8"/>
    <mergeCell ref="LT7:LV7"/>
    <mergeCell ref="KM7:KO7"/>
    <mergeCell ref="KP7:KV7"/>
    <mergeCell ref="KW7:KW8"/>
    <mergeCell ref="KX7:KZ7"/>
    <mergeCell ref="LA7:LG7"/>
    <mergeCell ref="MP7:MR7"/>
    <mergeCell ref="MS7:MY7"/>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HN7:HP7"/>
    <mergeCell ref="HQ7:HW7"/>
    <mergeCell ref="HX7:HX8"/>
    <mergeCell ref="GR7:GT7"/>
    <mergeCell ref="GU7:HA7"/>
    <mergeCell ref="HB7:HB8"/>
    <mergeCell ref="HC7:HE7"/>
    <mergeCell ref="HF7:HL7"/>
    <mergeCell ref="HM7:HM8"/>
    <mergeCell ref="GQ7:GQ8"/>
    <mergeCell ref="EZ7:FB7"/>
    <mergeCell ref="FC7:FI7"/>
    <mergeCell ref="FJ7:FJ8"/>
    <mergeCell ref="FK7:FM7"/>
    <mergeCell ref="FN7:FT7"/>
    <mergeCell ref="FU7:FU8"/>
    <mergeCell ref="FV7:FX7"/>
    <mergeCell ref="FY7:GE7"/>
    <mergeCell ref="GF7:GF8"/>
    <mergeCell ref="GG7:GI7"/>
    <mergeCell ref="GJ7:GP7"/>
    <mergeCell ref="CZ7:DF7"/>
    <mergeCell ref="EY7:EY8"/>
    <mergeCell ref="DH7:DJ7"/>
    <mergeCell ref="DK7:DQ7"/>
    <mergeCell ref="DR7:DR8"/>
    <mergeCell ref="DS7:DU7"/>
    <mergeCell ref="DV7:EB7"/>
    <mergeCell ref="EC7:EC8"/>
    <mergeCell ref="ED7:EF7"/>
    <mergeCell ref="EG7:EM7"/>
    <mergeCell ref="EN7:EN8"/>
    <mergeCell ref="EO7:EQ7"/>
    <mergeCell ref="ER7:EX7"/>
    <mergeCell ref="CL7:CN7"/>
    <mergeCell ref="CO7:CU7"/>
    <mergeCell ref="CV7:CV8"/>
    <mergeCell ref="CW7:CY7"/>
    <mergeCell ref="BP7:BR7"/>
    <mergeCell ref="BS7:BY7"/>
    <mergeCell ref="BZ7:BZ8"/>
    <mergeCell ref="CA7:CC7"/>
    <mergeCell ref="CD7:CJ7"/>
    <mergeCell ref="E7:K7"/>
    <mergeCell ref="L7:L8"/>
    <mergeCell ref="M7:O7"/>
    <mergeCell ref="P7:V7"/>
    <mergeCell ref="FK6:FU6"/>
    <mergeCell ref="FV6:GF6"/>
    <mergeCell ref="M6:W6"/>
    <mergeCell ref="X6:AH6"/>
    <mergeCell ref="AI6:AS6"/>
    <mergeCell ref="AT6:BD6"/>
    <mergeCell ref="BE6:BO6"/>
    <mergeCell ref="BP6:BZ6"/>
    <mergeCell ref="DS6:EC6"/>
    <mergeCell ref="ED6:EN6"/>
    <mergeCell ref="W7:W8"/>
    <mergeCell ref="EO6:EY6"/>
    <mergeCell ref="EZ6:FJ6"/>
    <mergeCell ref="BO7:BO8"/>
    <mergeCell ref="X7:Z7"/>
    <mergeCell ref="AA7:AG7"/>
    <mergeCell ref="AH7:AH8"/>
    <mergeCell ref="AI7:AK7"/>
    <mergeCell ref="AL7:AR7"/>
    <mergeCell ref="CK7:CK8"/>
    <mergeCell ref="AS7:AS8"/>
    <mergeCell ref="AT7:AV7"/>
    <mergeCell ref="AW7:BC7"/>
    <mergeCell ref="BD7:BD8"/>
    <mergeCell ref="BE7:BG7"/>
    <mergeCell ref="BH7:BN7"/>
    <mergeCell ref="DG7:DG8"/>
    <mergeCell ref="F1:G1"/>
    <mergeCell ref="A4:A8"/>
    <mergeCell ref="B4:L6"/>
    <mergeCell ref="M4:HX4"/>
    <mergeCell ref="M5:BZ5"/>
    <mergeCell ref="CA5:DG5"/>
    <mergeCell ref="DH5:FJ5"/>
    <mergeCell ref="FK5:HB5"/>
    <mergeCell ref="HC5:HM6"/>
    <mergeCell ref="HN5:HX6"/>
    <mergeCell ref="GG6:GQ6"/>
    <mergeCell ref="GR6:HB6"/>
    <mergeCell ref="CA6:CK6"/>
    <mergeCell ref="CL6:CV6"/>
    <mergeCell ref="CW6:DG6"/>
    <mergeCell ref="DH6:DR6"/>
    <mergeCell ref="B7:D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HX41"/>
  <sheetViews>
    <sheetView zoomScaleNormal="100" workbookViewId="0">
      <pane xSplit="1" ySplit="7" topLeftCell="B8" activePane="bottomRight" state="frozen"/>
      <selection pane="topRight" activeCell="B1" sqref="B1"/>
      <selection pane="bottomLeft" activeCell="A8" sqref="A8"/>
      <selection pane="bottomRight"/>
    </sheetView>
  </sheetViews>
  <sheetFormatPr defaultColWidth="9" defaultRowHeight="13.2" x14ac:dyDescent="0.2"/>
  <cols>
    <col min="1" max="1" width="9.88671875" style="324" customWidth="1"/>
    <col min="2" max="3" width="9.21875" style="324" bestFit="1" customWidth="1"/>
    <col min="4" max="4" width="10.77734375" style="324" bestFit="1" customWidth="1"/>
    <col min="5" max="5" width="7.109375" style="324" customWidth="1"/>
    <col min="6" max="10" width="10.44140625" style="324" bestFit="1" customWidth="1"/>
    <col min="11" max="12" width="11.6640625" style="324" bestFit="1" customWidth="1"/>
    <col min="13" max="15" width="9.21875" style="324" bestFit="1" customWidth="1"/>
    <col min="16" max="16" width="7.44140625" style="324" customWidth="1"/>
    <col min="17" max="17" width="9.21875" style="324" bestFit="1" customWidth="1"/>
    <col min="18" max="21" width="10.44140625" style="324" bestFit="1" customWidth="1"/>
    <col min="22" max="23" width="11.6640625" style="324" bestFit="1" customWidth="1"/>
    <col min="24" max="26" width="9.109375" style="324" bestFit="1" customWidth="1"/>
    <col min="27" max="27" width="7" style="324" customWidth="1"/>
    <col min="28" max="29" width="9.109375" style="324" bestFit="1" customWidth="1"/>
    <col min="30" max="31" width="9.6640625" style="324" bestFit="1" customWidth="1"/>
    <col min="32" max="32" width="9.109375" style="324" bestFit="1" customWidth="1"/>
    <col min="33" max="34" width="9.6640625" style="324" bestFit="1" customWidth="1"/>
    <col min="35" max="37" width="9.109375" style="324" bestFit="1" customWidth="1"/>
    <col min="38" max="38" width="7.33203125" style="324" customWidth="1"/>
    <col min="39" max="48" width="9.109375" style="324" bestFit="1" customWidth="1"/>
    <col min="49" max="49" width="7.33203125" style="324" customWidth="1"/>
    <col min="50" max="59" width="9.109375" style="324" bestFit="1" customWidth="1"/>
    <col min="60" max="60" width="7.77734375" style="324" customWidth="1"/>
    <col min="61" max="70" width="9.109375" style="324" bestFit="1" customWidth="1"/>
    <col min="71" max="71" width="7.77734375" style="324" customWidth="1"/>
    <col min="72" max="76" width="9.109375" style="324" bestFit="1" customWidth="1"/>
    <col min="77" max="78" width="9.6640625" style="324" bestFit="1" customWidth="1"/>
    <col min="79" max="81" width="9.109375" style="324" bestFit="1" customWidth="1"/>
    <col min="82" max="82" width="7.88671875" style="324" customWidth="1"/>
    <col min="83" max="92" width="9.109375" style="324" bestFit="1" customWidth="1"/>
    <col min="93" max="93" width="8" style="324" customWidth="1"/>
    <col min="94" max="103" width="9.109375" style="324" bestFit="1" customWidth="1"/>
    <col min="104" max="104" width="8" style="324" customWidth="1"/>
    <col min="105" max="114" width="9.109375" style="324" bestFit="1" customWidth="1"/>
    <col min="115" max="115" width="7.6640625" style="324" customWidth="1"/>
    <col min="116" max="116" width="9.109375" style="324" bestFit="1" customWidth="1"/>
    <col min="117" max="120" width="9.6640625" style="324" bestFit="1" customWidth="1"/>
    <col min="121" max="122" width="10.6640625" style="324" bestFit="1" customWidth="1"/>
    <col min="123" max="125" width="9.109375" style="324" bestFit="1" customWidth="1"/>
    <col min="126" max="126" width="7.44140625" style="324" customWidth="1"/>
    <col min="127" max="128" width="9.109375" style="324" bestFit="1" customWidth="1"/>
    <col min="129" max="133" width="9.6640625" style="324" bestFit="1" customWidth="1"/>
    <col min="134" max="136" width="9.109375" style="324" bestFit="1" customWidth="1"/>
    <col min="137" max="137" width="7.6640625" style="324" customWidth="1"/>
    <col min="138" max="147" width="9.109375" style="324" bestFit="1" customWidth="1"/>
    <col min="148" max="148" width="7.77734375" style="324" customWidth="1"/>
    <col min="149" max="158" width="9.109375" style="324" bestFit="1" customWidth="1"/>
    <col min="159" max="159" width="7.77734375" style="324" customWidth="1"/>
    <col min="160" max="169" width="9.109375" style="324" bestFit="1" customWidth="1"/>
    <col min="170" max="170" width="7.33203125" style="324" customWidth="1"/>
    <col min="171" max="180" width="9.109375" style="324" bestFit="1" customWidth="1"/>
    <col min="181" max="181" width="8" style="324" customWidth="1"/>
    <col min="182" max="187" width="9.109375" style="324" bestFit="1" customWidth="1"/>
    <col min="188" max="188" width="9.6640625" style="324" bestFit="1" customWidth="1"/>
    <col min="189" max="191" width="9.109375" style="324" bestFit="1" customWidth="1"/>
    <col min="192" max="192" width="7.44140625" style="324" customWidth="1"/>
    <col min="193" max="202" width="9.109375" style="324" bestFit="1" customWidth="1"/>
    <col min="203" max="203" width="7.88671875" style="324" customWidth="1"/>
    <col min="204" max="213" width="9.109375" style="324" bestFit="1" customWidth="1"/>
    <col min="214" max="214" width="7.88671875" style="324" customWidth="1"/>
    <col min="215" max="224" width="9.109375" style="324" bestFit="1" customWidth="1"/>
    <col min="225" max="225" width="7.6640625" style="324" customWidth="1"/>
    <col min="226" max="228" width="9.6640625" style="324" bestFit="1" customWidth="1"/>
    <col min="229" max="229" width="10.6640625" style="324" bestFit="1" customWidth="1"/>
    <col min="230" max="230" width="9.6640625" style="324" bestFit="1" customWidth="1"/>
    <col min="231" max="232" width="10.6640625" style="324" bestFit="1" customWidth="1"/>
    <col min="233" max="16384" width="9" style="324"/>
  </cols>
  <sheetData>
    <row r="1" spans="1:232" s="1" customFormat="1" ht="25.5" customHeight="1" x14ac:dyDescent="0.2">
      <c r="A1" s="20" t="s">
        <v>0</v>
      </c>
      <c r="B1" s="39"/>
      <c r="C1" s="39"/>
      <c r="D1" s="416">
        <f>第１表!F2</f>
        <v>3</v>
      </c>
      <c r="E1" s="285">
        <f>第１表!G2</f>
        <v>12</v>
      </c>
      <c r="F1" s="678">
        <f>IF(E1&lt;3,E1-2+12,E1-2)</f>
        <v>10</v>
      </c>
      <c r="G1" s="678"/>
      <c r="I1" s="39"/>
      <c r="J1" s="39"/>
      <c r="K1" s="39"/>
      <c r="CK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row>
    <row r="2" spans="1:232" ht="25.5" customHeight="1" thickBot="1" x14ac:dyDescent="0.25">
      <c r="A2" s="20" t="s">
        <v>120</v>
      </c>
    </row>
    <row r="3" spans="1:232" ht="19.5" customHeight="1" thickBot="1" x14ac:dyDescent="0.25">
      <c r="A3" s="679"/>
      <c r="B3" s="657" t="s">
        <v>116</v>
      </c>
      <c r="C3" s="658"/>
      <c r="D3" s="658"/>
      <c r="E3" s="658"/>
      <c r="F3" s="658"/>
      <c r="G3" s="658"/>
      <c r="H3" s="658"/>
      <c r="I3" s="658"/>
      <c r="J3" s="658"/>
      <c r="K3" s="658"/>
      <c r="L3" s="658"/>
      <c r="M3" s="447"/>
      <c r="N3" s="447"/>
      <c r="O3" s="447"/>
      <c r="P3" s="447"/>
      <c r="Q3" s="447"/>
      <c r="R3" s="447"/>
      <c r="S3" s="447"/>
      <c r="T3" s="447"/>
      <c r="U3" s="447"/>
      <c r="V3" s="447"/>
      <c r="W3" s="447"/>
      <c r="X3" s="447"/>
      <c r="Y3" s="447"/>
      <c r="Z3" s="447"/>
      <c r="AA3" s="447"/>
      <c r="AB3" s="447"/>
      <c r="AC3" s="447"/>
      <c r="AD3" s="447"/>
      <c r="AE3" s="447"/>
      <c r="AF3" s="447"/>
      <c r="AG3" s="447"/>
      <c r="AH3" s="447"/>
      <c r="AI3" s="447"/>
      <c r="AJ3" s="447"/>
      <c r="AK3" s="447"/>
      <c r="AL3" s="447"/>
      <c r="AM3" s="447"/>
      <c r="AN3" s="447"/>
      <c r="AO3" s="447"/>
      <c r="AP3" s="447"/>
      <c r="AQ3" s="447"/>
      <c r="AR3" s="447"/>
      <c r="AS3" s="447"/>
      <c r="AT3" s="447"/>
      <c r="AU3" s="447"/>
      <c r="AV3" s="447"/>
      <c r="AW3" s="447"/>
      <c r="AX3" s="447"/>
      <c r="AY3" s="447"/>
      <c r="AZ3" s="447"/>
      <c r="BA3" s="447"/>
      <c r="BB3" s="447"/>
      <c r="BC3" s="447"/>
      <c r="BD3" s="447"/>
      <c r="BE3" s="447"/>
      <c r="BF3" s="447"/>
      <c r="BG3" s="447"/>
      <c r="BH3" s="447"/>
      <c r="BI3" s="447"/>
      <c r="BJ3" s="447"/>
      <c r="BK3" s="447"/>
      <c r="BL3" s="447"/>
      <c r="BM3" s="447"/>
      <c r="BN3" s="447"/>
      <c r="BO3" s="447"/>
      <c r="BP3" s="447"/>
      <c r="BQ3" s="447"/>
      <c r="BR3" s="447"/>
      <c r="BS3" s="447"/>
      <c r="BT3" s="447"/>
      <c r="BU3" s="447"/>
      <c r="BV3" s="447"/>
      <c r="BW3" s="447"/>
      <c r="BX3" s="447"/>
      <c r="BY3" s="447"/>
      <c r="BZ3" s="447"/>
      <c r="CA3" s="447"/>
      <c r="CB3" s="447"/>
      <c r="CC3" s="447"/>
      <c r="CD3" s="447"/>
      <c r="CE3" s="447"/>
      <c r="CF3" s="447"/>
      <c r="CG3" s="447"/>
      <c r="CH3" s="447"/>
      <c r="CI3" s="447"/>
      <c r="CJ3" s="447"/>
      <c r="CK3" s="447"/>
      <c r="CL3" s="447"/>
      <c r="CM3" s="447"/>
      <c r="CN3" s="447"/>
      <c r="CO3" s="447"/>
      <c r="CP3" s="447"/>
      <c r="CQ3" s="447"/>
      <c r="CR3" s="447"/>
      <c r="CS3" s="447"/>
      <c r="CT3" s="447"/>
      <c r="CU3" s="447"/>
      <c r="CV3" s="447"/>
      <c r="CW3" s="447"/>
      <c r="CX3" s="447"/>
      <c r="CY3" s="447"/>
      <c r="CZ3" s="447"/>
      <c r="DA3" s="447"/>
      <c r="DB3" s="447"/>
      <c r="DC3" s="447"/>
      <c r="DD3" s="447"/>
      <c r="DE3" s="447"/>
      <c r="DF3" s="447"/>
      <c r="DG3" s="448"/>
      <c r="DH3" s="657" t="s">
        <v>118</v>
      </c>
      <c r="DI3" s="658"/>
      <c r="DJ3" s="658"/>
      <c r="DK3" s="658"/>
      <c r="DL3" s="658"/>
      <c r="DM3" s="658"/>
      <c r="DN3" s="658"/>
      <c r="DO3" s="658"/>
      <c r="DP3" s="658"/>
      <c r="DQ3" s="658"/>
      <c r="DR3" s="658"/>
      <c r="DS3" s="658"/>
      <c r="DT3" s="658"/>
      <c r="DU3" s="658"/>
      <c r="DV3" s="658"/>
      <c r="DW3" s="658"/>
      <c r="DX3" s="658"/>
      <c r="DY3" s="658"/>
      <c r="DZ3" s="658"/>
      <c r="EA3" s="658"/>
      <c r="EB3" s="658"/>
      <c r="EC3" s="658"/>
      <c r="ED3" s="658"/>
      <c r="EE3" s="658"/>
      <c r="EF3" s="658"/>
      <c r="EG3" s="658"/>
      <c r="EH3" s="658"/>
      <c r="EI3" s="658"/>
      <c r="EJ3" s="658"/>
      <c r="EK3" s="658"/>
      <c r="EL3" s="658"/>
      <c r="EM3" s="658"/>
      <c r="EN3" s="658"/>
      <c r="EO3" s="658"/>
      <c r="EP3" s="658"/>
      <c r="EQ3" s="658"/>
      <c r="ER3" s="658"/>
      <c r="ES3" s="658"/>
      <c r="ET3" s="658"/>
      <c r="EU3" s="658"/>
      <c r="EV3" s="658"/>
      <c r="EW3" s="658"/>
      <c r="EX3" s="658"/>
      <c r="EY3" s="658"/>
      <c r="EZ3" s="658"/>
      <c r="FA3" s="658"/>
      <c r="FB3" s="658"/>
      <c r="FC3" s="658"/>
      <c r="FD3" s="658"/>
      <c r="FE3" s="658"/>
      <c r="FF3" s="658"/>
      <c r="FG3" s="658"/>
      <c r="FH3" s="658"/>
      <c r="FI3" s="658"/>
      <c r="FJ3" s="658"/>
      <c r="FK3" s="658"/>
      <c r="FL3" s="658"/>
      <c r="FM3" s="658"/>
      <c r="FN3" s="658"/>
      <c r="FO3" s="658"/>
      <c r="FP3" s="658"/>
      <c r="FQ3" s="658"/>
      <c r="FR3" s="658"/>
      <c r="FS3" s="658"/>
      <c r="FT3" s="658"/>
      <c r="FU3" s="658"/>
      <c r="FV3" s="658"/>
      <c r="FW3" s="658"/>
      <c r="FX3" s="658"/>
      <c r="FY3" s="658"/>
      <c r="FZ3" s="658"/>
      <c r="GA3" s="658"/>
      <c r="GB3" s="658"/>
      <c r="GC3" s="658"/>
      <c r="GD3" s="658"/>
      <c r="GE3" s="658"/>
      <c r="GF3" s="658"/>
      <c r="GG3" s="658"/>
      <c r="GH3" s="658"/>
      <c r="GI3" s="658"/>
      <c r="GJ3" s="658"/>
      <c r="GK3" s="658"/>
      <c r="GL3" s="658"/>
      <c r="GM3" s="658"/>
      <c r="GN3" s="658"/>
      <c r="GO3" s="658"/>
      <c r="GP3" s="658"/>
      <c r="GQ3" s="658"/>
      <c r="GR3" s="658"/>
      <c r="GS3" s="658"/>
      <c r="GT3" s="658"/>
      <c r="GU3" s="658"/>
      <c r="GV3" s="658"/>
      <c r="GW3" s="658"/>
      <c r="GX3" s="658"/>
      <c r="GY3" s="658"/>
      <c r="GZ3" s="658"/>
      <c r="HA3" s="658"/>
      <c r="HB3" s="658"/>
      <c r="HC3" s="658"/>
      <c r="HD3" s="658"/>
      <c r="HE3" s="658"/>
      <c r="HF3" s="658"/>
      <c r="HG3" s="658"/>
      <c r="HH3" s="658"/>
      <c r="HI3" s="658"/>
      <c r="HJ3" s="658"/>
      <c r="HK3" s="658"/>
      <c r="HL3" s="658"/>
      <c r="HM3" s="659"/>
      <c r="HN3" s="660" t="s">
        <v>60</v>
      </c>
      <c r="HO3" s="661"/>
      <c r="HP3" s="661"/>
      <c r="HQ3" s="661"/>
      <c r="HR3" s="661"/>
      <c r="HS3" s="661"/>
      <c r="HT3" s="661"/>
      <c r="HU3" s="661"/>
      <c r="HV3" s="661"/>
      <c r="HW3" s="661"/>
      <c r="HX3" s="662"/>
    </row>
    <row r="4" spans="1:232" ht="19.5" customHeight="1" thickBot="1" x14ac:dyDescent="0.25">
      <c r="A4" s="680"/>
      <c r="B4" s="666"/>
      <c r="C4" s="667"/>
      <c r="D4" s="667"/>
      <c r="E4" s="667"/>
      <c r="F4" s="667"/>
      <c r="G4" s="667"/>
      <c r="H4" s="667"/>
      <c r="I4" s="667"/>
      <c r="J4" s="667"/>
      <c r="K4" s="667"/>
      <c r="L4" s="669"/>
      <c r="M4" s="654" t="s">
        <v>57</v>
      </c>
      <c r="N4" s="655"/>
      <c r="O4" s="655"/>
      <c r="P4" s="655"/>
      <c r="Q4" s="655"/>
      <c r="R4" s="655"/>
      <c r="S4" s="655"/>
      <c r="T4" s="655"/>
      <c r="U4" s="655"/>
      <c r="V4" s="655"/>
      <c r="W4" s="656"/>
      <c r="X4" s="654" t="s">
        <v>58</v>
      </c>
      <c r="Y4" s="655"/>
      <c r="Z4" s="655"/>
      <c r="AA4" s="655"/>
      <c r="AB4" s="655"/>
      <c r="AC4" s="655"/>
      <c r="AD4" s="655"/>
      <c r="AE4" s="655"/>
      <c r="AF4" s="655"/>
      <c r="AG4" s="655"/>
      <c r="AH4" s="656"/>
      <c r="AI4" s="654" t="s">
        <v>59</v>
      </c>
      <c r="AJ4" s="655"/>
      <c r="AK4" s="655"/>
      <c r="AL4" s="655"/>
      <c r="AM4" s="655"/>
      <c r="AN4" s="655"/>
      <c r="AO4" s="655"/>
      <c r="AP4" s="655"/>
      <c r="AQ4" s="655"/>
      <c r="AR4" s="655"/>
      <c r="AS4" s="656"/>
      <c r="AT4" s="654" t="s">
        <v>151</v>
      </c>
      <c r="AU4" s="655"/>
      <c r="AV4" s="655"/>
      <c r="AW4" s="655"/>
      <c r="AX4" s="655"/>
      <c r="AY4" s="655"/>
      <c r="AZ4" s="655"/>
      <c r="BA4" s="655"/>
      <c r="BB4" s="655"/>
      <c r="BC4" s="655"/>
      <c r="BD4" s="656"/>
      <c r="BE4" s="654" t="s">
        <v>117</v>
      </c>
      <c r="BF4" s="655"/>
      <c r="BG4" s="655"/>
      <c r="BH4" s="655"/>
      <c r="BI4" s="655"/>
      <c r="BJ4" s="655"/>
      <c r="BK4" s="655"/>
      <c r="BL4" s="655"/>
      <c r="BM4" s="655"/>
      <c r="BN4" s="655"/>
      <c r="BO4" s="656"/>
      <c r="BP4" s="654" t="s">
        <v>77</v>
      </c>
      <c r="BQ4" s="655"/>
      <c r="BR4" s="655"/>
      <c r="BS4" s="655"/>
      <c r="BT4" s="655"/>
      <c r="BU4" s="655"/>
      <c r="BV4" s="655"/>
      <c r="BW4" s="655"/>
      <c r="BX4" s="655"/>
      <c r="BY4" s="655"/>
      <c r="BZ4" s="656"/>
      <c r="CA4" s="654" t="s">
        <v>78</v>
      </c>
      <c r="CB4" s="655"/>
      <c r="CC4" s="655"/>
      <c r="CD4" s="655"/>
      <c r="CE4" s="655"/>
      <c r="CF4" s="655"/>
      <c r="CG4" s="655"/>
      <c r="CH4" s="655"/>
      <c r="CI4" s="655"/>
      <c r="CJ4" s="655"/>
      <c r="CK4" s="656"/>
      <c r="CL4" s="654" t="s">
        <v>79</v>
      </c>
      <c r="CM4" s="655"/>
      <c r="CN4" s="655"/>
      <c r="CO4" s="655"/>
      <c r="CP4" s="655"/>
      <c r="CQ4" s="655"/>
      <c r="CR4" s="655"/>
      <c r="CS4" s="655"/>
      <c r="CT4" s="655"/>
      <c r="CU4" s="655"/>
      <c r="CV4" s="656"/>
      <c r="CW4" s="654" t="s">
        <v>152</v>
      </c>
      <c r="CX4" s="655"/>
      <c r="CY4" s="655"/>
      <c r="CZ4" s="655"/>
      <c r="DA4" s="655"/>
      <c r="DB4" s="655"/>
      <c r="DC4" s="655"/>
      <c r="DD4" s="655"/>
      <c r="DE4" s="655"/>
      <c r="DF4" s="655"/>
      <c r="DG4" s="656"/>
      <c r="DH4" s="666"/>
      <c r="DI4" s="667"/>
      <c r="DJ4" s="667"/>
      <c r="DK4" s="667"/>
      <c r="DL4" s="667"/>
      <c r="DM4" s="667"/>
      <c r="DN4" s="667"/>
      <c r="DO4" s="667"/>
      <c r="DP4" s="667"/>
      <c r="DQ4" s="667"/>
      <c r="DR4" s="668"/>
      <c r="DS4" s="654" t="s">
        <v>57</v>
      </c>
      <c r="DT4" s="655"/>
      <c r="DU4" s="655"/>
      <c r="DV4" s="655"/>
      <c r="DW4" s="655"/>
      <c r="DX4" s="655"/>
      <c r="DY4" s="655"/>
      <c r="DZ4" s="655"/>
      <c r="EA4" s="655"/>
      <c r="EB4" s="655"/>
      <c r="EC4" s="656"/>
      <c r="ED4" s="654" t="s">
        <v>58</v>
      </c>
      <c r="EE4" s="655"/>
      <c r="EF4" s="655"/>
      <c r="EG4" s="655"/>
      <c r="EH4" s="655"/>
      <c r="EI4" s="655"/>
      <c r="EJ4" s="655"/>
      <c r="EK4" s="655"/>
      <c r="EL4" s="655"/>
      <c r="EM4" s="655"/>
      <c r="EN4" s="656"/>
      <c r="EO4" s="654" t="s">
        <v>59</v>
      </c>
      <c r="EP4" s="655"/>
      <c r="EQ4" s="655"/>
      <c r="ER4" s="655"/>
      <c r="ES4" s="655"/>
      <c r="ET4" s="655"/>
      <c r="EU4" s="655"/>
      <c r="EV4" s="655"/>
      <c r="EW4" s="655"/>
      <c r="EX4" s="655"/>
      <c r="EY4" s="656"/>
      <c r="EZ4" s="654" t="s">
        <v>151</v>
      </c>
      <c r="FA4" s="655"/>
      <c r="FB4" s="655"/>
      <c r="FC4" s="655"/>
      <c r="FD4" s="655"/>
      <c r="FE4" s="655"/>
      <c r="FF4" s="655"/>
      <c r="FG4" s="655"/>
      <c r="FH4" s="655"/>
      <c r="FI4" s="655"/>
      <c r="FJ4" s="656"/>
      <c r="FK4" s="654" t="s">
        <v>117</v>
      </c>
      <c r="FL4" s="655"/>
      <c r="FM4" s="655"/>
      <c r="FN4" s="655"/>
      <c r="FO4" s="655"/>
      <c r="FP4" s="655"/>
      <c r="FQ4" s="655"/>
      <c r="FR4" s="655"/>
      <c r="FS4" s="655"/>
      <c r="FT4" s="655"/>
      <c r="FU4" s="656"/>
      <c r="FV4" s="654" t="s">
        <v>77</v>
      </c>
      <c r="FW4" s="655"/>
      <c r="FX4" s="655"/>
      <c r="FY4" s="655"/>
      <c r="FZ4" s="655"/>
      <c r="GA4" s="655"/>
      <c r="GB4" s="655"/>
      <c r="GC4" s="655"/>
      <c r="GD4" s="655"/>
      <c r="GE4" s="655"/>
      <c r="GF4" s="656"/>
      <c r="GG4" s="654" t="s">
        <v>78</v>
      </c>
      <c r="GH4" s="655"/>
      <c r="GI4" s="655"/>
      <c r="GJ4" s="655"/>
      <c r="GK4" s="655"/>
      <c r="GL4" s="655"/>
      <c r="GM4" s="655"/>
      <c r="GN4" s="655"/>
      <c r="GO4" s="655"/>
      <c r="GP4" s="655"/>
      <c r="GQ4" s="656"/>
      <c r="GR4" s="654" t="s">
        <v>79</v>
      </c>
      <c r="GS4" s="655"/>
      <c r="GT4" s="655"/>
      <c r="GU4" s="655"/>
      <c r="GV4" s="655"/>
      <c r="GW4" s="655"/>
      <c r="GX4" s="655"/>
      <c r="GY4" s="655"/>
      <c r="GZ4" s="655"/>
      <c r="HA4" s="655"/>
      <c r="HB4" s="656"/>
      <c r="HC4" s="654" t="s">
        <v>152</v>
      </c>
      <c r="HD4" s="655"/>
      <c r="HE4" s="655"/>
      <c r="HF4" s="655"/>
      <c r="HG4" s="655"/>
      <c r="HH4" s="655"/>
      <c r="HI4" s="655"/>
      <c r="HJ4" s="655"/>
      <c r="HK4" s="655"/>
      <c r="HL4" s="655"/>
      <c r="HM4" s="656"/>
      <c r="HN4" s="663"/>
      <c r="HO4" s="664"/>
      <c r="HP4" s="664"/>
      <c r="HQ4" s="664"/>
      <c r="HR4" s="664"/>
      <c r="HS4" s="664"/>
      <c r="HT4" s="664"/>
      <c r="HU4" s="664"/>
      <c r="HV4" s="664"/>
      <c r="HW4" s="664"/>
      <c r="HX4" s="665"/>
    </row>
    <row r="5" spans="1:232" ht="19.5" customHeight="1" x14ac:dyDescent="0.2">
      <c r="A5" s="680"/>
      <c r="B5" s="670" t="s">
        <v>61</v>
      </c>
      <c r="C5" s="671"/>
      <c r="D5" s="672"/>
      <c r="E5" s="673" t="s">
        <v>62</v>
      </c>
      <c r="F5" s="671"/>
      <c r="G5" s="671"/>
      <c r="H5" s="671"/>
      <c r="I5" s="671"/>
      <c r="J5" s="671"/>
      <c r="K5" s="674"/>
      <c r="L5" s="675" t="s">
        <v>52</v>
      </c>
      <c r="M5" s="666" t="s">
        <v>61</v>
      </c>
      <c r="N5" s="667"/>
      <c r="O5" s="668"/>
      <c r="P5" s="676" t="s">
        <v>62</v>
      </c>
      <c r="Q5" s="667"/>
      <c r="R5" s="667"/>
      <c r="S5" s="667"/>
      <c r="T5" s="667"/>
      <c r="U5" s="667"/>
      <c r="V5" s="677"/>
      <c r="W5" s="596" t="s">
        <v>52</v>
      </c>
      <c r="X5" s="666" t="s">
        <v>61</v>
      </c>
      <c r="Y5" s="667"/>
      <c r="Z5" s="668"/>
      <c r="AA5" s="676" t="s">
        <v>62</v>
      </c>
      <c r="AB5" s="667"/>
      <c r="AC5" s="667"/>
      <c r="AD5" s="667"/>
      <c r="AE5" s="667"/>
      <c r="AF5" s="667"/>
      <c r="AG5" s="677"/>
      <c r="AH5" s="596" t="s">
        <v>52</v>
      </c>
      <c r="AI5" s="666" t="s">
        <v>61</v>
      </c>
      <c r="AJ5" s="667"/>
      <c r="AK5" s="668"/>
      <c r="AL5" s="676" t="s">
        <v>62</v>
      </c>
      <c r="AM5" s="667"/>
      <c r="AN5" s="667"/>
      <c r="AO5" s="667"/>
      <c r="AP5" s="667"/>
      <c r="AQ5" s="667"/>
      <c r="AR5" s="677"/>
      <c r="AS5" s="596" t="s">
        <v>52</v>
      </c>
      <c r="AT5" s="666" t="s">
        <v>61</v>
      </c>
      <c r="AU5" s="667"/>
      <c r="AV5" s="668"/>
      <c r="AW5" s="676" t="s">
        <v>62</v>
      </c>
      <c r="AX5" s="667"/>
      <c r="AY5" s="667"/>
      <c r="AZ5" s="667"/>
      <c r="BA5" s="667"/>
      <c r="BB5" s="667"/>
      <c r="BC5" s="677"/>
      <c r="BD5" s="596" t="s">
        <v>52</v>
      </c>
      <c r="BE5" s="666" t="s">
        <v>61</v>
      </c>
      <c r="BF5" s="667"/>
      <c r="BG5" s="668"/>
      <c r="BH5" s="676" t="s">
        <v>62</v>
      </c>
      <c r="BI5" s="667"/>
      <c r="BJ5" s="667"/>
      <c r="BK5" s="667"/>
      <c r="BL5" s="667"/>
      <c r="BM5" s="667"/>
      <c r="BN5" s="677"/>
      <c r="BO5" s="596" t="s">
        <v>52</v>
      </c>
      <c r="BP5" s="666" t="s">
        <v>61</v>
      </c>
      <c r="BQ5" s="667"/>
      <c r="BR5" s="668"/>
      <c r="BS5" s="676" t="s">
        <v>62</v>
      </c>
      <c r="BT5" s="667"/>
      <c r="BU5" s="667"/>
      <c r="BV5" s="667"/>
      <c r="BW5" s="667"/>
      <c r="BX5" s="667"/>
      <c r="BY5" s="677"/>
      <c r="BZ5" s="596" t="s">
        <v>52</v>
      </c>
      <c r="CA5" s="666" t="s">
        <v>61</v>
      </c>
      <c r="CB5" s="667"/>
      <c r="CC5" s="668"/>
      <c r="CD5" s="676" t="s">
        <v>62</v>
      </c>
      <c r="CE5" s="667"/>
      <c r="CF5" s="667"/>
      <c r="CG5" s="667"/>
      <c r="CH5" s="667"/>
      <c r="CI5" s="667"/>
      <c r="CJ5" s="677"/>
      <c r="CK5" s="596" t="s">
        <v>52</v>
      </c>
      <c r="CL5" s="666" t="s">
        <v>61</v>
      </c>
      <c r="CM5" s="667"/>
      <c r="CN5" s="668"/>
      <c r="CO5" s="676" t="s">
        <v>62</v>
      </c>
      <c r="CP5" s="667"/>
      <c r="CQ5" s="667"/>
      <c r="CR5" s="667"/>
      <c r="CS5" s="667"/>
      <c r="CT5" s="667"/>
      <c r="CU5" s="677"/>
      <c r="CV5" s="596" t="s">
        <v>52</v>
      </c>
      <c r="CW5" s="666" t="s">
        <v>61</v>
      </c>
      <c r="CX5" s="667"/>
      <c r="CY5" s="668"/>
      <c r="CZ5" s="676" t="s">
        <v>62</v>
      </c>
      <c r="DA5" s="667"/>
      <c r="DB5" s="667"/>
      <c r="DC5" s="667"/>
      <c r="DD5" s="667"/>
      <c r="DE5" s="667"/>
      <c r="DF5" s="677"/>
      <c r="DG5" s="596" t="s">
        <v>52</v>
      </c>
      <c r="DH5" s="670" t="s">
        <v>61</v>
      </c>
      <c r="DI5" s="671"/>
      <c r="DJ5" s="672"/>
      <c r="DK5" s="673" t="s">
        <v>62</v>
      </c>
      <c r="DL5" s="671"/>
      <c r="DM5" s="671"/>
      <c r="DN5" s="671"/>
      <c r="DO5" s="671"/>
      <c r="DP5" s="671"/>
      <c r="DQ5" s="674"/>
      <c r="DR5" s="681" t="s">
        <v>52</v>
      </c>
      <c r="DS5" s="666" t="s">
        <v>61</v>
      </c>
      <c r="DT5" s="667"/>
      <c r="DU5" s="668"/>
      <c r="DV5" s="676" t="s">
        <v>62</v>
      </c>
      <c r="DW5" s="667"/>
      <c r="DX5" s="667"/>
      <c r="DY5" s="667"/>
      <c r="DZ5" s="667"/>
      <c r="EA5" s="667"/>
      <c r="EB5" s="677"/>
      <c r="EC5" s="596" t="s">
        <v>52</v>
      </c>
      <c r="ED5" s="666" t="s">
        <v>61</v>
      </c>
      <c r="EE5" s="667"/>
      <c r="EF5" s="668"/>
      <c r="EG5" s="676" t="s">
        <v>62</v>
      </c>
      <c r="EH5" s="667"/>
      <c r="EI5" s="667"/>
      <c r="EJ5" s="667"/>
      <c r="EK5" s="667"/>
      <c r="EL5" s="667"/>
      <c r="EM5" s="677"/>
      <c r="EN5" s="596" t="s">
        <v>52</v>
      </c>
      <c r="EO5" s="666" t="s">
        <v>61</v>
      </c>
      <c r="EP5" s="667"/>
      <c r="EQ5" s="668"/>
      <c r="ER5" s="676" t="s">
        <v>62</v>
      </c>
      <c r="ES5" s="667"/>
      <c r="ET5" s="667"/>
      <c r="EU5" s="667"/>
      <c r="EV5" s="667"/>
      <c r="EW5" s="667"/>
      <c r="EX5" s="677"/>
      <c r="EY5" s="596" t="s">
        <v>52</v>
      </c>
      <c r="EZ5" s="666" t="s">
        <v>61</v>
      </c>
      <c r="FA5" s="667"/>
      <c r="FB5" s="668"/>
      <c r="FC5" s="676" t="s">
        <v>62</v>
      </c>
      <c r="FD5" s="667"/>
      <c r="FE5" s="667"/>
      <c r="FF5" s="667"/>
      <c r="FG5" s="667"/>
      <c r="FH5" s="667"/>
      <c r="FI5" s="677"/>
      <c r="FJ5" s="596" t="s">
        <v>52</v>
      </c>
      <c r="FK5" s="666" t="s">
        <v>61</v>
      </c>
      <c r="FL5" s="667"/>
      <c r="FM5" s="668"/>
      <c r="FN5" s="676" t="s">
        <v>62</v>
      </c>
      <c r="FO5" s="667"/>
      <c r="FP5" s="667"/>
      <c r="FQ5" s="667"/>
      <c r="FR5" s="667"/>
      <c r="FS5" s="667"/>
      <c r="FT5" s="677"/>
      <c r="FU5" s="596" t="s">
        <v>52</v>
      </c>
      <c r="FV5" s="666" t="s">
        <v>61</v>
      </c>
      <c r="FW5" s="667"/>
      <c r="FX5" s="668"/>
      <c r="FY5" s="676" t="s">
        <v>62</v>
      </c>
      <c r="FZ5" s="667"/>
      <c r="GA5" s="667"/>
      <c r="GB5" s="667"/>
      <c r="GC5" s="667"/>
      <c r="GD5" s="667"/>
      <c r="GE5" s="677"/>
      <c r="GF5" s="596" t="s">
        <v>52</v>
      </c>
      <c r="GG5" s="666" t="s">
        <v>61</v>
      </c>
      <c r="GH5" s="667"/>
      <c r="GI5" s="668"/>
      <c r="GJ5" s="676" t="s">
        <v>62</v>
      </c>
      <c r="GK5" s="667"/>
      <c r="GL5" s="667"/>
      <c r="GM5" s="667"/>
      <c r="GN5" s="667"/>
      <c r="GO5" s="667"/>
      <c r="GP5" s="677"/>
      <c r="GQ5" s="596" t="s">
        <v>52</v>
      </c>
      <c r="GR5" s="666" t="s">
        <v>61</v>
      </c>
      <c r="GS5" s="667"/>
      <c r="GT5" s="668"/>
      <c r="GU5" s="676" t="s">
        <v>62</v>
      </c>
      <c r="GV5" s="667"/>
      <c r="GW5" s="667"/>
      <c r="GX5" s="667"/>
      <c r="GY5" s="667"/>
      <c r="GZ5" s="667"/>
      <c r="HA5" s="677"/>
      <c r="HB5" s="596" t="s">
        <v>52</v>
      </c>
      <c r="HC5" s="666" t="s">
        <v>61</v>
      </c>
      <c r="HD5" s="667"/>
      <c r="HE5" s="668"/>
      <c r="HF5" s="676" t="s">
        <v>62</v>
      </c>
      <c r="HG5" s="667"/>
      <c r="HH5" s="667"/>
      <c r="HI5" s="667"/>
      <c r="HJ5" s="667"/>
      <c r="HK5" s="667"/>
      <c r="HL5" s="677"/>
      <c r="HM5" s="596" t="s">
        <v>52</v>
      </c>
      <c r="HN5" s="666" t="s">
        <v>61</v>
      </c>
      <c r="HO5" s="667"/>
      <c r="HP5" s="668"/>
      <c r="HQ5" s="676" t="s">
        <v>62</v>
      </c>
      <c r="HR5" s="667"/>
      <c r="HS5" s="667"/>
      <c r="HT5" s="667"/>
      <c r="HU5" s="667"/>
      <c r="HV5" s="667"/>
      <c r="HW5" s="677"/>
      <c r="HX5" s="596" t="s">
        <v>52</v>
      </c>
    </row>
    <row r="6" spans="1:232" ht="34.5" customHeight="1" x14ac:dyDescent="0.2">
      <c r="A6" s="680"/>
      <c r="B6" s="348" t="s">
        <v>119</v>
      </c>
      <c r="C6" s="349" t="s">
        <v>44</v>
      </c>
      <c r="D6" s="350" t="s">
        <v>45</v>
      </c>
      <c r="E6" s="325" t="s">
        <v>83</v>
      </c>
      <c r="F6" s="349" t="s">
        <v>47</v>
      </c>
      <c r="G6" s="349" t="s">
        <v>48</v>
      </c>
      <c r="H6" s="349" t="s">
        <v>49</v>
      </c>
      <c r="I6" s="349" t="s">
        <v>50</v>
      </c>
      <c r="J6" s="349" t="s">
        <v>51</v>
      </c>
      <c r="K6" s="351" t="s">
        <v>45</v>
      </c>
      <c r="L6" s="675"/>
      <c r="M6" s="348" t="s">
        <v>119</v>
      </c>
      <c r="N6" s="349" t="s">
        <v>44</v>
      </c>
      <c r="O6" s="350" t="s">
        <v>45</v>
      </c>
      <c r="P6" s="325" t="s">
        <v>83</v>
      </c>
      <c r="Q6" s="349" t="s">
        <v>47</v>
      </c>
      <c r="R6" s="349" t="s">
        <v>48</v>
      </c>
      <c r="S6" s="349" t="s">
        <v>49</v>
      </c>
      <c r="T6" s="349" t="s">
        <v>50</v>
      </c>
      <c r="U6" s="349" t="s">
        <v>51</v>
      </c>
      <c r="V6" s="351" t="s">
        <v>45</v>
      </c>
      <c r="W6" s="675"/>
      <c r="X6" s="348" t="s">
        <v>119</v>
      </c>
      <c r="Y6" s="349" t="s">
        <v>44</v>
      </c>
      <c r="Z6" s="350" t="s">
        <v>45</v>
      </c>
      <c r="AA6" s="325" t="s">
        <v>83</v>
      </c>
      <c r="AB6" s="349" t="s">
        <v>47</v>
      </c>
      <c r="AC6" s="349" t="s">
        <v>48</v>
      </c>
      <c r="AD6" s="349" t="s">
        <v>49</v>
      </c>
      <c r="AE6" s="349" t="s">
        <v>50</v>
      </c>
      <c r="AF6" s="349" t="s">
        <v>51</v>
      </c>
      <c r="AG6" s="351" t="s">
        <v>45</v>
      </c>
      <c r="AH6" s="675"/>
      <c r="AI6" s="348" t="s">
        <v>119</v>
      </c>
      <c r="AJ6" s="349" t="s">
        <v>44</v>
      </c>
      <c r="AK6" s="350" t="s">
        <v>45</v>
      </c>
      <c r="AL6" s="325" t="s">
        <v>83</v>
      </c>
      <c r="AM6" s="349" t="s">
        <v>47</v>
      </c>
      <c r="AN6" s="349" t="s">
        <v>48</v>
      </c>
      <c r="AO6" s="349" t="s">
        <v>49</v>
      </c>
      <c r="AP6" s="349" t="s">
        <v>50</v>
      </c>
      <c r="AQ6" s="349" t="s">
        <v>51</v>
      </c>
      <c r="AR6" s="351" t="s">
        <v>45</v>
      </c>
      <c r="AS6" s="675"/>
      <c r="AT6" s="388" t="s">
        <v>119</v>
      </c>
      <c r="AU6" s="389" t="s">
        <v>44</v>
      </c>
      <c r="AV6" s="390" t="s">
        <v>45</v>
      </c>
      <c r="AW6" s="325" t="s">
        <v>83</v>
      </c>
      <c r="AX6" s="389" t="s">
        <v>47</v>
      </c>
      <c r="AY6" s="389" t="s">
        <v>48</v>
      </c>
      <c r="AZ6" s="389" t="s">
        <v>49</v>
      </c>
      <c r="BA6" s="389" t="s">
        <v>50</v>
      </c>
      <c r="BB6" s="389" t="s">
        <v>51</v>
      </c>
      <c r="BC6" s="391" t="s">
        <v>45</v>
      </c>
      <c r="BD6" s="675"/>
      <c r="BE6" s="348" t="s">
        <v>119</v>
      </c>
      <c r="BF6" s="349" t="s">
        <v>44</v>
      </c>
      <c r="BG6" s="350" t="s">
        <v>45</v>
      </c>
      <c r="BH6" s="325" t="s">
        <v>83</v>
      </c>
      <c r="BI6" s="349" t="s">
        <v>47</v>
      </c>
      <c r="BJ6" s="349" t="s">
        <v>48</v>
      </c>
      <c r="BK6" s="349" t="s">
        <v>49</v>
      </c>
      <c r="BL6" s="349" t="s">
        <v>50</v>
      </c>
      <c r="BM6" s="349" t="s">
        <v>51</v>
      </c>
      <c r="BN6" s="351" t="s">
        <v>45</v>
      </c>
      <c r="BO6" s="675"/>
      <c r="BP6" s="348" t="s">
        <v>119</v>
      </c>
      <c r="BQ6" s="349" t="s">
        <v>44</v>
      </c>
      <c r="BR6" s="350" t="s">
        <v>45</v>
      </c>
      <c r="BS6" s="325" t="s">
        <v>83</v>
      </c>
      <c r="BT6" s="349" t="s">
        <v>47</v>
      </c>
      <c r="BU6" s="349" t="s">
        <v>48</v>
      </c>
      <c r="BV6" s="349" t="s">
        <v>49</v>
      </c>
      <c r="BW6" s="349" t="s">
        <v>50</v>
      </c>
      <c r="BX6" s="349" t="s">
        <v>51</v>
      </c>
      <c r="BY6" s="351" t="s">
        <v>45</v>
      </c>
      <c r="BZ6" s="675"/>
      <c r="CA6" s="348" t="s">
        <v>119</v>
      </c>
      <c r="CB6" s="349" t="s">
        <v>44</v>
      </c>
      <c r="CC6" s="350" t="s">
        <v>45</v>
      </c>
      <c r="CD6" s="325" t="s">
        <v>83</v>
      </c>
      <c r="CE6" s="349" t="s">
        <v>47</v>
      </c>
      <c r="CF6" s="349" t="s">
        <v>48</v>
      </c>
      <c r="CG6" s="349" t="s">
        <v>49</v>
      </c>
      <c r="CH6" s="349" t="s">
        <v>50</v>
      </c>
      <c r="CI6" s="349" t="s">
        <v>51</v>
      </c>
      <c r="CJ6" s="351" t="s">
        <v>45</v>
      </c>
      <c r="CK6" s="675"/>
      <c r="CL6" s="348" t="s">
        <v>119</v>
      </c>
      <c r="CM6" s="349" t="s">
        <v>44</v>
      </c>
      <c r="CN6" s="350" t="s">
        <v>45</v>
      </c>
      <c r="CO6" s="325" t="s">
        <v>83</v>
      </c>
      <c r="CP6" s="349" t="s">
        <v>47</v>
      </c>
      <c r="CQ6" s="349" t="s">
        <v>48</v>
      </c>
      <c r="CR6" s="349" t="s">
        <v>49</v>
      </c>
      <c r="CS6" s="349" t="s">
        <v>50</v>
      </c>
      <c r="CT6" s="349" t="s">
        <v>51</v>
      </c>
      <c r="CU6" s="351" t="s">
        <v>45</v>
      </c>
      <c r="CV6" s="675"/>
      <c r="CW6" s="388" t="s">
        <v>119</v>
      </c>
      <c r="CX6" s="389" t="s">
        <v>44</v>
      </c>
      <c r="CY6" s="390" t="s">
        <v>45</v>
      </c>
      <c r="CZ6" s="325" t="s">
        <v>83</v>
      </c>
      <c r="DA6" s="389" t="s">
        <v>47</v>
      </c>
      <c r="DB6" s="389" t="s">
        <v>48</v>
      </c>
      <c r="DC6" s="389" t="s">
        <v>49</v>
      </c>
      <c r="DD6" s="389" t="s">
        <v>50</v>
      </c>
      <c r="DE6" s="389" t="s">
        <v>51</v>
      </c>
      <c r="DF6" s="391" t="s">
        <v>45</v>
      </c>
      <c r="DG6" s="675"/>
      <c r="DH6" s="348" t="s">
        <v>119</v>
      </c>
      <c r="DI6" s="349" t="s">
        <v>44</v>
      </c>
      <c r="DJ6" s="350" t="s">
        <v>45</v>
      </c>
      <c r="DK6" s="325" t="s">
        <v>83</v>
      </c>
      <c r="DL6" s="349" t="s">
        <v>47</v>
      </c>
      <c r="DM6" s="349" t="s">
        <v>48</v>
      </c>
      <c r="DN6" s="349" t="s">
        <v>49</v>
      </c>
      <c r="DO6" s="349" t="s">
        <v>50</v>
      </c>
      <c r="DP6" s="349" t="s">
        <v>51</v>
      </c>
      <c r="DQ6" s="351" t="s">
        <v>45</v>
      </c>
      <c r="DR6" s="681"/>
      <c r="DS6" s="348" t="s">
        <v>119</v>
      </c>
      <c r="DT6" s="349" t="s">
        <v>44</v>
      </c>
      <c r="DU6" s="350" t="s">
        <v>45</v>
      </c>
      <c r="DV6" s="325" t="s">
        <v>83</v>
      </c>
      <c r="DW6" s="349" t="s">
        <v>47</v>
      </c>
      <c r="DX6" s="349" t="s">
        <v>48</v>
      </c>
      <c r="DY6" s="349" t="s">
        <v>49</v>
      </c>
      <c r="DZ6" s="349" t="s">
        <v>50</v>
      </c>
      <c r="EA6" s="349" t="s">
        <v>51</v>
      </c>
      <c r="EB6" s="351" t="s">
        <v>45</v>
      </c>
      <c r="EC6" s="675"/>
      <c r="ED6" s="348" t="s">
        <v>119</v>
      </c>
      <c r="EE6" s="349" t="s">
        <v>44</v>
      </c>
      <c r="EF6" s="350" t="s">
        <v>45</v>
      </c>
      <c r="EG6" s="325" t="s">
        <v>83</v>
      </c>
      <c r="EH6" s="349" t="s">
        <v>47</v>
      </c>
      <c r="EI6" s="349" t="s">
        <v>48</v>
      </c>
      <c r="EJ6" s="349" t="s">
        <v>49</v>
      </c>
      <c r="EK6" s="349" t="s">
        <v>50</v>
      </c>
      <c r="EL6" s="349" t="s">
        <v>51</v>
      </c>
      <c r="EM6" s="351" t="s">
        <v>45</v>
      </c>
      <c r="EN6" s="675"/>
      <c r="EO6" s="348" t="s">
        <v>119</v>
      </c>
      <c r="EP6" s="349" t="s">
        <v>44</v>
      </c>
      <c r="EQ6" s="350" t="s">
        <v>45</v>
      </c>
      <c r="ER6" s="325" t="s">
        <v>83</v>
      </c>
      <c r="ES6" s="349" t="s">
        <v>47</v>
      </c>
      <c r="ET6" s="349" t="s">
        <v>48</v>
      </c>
      <c r="EU6" s="349" t="s">
        <v>49</v>
      </c>
      <c r="EV6" s="349" t="s">
        <v>50</v>
      </c>
      <c r="EW6" s="349" t="s">
        <v>51</v>
      </c>
      <c r="EX6" s="351" t="s">
        <v>45</v>
      </c>
      <c r="EY6" s="675"/>
      <c r="EZ6" s="388" t="s">
        <v>119</v>
      </c>
      <c r="FA6" s="389" t="s">
        <v>44</v>
      </c>
      <c r="FB6" s="390" t="s">
        <v>45</v>
      </c>
      <c r="FC6" s="325" t="s">
        <v>83</v>
      </c>
      <c r="FD6" s="389" t="s">
        <v>47</v>
      </c>
      <c r="FE6" s="389" t="s">
        <v>48</v>
      </c>
      <c r="FF6" s="389" t="s">
        <v>49</v>
      </c>
      <c r="FG6" s="389" t="s">
        <v>50</v>
      </c>
      <c r="FH6" s="389" t="s">
        <v>51</v>
      </c>
      <c r="FI6" s="391" t="s">
        <v>45</v>
      </c>
      <c r="FJ6" s="675"/>
      <c r="FK6" s="348" t="s">
        <v>119</v>
      </c>
      <c r="FL6" s="349" t="s">
        <v>44</v>
      </c>
      <c r="FM6" s="350" t="s">
        <v>45</v>
      </c>
      <c r="FN6" s="325" t="s">
        <v>83</v>
      </c>
      <c r="FO6" s="349" t="s">
        <v>47</v>
      </c>
      <c r="FP6" s="349" t="s">
        <v>48</v>
      </c>
      <c r="FQ6" s="349" t="s">
        <v>49</v>
      </c>
      <c r="FR6" s="349" t="s">
        <v>50</v>
      </c>
      <c r="FS6" s="349" t="s">
        <v>51</v>
      </c>
      <c r="FT6" s="351" t="s">
        <v>45</v>
      </c>
      <c r="FU6" s="675"/>
      <c r="FV6" s="348" t="s">
        <v>119</v>
      </c>
      <c r="FW6" s="349" t="s">
        <v>44</v>
      </c>
      <c r="FX6" s="350" t="s">
        <v>45</v>
      </c>
      <c r="FY6" s="325" t="s">
        <v>83</v>
      </c>
      <c r="FZ6" s="349" t="s">
        <v>47</v>
      </c>
      <c r="GA6" s="349" t="s">
        <v>48</v>
      </c>
      <c r="GB6" s="349" t="s">
        <v>49</v>
      </c>
      <c r="GC6" s="349" t="s">
        <v>50</v>
      </c>
      <c r="GD6" s="349" t="s">
        <v>51</v>
      </c>
      <c r="GE6" s="351" t="s">
        <v>45</v>
      </c>
      <c r="GF6" s="675"/>
      <c r="GG6" s="348" t="s">
        <v>119</v>
      </c>
      <c r="GH6" s="349" t="s">
        <v>44</v>
      </c>
      <c r="GI6" s="350" t="s">
        <v>45</v>
      </c>
      <c r="GJ6" s="325" t="s">
        <v>83</v>
      </c>
      <c r="GK6" s="349" t="s">
        <v>47</v>
      </c>
      <c r="GL6" s="349" t="s">
        <v>48</v>
      </c>
      <c r="GM6" s="349" t="s">
        <v>49</v>
      </c>
      <c r="GN6" s="349" t="s">
        <v>50</v>
      </c>
      <c r="GO6" s="349" t="s">
        <v>51</v>
      </c>
      <c r="GP6" s="351" t="s">
        <v>45</v>
      </c>
      <c r="GQ6" s="675"/>
      <c r="GR6" s="348" t="s">
        <v>119</v>
      </c>
      <c r="GS6" s="349" t="s">
        <v>44</v>
      </c>
      <c r="GT6" s="350" t="s">
        <v>45</v>
      </c>
      <c r="GU6" s="325" t="s">
        <v>83</v>
      </c>
      <c r="GV6" s="349" t="s">
        <v>47</v>
      </c>
      <c r="GW6" s="349" t="s">
        <v>48</v>
      </c>
      <c r="GX6" s="349" t="s">
        <v>49</v>
      </c>
      <c r="GY6" s="349" t="s">
        <v>50</v>
      </c>
      <c r="GZ6" s="349" t="s">
        <v>51</v>
      </c>
      <c r="HA6" s="351" t="s">
        <v>45</v>
      </c>
      <c r="HB6" s="675"/>
      <c r="HC6" s="388" t="s">
        <v>119</v>
      </c>
      <c r="HD6" s="389" t="s">
        <v>44</v>
      </c>
      <c r="HE6" s="390" t="s">
        <v>45</v>
      </c>
      <c r="HF6" s="325" t="s">
        <v>83</v>
      </c>
      <c r="HG6" s="389" t="s">
        <v>47</v>
      </c>
      <c r="HH6" s="389" t="s">
        <v>48</v>
      </c>
      <c r="HI6" s="389" t="s">
        <v>49</v>
      </c>
      <c r="HJ6" s="389" t="s">
        <v>50</v>
      </c>
      <c r="HK6" s="389" t="s">
        <v>51</v>
      </c>
      <c r="HL6" s="391" t="s">
        <v>45</v>
      </c>
      <c r="HM6" s="675"/>
      <c r="HN6" s="348" t="s">
        <v>119</v>
      </c>
      <c r="HO6" s="349" t="s">
        <v>44</v>
      </c>
      <c r="HP6" s="350" t="s">
        <v>45</v>
      </c>
      <c r="HQ6" s="325" t="s">
        <v>83</v>
      </c>
      <c r="HR6" s="349" t="s">
        <v>47</v>
      </c>
      <c r="HS6" s="349" t="s">
        <v>48</v>
      </c>
      <c r="HT6" s="349" t="s">
        <v>49</v>
      </c>
      <c r="HU6" s="349" t="s">
        <v>50</v>
      </c>
      <c r="HV6" s="349" t="s">
        <v>51</v>
      </c>
      <c r="HW6" s="351" t="s">
        <v>45</v>
      </c>
      <c r="HX6" s="675"/>
    </row>
    <row r="7" spans="1:232" ht="16.5" customHeight="1" x14ac:dyDescent="0.2">
      <c r="A7" s="326" t="s">
        <v>4</v>
      </c>
      <c r="B7" s="328">
        <v>27830</v>
      </c>
      <c r="C7" s="329">
        <v>137590</v>
      </c>
      <c r="D7" s="330">
        <v>165420</v>
      </c>
      <c r="E7" s="331">
        <v>0</v>
      </c>
      <c r="F7" s="329">
        <v>20826515</v>
      </c>
      <c r="G7" s="329">
        <v>42904874</v>
      </c>
      <c r="H7" s="329">
        <v>125107987</v>
      </c>
      <c r="I7" s="329">
        <v>158995700</v>
      </c>
      <c r="J7" s="329">
        <v>102775442</v>
      </c>
      <c r="K7" s="332">
        <v>450610518</v>
      </c>
      <c r="L7" s="333">
        <v>450775938</v>
      </c>
      <c r="M7" s="328">
        <v>0</v>
      </c>
      <c r="N7" s="329">
        <v>0</v>
      </c>
      <c r="O7" s="330">
        <v>0</v>
      </c>
      <c r="P7" s="334"/>
      <c r="Q7" s="329">
        <v>5121928</v>
      </c>
      <c r="R7" s="329">
        <v>15002271</v>
      </c>
      <c r="S7" s="329">
        <v>83977951</v>
      </c>
      <c r="T7" s="329">
        <v>116528155</v>
      </c>
      <c r="U7" s="329">
        <v>78376398</v>
      </c>
      <c r="V7" s="332">
        <v>299006703</v>
      </c>
      <c r="W7" s="333">
        <v>299006703</v>
      </c>
      <c r="X7" s="328">
        <v>0</v>
      </c>
      <c r="Y7" s="329">
        <v>0</v>
      </c>
      <c r="Z7" s="330">
        <v>0</v>
      </c>
      <c r="AA7" s="334"/>
      <c r="AB7" s="329">
        <v>13430074</v>
      </c>
      <c r="AC7" s="329">
        <v>23090833</v>
      </c>
      <c r="AD7" s="329">
        <v>30169340</v>
      </c>
      <c r="AE7" s="329">
        <v>30957871</v>
      </c>
      <c r="AF7" s="329">
        <v>15440301</v>
      </c>
      <c r="AG7" s="332">
        <v>113088419</v>
      </c>
      <c r="AH7" s="333">
        <v>113088419</v>
      </c>
      <c r="AI7" s="328">
        <v>0</v>
      </c>
      <c r="AJ7" s="329">
        <v>0</v>
      </c>
      <c r="AK7" s="330">
        <v>0</v>
      </c>
      <c r="AL7" s="334"/>
      <c r="AM7" s="329">
        <v>2635</v>
      </c>
      <c r="AN7" s="329">
        <v>38130</v>
      </c>
      <c r="AO7" s="329">
        <v>7905</v>
      </c>
      <c r="AP7" s="329">
        <v>1259692</v>
      </c>
      <c r="AQ7" s="329">
        <v>1419055</v>
      </c>
      <c r="AR7" s="332">
        <v>2727417</v>
      </c>
      <c r="AS7" s="333">
        <v>2727417</v>
      </c>
      <c r="AT7" s="328">
        <v>0</v>
      </c>
      <c r="AU7" s="329">
        <v>0</v>
      </c>
      <c r="AV7" s="330">
        <v>0</v>
      </c>
      <c r="AW7" s="334"/>
      <c r="AX7" s="329">
        <v>194075</v>
      </c>
      <c r="AY7" s="329">
        <v>190650</v>
      </c>
      <c r="AZ7" s="329">
        <v>346360</v>
      </c>
      <c r="BA7" s="329">
        <v>1630492</v>
      </c>
      <c r="BB7" s="329">
        <v>2458568</v>
      </c>
      <c r="BC7" s="332">
        <v>4820145</v>
      </c>
      <c r="BD7" s="333">
        <v>4820145</v>
      </c>
      <c r="BE7" s="328">
        <v>0</v>
      </c>
      <c r="BF7" s="329">
        <v>0</v>
      </c>
      <c r="BG7" s="330">
        <v>0</v>
      </c>
      <c r="BH7" s="334"/>
      <c r="BI7" s="329">
        <v>63953</v>
      </c>
      <c r="BJ7" s="329">
        <v>170365</v>
      </c>
      <c r="BK7" s="329">
        <v>1517020</v>
      </c>
      <c r="BL7" s="329">
        <v>1437982</v>
      </c>
      <c r="BM7" s="329">
        <v>1101250</v>
      </c>
      <c r="BN7" s="332">
        <v>4290570</v>
      </c>
      <c r="BO7" s="333">
        <v>4290570</v>
      </c>
      <c r="BP7" s="328">
        <v>26815</v>
      </c>
      <c r="BQ7" s="329">
        <v>131348</v>
      </c>
      <c r="BR7" s="330">
        <v>158163</v>
      </c>
      <c r="BS7" s="331">
        <v>0</v>
      </c>
      <c r="BT7" s="329">
        <v>1900148</v>
      </c>
      <c r="BU7" s="329">
        <v>4097353</v>
      </c>
      <c r="BV7" s="329">
        <v>8729673</v>
      </c>
      <c r="BW7" s="329">
        <v>6758173</v>
      </c>
      <c r="BX7" s="329">
        <v>3694571</v>
      </c>
      <c r="BY7" s="332">
        <v>25179918</v>
      </c>
      <c r="BZ7" s="333">
        <v>25338081</v>
      </c>
      <c r="CA7" s="328">
        <v>1015</v>
      </c>
      <c r="CB7" s="329">
        <v>6242</v>
      </c>
      <c r="CC7" s="330">
        <v>7257</v>
      </c>
      <c r="CD7" s="331">
        <v>0</v>
      </c>
      <c r="CE7" s="329">
        <v>113702</v>
      </c>
      <c r="CF7" s="329">
        <v>315272</v>
      </c>
      <c r="CG7" s="329">
        <v>359738</v>
      </c>
      <c r="CH7" s="329">
        <v>423335</v>
      </c>
      <c r="CI7" s="329">
        <v>285299</v>
      </c>
      <c r="CJ7" s="332">
        <v>1497346</v>
      </c>
      <c r="CK7" s="333">
        <v>1504603</v>
      </c>
      <c r="CL7" s="328">
        <v>0</v>
      </c>
      <c r="CM7" s="329">
        <v>0</v>
      </c>
      <c r="CN7" s="330">
        <v>0</v>
      </c>
      <c r="CO7" s="331">
        <v>0</v>
      </c>
      <c r="CP7" s="329">
        <v>0</v>
      </c>
      <c r="CQ7" s="329">
        <v>0</v>
      </c>
      <c r="CR7" s="329">
        <v>0</v>
      </c>
      <c r="CS7" s="329">
        <v>0</v>
      </c>
      <c r="CT7" s="329">
        <v>0</v>
      </c>
      <c r="CU7" s="332">
        <v>0</v>
      </c>
      <c r="CV7" s="333">
        <v>0</v>
      </c>
      <c r="CW7" s="328">
        <v>0</v>
      </c>
      <c r="CX7" s="329">
        <v>0</v>
      </c>
      <c r="CY7" s="330">
        <v>0</v>
      </c>
      <c r="CZ7" s="334"/>
      <c r="DA7" s="329">
        <v>0</v>
      </c>
      <c r="DB7" s="329">
        <v>0</v>
      </c>
      <c r="DC7" s="329">
        <v>0</v>
      </c>
      <c r="DD7" s="329">
        <v>0</v>
      </c>
      <c r="DE7" s="329">
        <v>0</v>
      </c>
      <c r="DF7" s="332">
        <v>0</v>
      </c>
      <c r="DG7" s="333">
        <v>0</v>
      </c>
      <c r="DH7" s="328">
        <v>49165</v>
      </c>
      <c r="DI7" s="329">
        <v>167695</v>
      </c>
      <c r="DJ7" s="330">
        <v>216860</v>
      </c>
      <c r="DK7" s="331">
        <v>0</v>
      </c>
      <c r="DL7" s="329">
        <v>12040229</v>
      </c>
      <c r="DM7" s="329">
        <v>34285329</v>
      </c>
      <c r="DN7" s="329">
        <v>132650805</v>
      </c>
      <c r="DO7" s="329">
        <v>166561079</v>
      </c>
      <c r="DP7" s="329">
        <v>106713582</v>
      </c>
      <c r="DQ7" s="332">
        <v>452251024</v>
      </c>
      <c r="DR7" s="335">
        <v>452467884</v>
      </c>
      <c r="DS7" s="328">
        <v>0</v>
      </c>
      <c r="DT7" s="329">
        <v>0</v>
      </c>
      <c r="DU7" s="330">
        <v>0</v>
      </c>
      <c r="DV7" s="334"/>
      <c r="DW7" s="329">
        <v>6175812</v>
      </c>
      <c r="DX7" s="329">
        <v>20952767</v>
      </c>
      <c r="DY7" s="329">
        <v>109562133</v>
      </c>
      <c r="DZ7" s="329">
        <v>145827084</v>
      </c>
      <c r="EA7" s="329">
        <v>94229012</v>
      </c>
      <c r="EB7" s="332">
        <v>376746808</v>
      </c>
      <c r="EC7" s="333">
        <v>376746808</v>
      </c>
      <c r="ED7" s="328">
        <v>0</v>
      </c>
      <c r="EE7" s="329">
        <v>0</v>
      </c>
      <c r="EF7" s="330">
        <v>0</v>
      </c>
      <c r="EG7" s="334"/>
      <c r="EH7" s="329">
        <v>2729098</v>
      </c>
      <c r="EI7" s="329">
        <v>6357973</v>
      </c>
      <c r="EJ7" s="329">
        <v>6756953</v>
      </c>
      <c r="EK7" s="329">
        <v>7207636</v>
      </c>
      <c r="EL7" s="329">
        <v>3983718</v>
      </c>
      <c r="EM7" s="332">
        <v>27035378</v>
      </c>
      <c r="EN7" s="333">
        <v>27035378</v>
      </c>
      <c r="EO7" s="328">
        <v>0</v>
      </c>
      <c r="EP7" s="329">
        <v>0</v>
      </c>
      <c r="EQ7" s="330">
        <v>0</v>
      </c>
      <c r="ER7" s="334"/>
      <c r="ES7" s="329">
        <v>217</v>
      </c>
      <c r="ET7" s="329">
        <v>11904</v>
      </c>
      <c r="EU7" s="329">
        <v>651</v>
      </c>
      <c r="EV7" s="329">
        <v>142140</v>
      </c>
      <c r="EW7" s="329">
        <v>181878</v>
      </c>
      <c r="EX7" s="332">
        <v>336790</v>
      </c>
      <c r="EY7" s="333">
        <v>336790</v>
      </c>
      <c r="EZ7" s="328">
        <v>0</v>
      </c>
      <c r="FA7" s="329">
        <v>0</v>
      </c>
      <c r="FB7" s="330">
        <v>0</v>
      </c>
      <c r="FC7" s="334"/>
      <c r="FD7" s="329">
        <v>47413</v>
      </c>
      <c r="FE7" s="329">
        <v>59520</v>
      </c>
      <c r="FF7" s="329">
        <v>83866</v>
      </c>
      <c r="FG7" s="329">
        <v>300802</v>
      </c>
      <c r="FH7" s="329">
        <v>361167</v>
      </c>
      <c r="FI7" s="332">
        <v>852768</v>
      </c>
      <c r="FJ7" s="333">
        <v>852768</v>
      </c>
      <c r="FK7" s="328">
        <v>0</v>
      </c>
      <c r="FL7" s="329">
        <v>0</v>
      </c>
      <c r="FM7" s="330">
        <v>0</v>
      </c>
      <c r="FN7" s="334"/>
      <c r="FO7" s="329">
        <v>166222</v>
      </c>
      <c r="FP7" s="329">
        <v>213185</v>
      </c>
      <c r="FQ7" s="329">
        <v>2704544</v>
      </c>
      <c r="FR7" s="329">
        <v>2877765</v>
      </c>
      <c r="FS7" s="329">
        <v>2112721</v>
      </c>
      <c r="FT7" s="332">
        <v>8074437</v>
      </c>
      <c r="FU7" s="333">
        <v>8074437</v>
      </c>
      <c r="FV7" s="328">
        <v>44293</v>
      </c>
      <c r="FW7" s="329">
        <v>166515</v>
      </c>
      <c r="FX7" s="330">
        <v>210808</v>
      </c>
      <c r="FY7" s="331">
        <v>0</v>
      </c>
      <c r="FZ7" s="329">
        <v>2873727</v>
      </c>
      <c r="GA7" s="329">
        <v>6584741</v>
      </c>
      <c r="GB7" s="329">
        <v>13364604</v>
      </c>
      <c r="GC7" s="329">
        <v>10053543</v>
      </c>
      <c r="GD7" s="329">
        <v>5714420</v>
      </c>
      <c r="GE7" s="332">
        <v>38591035</v>
      </c>
      <c r="GF7" s="333">
        <v>38801843</v>
      </c>
      <c r="GG7" s="328">
        <v>4872</v>
      </c>
      <c r="GH7" s="329">
        <v>1180</v>
      </c>
      <c r="GI7" s="330">
        <v>6052</v>
      </c>
      <c r="GJ7" s="331">
        <v>0</v>
      </c>
      <c r="GK7" s="329">
        <v>47740</v>
      </c>
      <c r="GL7" s="329">
        <v>105239</v>
      </c>
      <c r="GM7" s="329">
        <v>178054</v>
      </c>
      <c r="GN7" s="329">
        <v>152109</v>
      </c>
      <c r="GO7" s="329">
        <v>130666</v>
      </c>
      <c r="GP7" s="332">
        <v>613808</v>
      </c>
      <c r="GQ7" s="333">
        <v>619860</v>
      </c>
      <c r="GR7" s="328">
        <v>0</v>
      </c>
      <c r="GS7" s="329">
        <v>0</v>
      </c>
      <c r="GT7" s="330">
        <v>0</v>
      </c>
      <c r="GU7" s="331">
        <v>0</v>
      </c>
      <c r="GV7" s="329">
        <v>0</v>
      </c>
      <c r="GW7" s="329">
        <v>0</v>
      </c>
      <c r="GX7" s="329">
        <v>0</v>
      </c>
      <c r="GY7" s="329">
        <v>0</v>
      </c>
      <c r="GZ7" s="329">
        <v>0</v>
      </c>
      <c r="HA7" s="332">
        <v>0</v>
      </c>
      <c r="HB7" s="333">
        <v>0</v>
      </c>
      <c r="HC7" s="328">
        <v>0</v>
      </c>
      <c r="HD7" s="329">
        <v>0</v>
      </c>
      <c r="HE7" s="330">
        <v>0</v>
      </c>
      <c r="HF7" s="334"/>
      <c r="HG7" s="329">
        <v>0</v>
      </c>
      <c r="HH7" s="329">
        <v>0</v>
      </c>
      <c r="HI7" s="329">
        <v>0</v>
      </c>
      <c r="HJ7" s="329">
        <v>0</v>
      </c>
      <c r="HK7" s="329">
        <v>0</v>
      </c>
      <c r="HL7" s="332">
        <v>0</v>
      </c>
      <c r="HM7" s="333">
        <v>0</v>
      </c>
      <c r="HN7" s="328">
        <v>76995</v>
      </c>
      <c r="HO7" s="329">
        <v>305285</v>
      </c>
      <c r="HP7" s="330">
        <v>382280</v>
      </c>
      <c r="HQ7" s="331">
        <v>0</v>
      </c>
      <c r="HR7" s="329">
        <v>32866744</v>
      </c>
      <c r="HS7" s="329">
        <v>77190203</v>
      </c>
      <c r="HT7" s="329">
        <v>257758792</v>
      </c>
      <c r="HU7" s="329">
        <v>325556779</v>
      </c>
      <c r="HV7" s="329">
        <v>209489024</v>
      </c>
      <c r="HW7" s="332">
        <v>902861542</v>
      </c>
      <c r="HX7" s="333">
        <v>903243822</v>
      </c>
    </row>
    <row r="8" spans="1:232" ht="16.5" customHeight="1" x14ac:dyDescent="0.2">
      <c r="A8" s="326" t="s">
        <v>5</v>
      </c>
      <c r="B8" s="328">
        <v>5395</v>
      </c>
      <c r="C8" s="329">
        <v>36372</v>
      </c>
      <c r="D8" s="330">
        <v>41767</v>
      </c>
      <c r="E8" s="331">
        <v>0</v>
      </c>
      <c r="F8" s="329">
        <v>8034293</v>
      </c>
      <c r="G8" s="329">
        <v>21165983</v>
      </c>
      <c r="H8" s="329">
        <v>53317594</v>
      </c>
      <c r="I8" s="329">
        <v>66000583</v>
      </c>
      <c r="J8" s="329">
        <v>42839379</v>
      </c>
      <c r="K8" s="332">
        <v>191357832</v>
      </c>
      <c r="L8" s="333">
        <v>191399599</v>
      </c>
      <c r="M8" s="328">
        <v>0</v>
      </c>
      <c r="N8" s="329">
        <v>0</v>
      </c>
      <c r="O8" s="330">
        <v>0</v>
      </c>
      <c r="P8" s="334"/>
      <c r="Q8" s="329">
        <v>2495927</v>
      </c>
      <c r="R8" s="329">
        <v>9365549</v>
      </c>
      <c r="S8" s="329">
        <v>36158230</v>
      </c>
      <c r="T8" s="329">
        <v>49827815</v>
      </c>
      <c r="U8" s="329">
        <v>33487471</v>
      </c>
      <c r="V8" s="332">
        <v>131334992</v>
      </c>
      <c r="W8" s="333">
        <v>131334992</v>
      </c>
      <c r="X8" s="328">
        <v>0</v>
      </c>
      <c r="Y8" s="329">
        <v>0</v>
      </c>
      <c r="Z8" s="330">
        <v>0</v>
      </c>
      <c r="AA8" s="334"/>
      <c r="AB8" s="329">
        <v>5023921</v>
      </c>
      <c r="AC8" s="329">
        <v>9967153</v>
      </c>
      <c r="AD8" s="329">
        <v>13096280</v>
      </c>
      <c r="AE8" s="329">
        <v>12714531</v>
      </c>
      <c r="AF8" s="329">
        <v>6817280</v>
      </c>
      <c r="AG8" s="332">
        <v>47619165</v>
      </c>
      <c r="AH8" s="333">
        <v>47619165</v>
      </c>
      <c r="AI8" s="328">
        <v>0</v>
      </c>
      <c r="AJ8" s="329">
        <v>0</v>
      </c>
      <c r="AK8" s="330">
        <v>0</v>
      </c>
      <c r="AL8" s="334"/>
      <c r="AM8" s="329">
        <v>0</v>
      </c>
      <c r="AN8" s="329">
        <v>38130</v>
      </c>
      <c r="AO8" s="329">
        <v>2635</v>
      </c>
      <c r="AP8" s="329">
        <v>225288</v>
      </c>
      <c r="AQ8" s="329">
        <v>302620</v>
      </c>
      <c r="AR8" s="332">
        <v>568673</v>
      </c>
      <c r="AS8" s="333">
        <v>568673</v>
      </c>
      <c r="AT8" s="328">
        <v>0</v>
      </c>
      <c r="AU8" s="329">
        <v>0</v>
      </c>
      <c r="AV8" s="330">
        <v>0</v>
      </c>
      <c r="AW8" s="334"/>
      <c r="AX8" s="329">
        <v>35495</v>
      </c>
      <c r="AY8" s="329">
        <v>73625</v>
      </c>
      <c r="AZ8" s="329">
        <v>73625</v>
      </c>
      <c r="BA8" s="329">
        <v>387210</v>
      </c>
      <c r="BB8" s="329">
        <v>503819</v>
      </c>
      <c r="BC8" s="332">
        <v>1073774</v>
      </c>
      <c r="BD8" s="333">
        <v>1073774</v>
      </c>
      <c r="BE8" s="328">
        <v>0</v>
      </c>
      <c r="BF8" s="329">
        <v>0</v>
      </c>
      <c r="BG8" s="330">
        <v>0</v>
      </c>
      <c r="BH8" s="334"/>
      <c r="BI8" s="329">
        <v>33046</v>
      </c>
      <c r="BJ8" s="329">
        <v>0</v>
      </c>
      <c r="BK8" s="329">
        <v>103745</v>
      </c>
      <c r="BL8" s="329">
        <v>124646</v>
      </c>
      <c r="BM8" s="329">
        <v>86614</v>
      </c>
      <c r="BN8" s="332">
        <v>348051</v>
      </c>
      <c r="BO8" s="333">
        <v>348051</v>
      </c>
      <c r="BP8" s="328">
        <v>4380</v>
      </c>
      <c r="BQ8" s="329">
        <v>34000</v>
      </c>
      <c r="BR8" s="330">
        <v>38380</v>
      </c>
      <c r="BS8" s="331">
        <v>0</v>
      </c>
      <c r="BT8" s="329">
        <v>401193</v>
      </c>
      <c r="BU8" s="329">
        <v>1565982</v>
      </c>
      <c r="BV8" s="329">
        <v>3694891</v>
      </c>
      <c r="BW8" s="329">
        <v>2509166</v>
      </c>
      <c r="BX8" s="329">
        <v>1473738</v>
      </c>
      <c r="BY8" s="332">
        <v>9644970</v>
      </c>
      <c r="BZ8" s="333">
        <v>9683350</v>
      </c>
      <c r="CA8" s="328">
        <v>1015</v>
      </c>
      <c r="CB8" s="329">
        <v>2372</v>
      </c>
      <c r="CC8" s="330">
        <v>3387</v>
      </c>
      <c r="CD8" s="331">
        <v>0</v>
      </c>
      <c r="CE8" s="329">
        <v>44711</v>
      </c>
      <c r="CF8" s="329">
        <v>155544</v>
      </c>
      <c r="CG8" s="329">
        <v>188188</v>
      </c>
      <c r="CH8" s="329">
        <v>211927</v>
      </c>
      <c r="CI8" s="329">
        <v>167837</v>
      </c>
      <c r="CJ8" s="332">
        <v>768207</v>
      </c>
      <c r="CK8" s="333">
        <v>771594</v>
      </c>
      <c r="CL8" s="328">
        <v>0</v>
      </c>
      <c r="CM8" s="329">
        <v>0</v>
      </c>
      <c r="CN8" s="330">
        <v>0</v>
      </c>
      <c r="CO8" s="331">
        <v>0</v>
      </c>
      <c r="CP8" s="329">
        <v>0</v>
      </c>
      <c r="CQ8" s="329">
        <v>0</v>
      </c>
      <c r="CR8" s="329">
        <v>0</v>
      </c>
      <c r="CS8" s="329">
        <v>0</v>
      </c>
      <c r="CT8" s="329">
        <v>0</v>
      </c>
      <c r="CU8" s="332">
        <v>0</v>
      </c>
      <c r="CV8" s="333">
        <v>0</v>
      </c>
      <c r="CW8" s="328">
        <v>0</v>
      </c>
      <c r="CX8" s="329">
        <v>0</v>
      </c>
      <c r="CY8" s="330">
        <v>0</v>
      </c>
      <c r="CZ8" s="334"/>
      <c r="DA8" s="329">
        <v>0</v>
      </c>
      <c r="DB8" s="329">
        <v>0</v>
      </c>
      <c r="DC8" s="329">
        <v>0</v>
      </c>
      <c r="DD8" s="329">
        <v>0</v>
      </c>
      <c r="DE8" s="329">
        <v>0</v>
      </c>
      <c r="DF8" s="332">
        <v>0</v>
      </c>
      <c r="DG8" s="333">
        <v>0</v>
      </c>
      <c r="DH8" s="328">
        <v>11988</v>
      </c>
      <c r="DI8" s="329">
        <v>60404</v>
      </c>
      <c r="DJ8" s="330">
        <v>72392</v>
      </c>
      <c r="DK8" s="331">
        <v>0</v>
      </c>
      <c r="DL8" s="329">
        <v>5519129</v>
      </c>
      <c r="DM8" s="329">
        <v>20273721</v>
      </c>
      <c r="DN8" s="329">
        <v>58106588</v>
      </c>
      <c r="DO8" s="329">
        <v>72556361</v>
      </c>
      <c r="DP8" s="329">
        <v>47160750</v>
      </c>
      <c r="DQ8" s="332">
        <v>203616549</v>
      </c>
      <c r="DR8" s="335">
        <v>203688941</v>
      </c>
      <c r="DS8" s="328">
        <v>0</v>
      </c>
      <c r="DT8" s="329">
        <v>0</v>
      </c>
      <c r="DU8" s="330">
        <v>0</v>
      </c>
      <c r="DV8" s="334"/>
      <c r="DW8" s="329">
        <v>3115747</v>
      </c>
      <c r="DX8" s="329">
        <v>13498743</v>
      </c>
      <c r="DY8" s="329">
        <v>48722745</v>
      </c>
      <c r="DZ8" s="329">
        <v>64069335</v>
      </c>
      <c r="EA8" s="329">
        <v>41856970</v>
      </c>
      <c r="EB8" s="332">
        <v>171263540</v>
      </c>
      <c r="EC8" s="333">
        <v>171263540</v>
      </c>
      <c r="ED8" s="328">
        <v>0</v>
      </c>
      <c r="EE8" s="329">
        <v>0</v>
      </c>
      <c r="EF8" s="330">
        <v>0</v>
      </c>
      <c r="EG8" s="334"/>
      <c r="EH8" s="329">
        <v>1504507</v>
      </c>
      <c r="EI8" s="329">
        <v>3790314</v>
      </c>
      <c r="EJ8" s="329">
        <v>3818109</v>
      </c>
      <c r="EK8" s="329">
        <v>4070826</v>
      </c>
      <c r="EL8" s="329">
        <v>2692749</v>
      </c>
      <c r="EM8" s="332">
        <v>15876505</v>
      </c>
      <c r="EN8" s="333">
        <v>15876505</v>
      </c>
      <c r="EO8" s="328">
        <v>0</v>
      </c>
      <c r="EP8" s="329">
        <v>0</v>
      </c>
      <c r="EQ8" s="330">
        <v>0</v>
      </c>
      <c r="ER8" s="334"/>
      <c r="ES8" s="329">
        <v>0</v>
      </c>
      <c r="ET8" s="329">
        <v>11904</v>
      </c>
      <c r="EU8" s="329">
        <v>217</v>
      </c>
      <c r="EV8" s="329">
        <v>27623</v>
      </c>
      <c r="EW8" s="329">
        <v>16391</v>
      </c>
      <c r="EX8" s="332">
        <v>56135</v>
      </c>
      <c r="EY8" s="333">
        <v>56135</v>
      </c>
      <c r="EZ8" s="328">
        <v>0</v>
      </c>
      <c r="FA8" s="329">
        <v>0</v>
      </c>
      <c r="FB8" s="330">
        <v>0</v>
      </c>
      <c r="FC8" s="334"/>
      <c r="FD8" s="329">
        <v>11687</v>
      </c>
      <c r="FE8" s="329">
        <v>23591</v>
      </c>
      <c r="FF8" s="329">
        <v>23591</v>
      </c>
      <c r="FG8" s="329">
        <v>86703</v>
      </c>
      <c r="FH8" s="329">
        <v>85846</v>
      </c>
      <c r="FI8" s="332">
        <v>231418</v>
      </c>
      <c r="FJ8" s="333">
        <v>231418</v>
      </c>
      <c r="FK8" s="328">
        <v>0</v>
      </c>
      <c r="FL8" s="329">
        <v>0</v>
      </c>
      <c r="FM8" s="330">
        <v>0</v>
      </c>
      <c r="FN8" s="334"/>
      <c r="FO8" s="329">
        <v>79918</v>
      </c>
      <c r="FP8" s="329">
        <v>0</v>
      </c>
      <c r="FQ8" s="329">
        <v>235856</v>
      </c>
      <c r="FR8" s="329">
        <v>211062</v>
      </c>
      <c r="FS8" s="329">
        <v>144646</v>
      </c>
      <c r="FT8" s="332">
        <v>671482</v>
      </c>
      <c r="FU8" s="333">
        <v>671482</v>
      </c>
      <c r="FV8" s="328">
        <v>7116</v>
      </c>
      <c r="FW8" s="329">
        <v>60383</v>
      </c>
      <c r="FX8" s="330">
        <v>67499</v>
      </c>
      <c r="FY8" s="331">
        <v>0</v>
      </c>
      <c r="FZ8" s="329">
        <v>781600</v>
      </c>
      <c r="GA8" s="329">
        <v>2879635</v>
      </c>
      <c r="GB8" s="329">
        <v>5236481</v>
      </c>
      <c r="GC8" s="329">
        <v>4029022</v>
      </c>
      <c r="GD8" s="329">
        <v>2293830</v>
      </c>
      <c r="GE8" s="332">
        <v>15220568</v>
      </c>
      <c r="GF8" s="333">
        <v>15288067</v>
      </c>
      <c r="GG8" s="328">
        <v>4872</v>
      </c>
      <c r="GH8" s="329">
        <v>21</v>
      </c>
      <c r="GI8" s="330">
        <v>4893</v>
      </c>
      <c r="GJ8" s="331">
        <v>0</v>
      </c>
      <c r="GK8" s="329">
        <v>25670</v>
      </c>
      <c r="GL8" s="329">
        <v>69534</v>
      </c>
      <c r="GM8" s="329">
        <v>69589</v>
      </c>
      <c r="GN8" s="329">
        <v>61790</v>
      </c>
      <c r="GO8" s="329">
        <v>70318</v>
      </c>
      <c r="GP8" s="332">
        <v>296901</v>
      </c>
      <c r="GQ8" s="333">
        <v>301794</v>
      </c>
      <c r="GR8" s="328">
        <v>0</v>
      </c>
      <c r="GS8" s="329">
        <v>0</v>
      </c>
      <c r="GT8" s="330">
        <v>0</v>
      </c>
      <c r="GU8" s="331">
        <v>0</v>
      </c>
      <c r="GV8" s="329">
        <v>0</v>
      </c>
      <c r="GW8" s="329">
        <v>0</v>
      </c>
      <c r="GX8" s="329">
        <v>0</v>
      </c>
      <c r="GY8" s="329">
        <v>0</v>
      </c>
      <c r="GZ8" s="329">
        <v>0</v>
      </c>
      <c r="HA8" s="332">
        <v>0</v>
      </c>
      <c r="HB8" s="333">
        <v>0</v>
      </c>
      <c r="HC8" s="328">
        <v>0</v>
      </c>
      <c r="HD8" s="329">
        <v>0</v>
      </c>
      <c r="HE8" s="330">
        <v>0</v>
      </c>
      <c r="HF8" s="334"/>
      <c r="HG8" s="329">
        <v>0</v>
      </c>
      <c r="HH8" s="329">
        <v>0</v>
      </c>
      <c r="HI8" s="329">
        <v>0</v>
      </c>
      <c r="HJ8" s="329">
        <v>0</v>
      </c>
      <c r="HK8" s="329">
        <v>0</v>
      </c>
      <c r="HL8" s="332">
        <v>0</v>
      </c>
      <c r="HM8" s="333">
        <v>0</v>
      </c>
      <c r="HN8" s="328">
        <v>17383</v>
      </c>
      <c r="HO8" s="329">
        <v>96776</v>
      </c>
      <c r="HP8" s="330">
        <v>114159</v>
      </c>
      <c r="HQ8" s="331">
        <v>0</v>
      </c>
      <c r="HR8" s="329">
        <v>13553422</v>
      </c>
      <c r="HS8" s="329">
        <v>41439704</v>
      </c>
      <c r="HT8" s="329">
        <v>111424182</v>
      </c>
      <c r="HU8" s="329">
        <v>138556944</v>
      </c>
      <c r="HV8" s="329">
        <v>90000129</v>
      </c>
      <c r="HW8" s="332">
        <v>394974381</v>
      </c>
      <c r="HX8" s="333">
        <v>395088540</v>
      </c>
    </row>
    <row r="9" spans="1:232" ht="16.5" customHeight="1" x14ac:dyDescent="0.2">
      <c r="A9" s="326" t="s">
        <v>6</v>
      </c>
      <c r="B9" s="328">
        <v>435</v>
      </c>
      <c r="C9" s="329">
        <v>31130</v>
      </c>
      <c r="D9" s="330">
        <v>31565</v>
      </c>
      <c r="E9" s="331">
        <v>0</v>
      </c>
      <c r="F9" s="329">
        <v>3145746</v>
      </c>
      <c r="G9" s="329">
        <v>5215000</v>
      </c>
      <c r="H9" s="329">
        <v>15651132</v>
      </c>
      <c r="I9" s="329">
        <v>21616221</v>
      </c>
      <c r="J9" s="329">
        <v>15049751</v>
      </c>
      <c r="K9" s="332">
        <v>60677850</v>
      </c>
      <c r="L9" s="333">
        <v>60709415</v>
      </c>
      <c r="M9" s="328">
        <v>0</v>
      </c>
      <c r="N9" s="329">
        <v>0</v>
      </c>
      <c r="O9" s="330">
        <v>0</v>
      </c>
      <c r="P9" s="334"/>
      <c r="Q9" s="329">
        <v>1111699</v>
      </c>
      <c r="R9" s="329">
        <v>1983008</v>
      </c>
      <c r="S9" s="329">
        <v>11197975</v>
      </c>
      <c r="T9" s="329">
        <v>14588141</v>
      </c>
      <c r="U9" s="329">
        <v>11461674</v>
      </c>
      <c r="V9" s="332">
        <v>40342497</v>
      </c>
      <c r="W9" s="333">
        <v>40342497</v>
      </c>
      <c r="X9" s="328">
        <v>0</v>
      </c>
      <c r="Y9" s="329">
        <v>0</v>
      </c>
      <c r="Z9" s="330">
        <v>0</v>
      </c>
      <c r="AA9" s="334"/>
      <c r="AB9" s="329">
        <v>1668470</v>
      </c>
      <c r="AC9" s="329">
        <v>2673265</v>
      </c>
      <c r="AD9" s="329">
        <v>3180721</v>
      </c>
      <c r="AE9" s="329">
        <v>4767995</v>
      </c>
      <c r="AF9" s="329">
        <v>2004682</v>
      </c>
      <c r="AG9" s="332">
        <v>14295133</v>
      </c>
      <c r="AH9" s="333">
        <v>14295133</v>
      </c>
      <c r="AI9" s="328">
        <v>0</v>
      </c>
      <c r="AJ9" s="329">
        <v>0</v>
      </c>
      <c r="AK9" s="330">
        <v>0</v>
      </c>
      <c r="AL9" s="334"/>
      <c r="AM9" s="329">
        <v>2635</v>
      </c>
      <c r="AN9" s="329">
        <v>0</v>
      </c>
      <c r="AO9" s="329">
        <v>2635</v>
      </c>
      <c r="AP9" s="329">
        <v>430277</v>
      </c>
      <c r="AQ9" s="329">
        <v>587750</v>
      </c>
      <c r="AR9" s="332">
        <v>1023297</v>
      </c>
      <c r="AS9" s="333">
        <v>1023297</v>
      </c>
      <c r="AT9" s="328">
        <v>0</v>
      </c>
      <c r="AU9" s="329">
        <v>0</v>
      </c>
      <c r="AV9" s="330">
        <v>0</v>
      </c>
      <c r="AW9" s="334"/>
      <c r="AX9" s="329">
        <v>0</v>
      </c>
      <c r="AY9" s="329">
        <v>0</v>
      </c>
      <c r="AZ9" s="329">
        <v>32550</v>
      </c>
      <c r="BA9" s="329">
        <v>332315</v>
      </c>
      <c r="BB9" s="329">
        <v>396357</v>
      </c>
      <c r="BC9" s="332">
        <v>761222</v>
      </c>
      <c r="BD9" s="333">
        <v>761222</v>
      </c>
      <c r="BE9" s="328">
        <v>0</v>
      </c>
      <c r="BF9" s="329">
        <v>0</v>
      </c>
      <c r="BG9" s="330">
        <v>0</v>
      </c>
      <c r="BH9" s="334"/>
      <c r="BI9" s="329">
        <v>27280</v>
      </c>
      <c r="BJ9" s="329">
        <v>65410</v>
      </c>
      <c r="BK9" s="329">
        <v>241320</v>
      </c>
      <c r="BL9" s="329">
        <v>460090</v>
      </c>
      <c r="BM9" s="329">
        <v>238789</v>
      </c>
      <c r="BN9" s="332">
        <v>1032889</v>
      </c>
      <c r="BO9" s="333">
        <v>1032889</v>
      </c>
      <c r="BP9" s="328">
        <v>435</v>
      </c>
      <c r="BQ9" s="329">
        <v>31130</v>
      </c>
      <c r="BR9" s="330">
        <v>31565</v>
      </c>
      <c r="BS9" s="331">
        <v>0</v>
      </c>
      <c r="BT9" s="329">
        <v>304167</v>
      </c>
      <c r="BU9" s="329">
        <v>442577</v>
      </c>
      <c r="BV9" s="329">
        <v>944746</v>
      </c>
      <c r="BW9" s="329">
        <v>958124</v>
      </c>
      <c r="BX9" s="329">
        <v>305184</v>
      </c>
      <c r="BY9" s="332">
        <v>2954798</v>
      </c>
      <c r="BZ9" s="333">
        <v>2986363</v>
      </c>
      <c r="CA9" s="328">
        <v>0</v>
      </c>
      <c r="CB9" s="329">
        <v>0</v>
      </c>
      <c r="CC9" s="330">
        <v>0</v>
      </c>
      <c r="CD9" s="331">
        <v>0</v>
      </c>
      <c r="CE9" s="329">
        <v>31495</v>
      </c>
      <c r="CF9" s="329">
        <v>50740</v>
      </c>
      <c r="CG9" s="329">
        <v>51185</v>
      </c>
      <c r="CH9" s="329">
        <v>79279</v>
      </c>
      <c r="CI9" s="329">
        <v>55315</v>
      </c>
      <c r="CJ9" s="332">
        <v>268014</v>
      </c>
      <c r="CK9" s="333">
        <v>268014</v>
      </c>
      <c r="CL9" s="328">
        <v>0</v>
      </c>
      <c r="CM9" s="329">
        <v>0</v>
      </c>
      <c r="CN9" s="330">
        <v>0</v>
      </c>
      <c r="CO9" s="331">
        <v>0</v>
      </c>
      <c r="CP9" s="329">
        <v>0</v>
      </c>
      <c r="CQ9" s="329">
        <v>0</v>
      </c>
      <c r="CR9" s="329">
        <v>0</v>
      </c>
      <c r="CS9" s="329">
        <v>0</v>
      </c>
      <c r="CT9" s="329">
        <v>0</v>
      </c>
      <c r="CU9" s="332">
        <v>0</v>
      </c>
      <c r="CV9" s="333">
        <v>0</v>
      </c>
      <c r="CW9" s="328">
        <v>0</v>
      </c>
      <c r="CX9" s="329">
        <v>0</v>
      </c>
      <c r="CY9" s="330">
        <v>0</v>
      </c>
      <c r="CZ9" s="334"/>
      <c r="DA9" s="329">
        <v>0</v>
      </c>
      <c r="DB9" s="329">
        <v>0</v>
      </c>
      <c r="DC9" s="329">
        <v>0</v>
      </c>
      <c r="DD9" s="329">
        <v>0</v>
      </c>
      <c r="DE9" s="329">
        <v>0</v>
      </c>
      <c r="DF9" s="332">
        <v>0</v>
      </c>
      <c r="DG9" s="333">
        <v>0</v>
      </c>
      <c r="DH9" s="328">
        <v>1053</v>
      </c>
      <c r="DI9" s="329">
        <v>36278</v>
      </c>
      <c r="DJ9" s="330">
        <v>37331</v>
      </c>
      <c r="DK9" s="331">
        <v>0</v>
      </c>
      <c r="DL9" s="329">
        <v>1789594</v>
      </c>
      <c r="DM9" s="329">
        <v>3527115</v>
      </c>
      <c r="DN9" s="329">
        <v>14627025</v>
      </c>
      <c r="DO9" s="329">
        <v>18977039</v>
      </c>
      <c r="DP9" s="329">
        <v>13324597</v>
      </c>
      <c r="DQ9" s="332">
        <v>52245370</v>
      </c>
      <c r="DR9" s="335">
        <v>52282701</v>
      </c>
      <c r="DS9" s="328">
        <v>0</v>
      </c>
      <c r="DT9" s="329">
        <v>0</v>
      </c>
      <c r="DU9" s="330">
        <v>0</v>
      </c>
      <c r="DV9" s="334"/>
      <c r="DW9" s="329">
        <v>961937</v>
      </c>
      <c r="DX9" s="329">
        <v>2200834</v>
      </c>
      <c r="DY9" s="329">
        <v>12070078</v>
      </c>
      <c r="DZ9" s="329">
        <v>15558375</v>
      </c>
      <c r="EA9" s="329">
        <v>11635908</v>
      </c>
      <c r="EB9" s="332">
        <v>42427132</v>
      </c>
      <c r="EC9" s="333">
        <v>42427132</v>
      </c>
      <c r="ED9" s="328">
        <v>0</v>
      </c>
      <c r="EE9" s="329">
        <v>0</v>
      </c>
      <c r="EF9" s="330">
        <v>0</v>
      </c>
      <c r="EG9" s="334"/>
      <c r="EH9" s="329">
        <v>366083</v>
      </c>
      <c r="EI9" s="329">
        <v>626061</v>
      </c>
      <c r="EJ9" s="329">
        <v>698098</v>
      </c>
      <c r="EK9" s="329">
        <v>1159064</v>
      </c>
      <c r="EL9" s="329">
        <v>499866</v>
      </c>
      <c r="EM9" s="332">
        <v>3349172</v>
      </c>
      <c r="EN9" s="333">
        <v>3349172</v>
      </c>
      <c r="EO9" s="328">
        <v>0</v>
      </c>
      <c r="EP9" s="329">
        <v>0</v>
      </c>
      <c r="EQ9" s="330">
        <v>0</v>
      </c>
      <c r="ER9" s="334"/>
      <c r="ES9" s="329">
        <v>217</v>
      </c>
      <c r="ET9" s="329">
        <v>0</v>
      </c>
      <c r="EU9" s="329">
        <v>217</v>
      </c>
      <c r="EV9" s="329">
        <v>62082</v>
      </c>
      <c r="EW9" s="329">
        <v>112145</v>
      </c>
      <c r="EX9" s="332">
        <v>174661</v>
      </c>
      <c r="EY9" s="333">
        <v>174661</v>
      </c>
      <c r="EZ9" s="328">
        <v>0</v>
      </c>
      <c r="FA9" s="329">
        <v>0</v>
      </c>
      <c r="FB9" s="330">
        <v>0</v>
      </c>
      <c r="FC9" s="334"/>
      <c r="FD9" s="329">
        <v>0</v>
      </c>
      <c r="FE9" s="329">
        <v>0</v>
      </c>
      <c r="FF9" s="329">
        <v>11532</v>
      </c>
      <c r="FG9" s="329">
        <v>60752</v>
      </c>
      <c r="FH9" s="329">
        <v>72250</v>
      </c>
      <c r="FI9" s="332">
        <v>144534</v>
      </c>
      <c r="FJ9" s="333">
        <v>144534</v>
      </c>
      <c r="FK9" s="328">
        <v>0</v>
      </c>
      <c r="FL9" s="329">
        <v>0</v>
      </c>
      <c r="FM9" s="330">
        <v>0</v>
      </c>
      <c r="FN9" s="334"/>
      <c r="FO9" s="329">
        <v>43152</v>
      </c>
      <c r="FP9" s="329">
        <v>73532</v>
      </c>
      <c r="FQ9" s="329">
        <v>454386</v>
      </c>
      <c r="FR9" s="329">
        <v>939986</v>
      </c>
      <c r="FS9" s="329">
        <v>460919</v>
      </c>
      <c r="FT9" s="332">
        <v>1971975</v>
      </c>
      <c r="FU9" s="333">
        <v>1971975</v>
      </c>
      <c r="FV9" s="328">
        <v>1053</v>
      </c>
      <c r="FW9" s="329">
        <v>36278</v>
      </c>
      <c r="FX9" s="330">
        <v>37331</v>
      </c>
      <c r="FY9" s="331">
        <v>0</v>
      </c>
      <c r="FZ9" s="329">
        <v>406239</v>
      </c>
      <c r="GA9" s="329">
        <v>610711</v>
      </c>
      <c r="GB9" s="329">
        <v>1356220</v>
      </c>
      <c r="GC9" s="329">
        <v>1151726</v>
      </c>
      <c r="GD9" s="329">
        <v>506480</v>
      </c>
      <c r="GE9" s="332">
        <v>4031376</v>
      </c>
      <c r="GF9" s="333">
        <v>4068707</v>
      </c>
      <c r="GG9" s="328">
        <v>0</v>
      </c>
      <c r="GH9" s="329">
        <v>0</v>
      </c>
      <c r="GI9" s="330">
        <v>0</v>
      </c>
      <c r="GJ9" s="331">
        <v>0</v>
      </c>
      <c r="GK9" s="329">
        <v>11966</v>
      </c>
      <c r="GL9" s="329">
        <v>15977</v>
      </c>
      <c r="GM9" s="329">
        <v>36494</v>
      </c>
      <c r="GN9" s="329">
        <v>45054</v>
      </c>
      <c r="GO9" s="329">
        <v>37029</v>
      </c>
      <c r="GP9" s="332">
        <v>146520</v>
      </c>
      <c r="GQ9" s="333">
        <v>146520</v>
      </c>
      <c r="GR9" s="328">
        <v>0</v>
      </c>
      <c r="GS9" s="329">
        <v>0</v>
      </c>
      <c r="GT9" s="330">
        <v>0</v>
      </c>
      <c r="GU9" s="331">
        <v>0</v>
      </c>
      <c r="GV9" s="329">
        <v>0</v>
      </c>
      <c r="GW9" s="329">
        <v>0</v>
      </c>
      <c r="GX9" s="329">
        <v>0</v>
      </c>
      <c r="GY9" s="329">
        <v>0</v>
      </c>
      <c r="GZ9" s="329">
        <v>0</v>
      </c>
      <c r="HA9" s="332">
        <v>0</v>
      </c>
      <c r="HB9" s="333">
        <v>0</v>
      </c>
      <c r="HC9" s="328">
        <v>0</v>
      </c>
      <c r="HD9" s="329">
        <v>0</v>
      </c>
      <c r="HE9" s="330">
        <v>0</v>
      </c>
      <c r="HF9" s="334"/>
      <c r="HG9" s="329">
        <v>0</v>
      </c>
      <c r="HH9" s="329">
        <v>0</v>
      </c>
      <c r="HI9" s="329">
        <v>0</v>
      </c>
      <c r="HJ9" s="329">
        <v>0</v>
      </c>
      <c r="HK9" s="329">
        <v>0</v>
      </c>
      <c r="HL9" s="332">
        <v>0</v>
      </c>
      <c r="HM9" s="333">
        <v>0</v>
      </c>
      <c r="HN9" s="328">
        <v>1488</v>
      </c>
      <c r="HO9" s="329">
        <v>67408</v>
      </c>
      <c r="HP9" s="330">
        <v>68896</v>
      </c>
      <c r="HQ9" s="331">
        <v>0</v>
      </c>
      <c r="HR9" s="329">
        <v>4935340</v>
      </c>
      <c r="HS9" s="329">
        <v>8742115</v>
      </c>
      <c r="HT9" s="329">
        <v>30278157</v>
      </c>
      <c r="HU9" s="329">
        <v>40593260</v>
      </c>
      <c r="HV9" s="329">
        <v>28374348</v>
      </c>
      <c r="HW9" s="332">
        <v>112923220</v>
      </c>
      <c r="HX9" s="333">
        <v>112992116</v>
      </c>
    </row>
    <row r="10" spans="1:232" ht="16.5" customHeight="1" x14ac:dyDescent="0.2">
      <c r="A10" s="326" t="s">
        <v>14</v>
      </c>
      <c r="B10" s="328">
        <v>0</v>
      </c>
      <c r="C10" s="329">
        <v>20090</v>
      </c>
      <c r="D10" s="330">
        <v>20090</v>
      </c>
      <c r="E10" s="331">
        <v>0</v>
      </c>
      <c r="F10" s="329">
        <v>1207930</v>
      </c>
      <c r="G10" s="329">
        <v>2206213</v>
      </c>
      <c r="H10" s="329">
        <v>9738699</v>
      </c>
      <c r="I10" s="329">
        <v>12552975</v>
      </c>
      <c r="J10" s="329">
        <v>7362334</v>
      </c>
      <c r="K10" s="332">
        <v>33068151</v>
      </c>
      <c r="L10" s="333">
        <v>33088241</v>
      </c>
      <c r="M10" s="328">
        <v>0</v>
      </c>
      <c r="N10" s="329">
        <v>0</v>
      </c>
      <c r="O10" s="330">
        <v>0</v>
      </c>
      <c r="P10" s="334"/>
      <c r="Q10" s="329">
        <v>204600</v>
      </c>
      <c r="R10" s="329">
        <v>387361</v>
      </c>
      <c r="S10" s="329">
        <v>6594457</v>
      </c>
      <c r="T10" s="329">
        <v>9300030</v>
      </c>
      <c r="U10" s="329">
        <v>5405986</v>
      </c>
      <c r="V10" s="332">
        <v>21892434</v>
      </c>
      <c r="W10" s="333">
        <v>21892434</v>
      </c>
      <c r="X10" s="328">
        <v>0</v>
      </c>
      <c r="Y10" s="329">
        <v>0</v>
      </c>
      <c r="Z10" s="330">
        <v>0</v>
      </c>
      <c r="AA10" s="334"/>
      <c r="AB10" s="329">
        <v>813943</v>
      </c>
      <c r="AC10" s="329">
        <v>1487753</v>
      </c>
      <c r="AD10" s="329">
        <v>2356215</v>
      </c>
      <c r="AE10" s="329">
        <v>1588985</v>
      </c>
      <c r="AF10" s="329">
        <v>1027860</v>
      </c>
      <c r="AG10" s="332">
        <v>7274756</v>
      </c>
      <c r="AH10" s="333">
        <v>7274756</v>
      </c>
      <c r="AI10" s="328">
        <v>0</v>
      </c>
      <c r="AJ10" s="329">
        <v>0</v>
      </c>
      <c r="AK10" s="330">
        <v>0</v>
      </c>
      <c r="AL10" s="334"/>
      <c r="AM10" s="329">
        <v>0</v>
      </c>
      <c r="AN10" s="329">
        <v>0</v>
      </c>
      <c r="AO10" s="329">
        <v>0</v>
      </c>
      <c r="AP10" s="329">
        <v>389820</v>
      </c>
      <c r="AQ10" s="329">
        <v>216785</v>
      </c>
      <c r="AR10" s="332">
        <v>606605</v>
      </c>
      <c r="AS10" s="333">
        <v>606605</v>
      </c>
      <c r="AT10" s="328">
        <v>0</v>
      </c>
      <c r="AU10" s="329">
        <v>0</v>
      </c>
      <c r="AV10" s="330">
        <v>0</v>
      </c>
      <c r="AW10" s="334"/>
      <c r="AX10" s="329">
        <v>0</v>
      </c>
      <c r="AY10" s="329">
        <v>0</v>
      </c>
      <c r="AZ10" s="329">
        <v>24645</v>
      </c>
      <c r="BA10" s="329">
        <v>518387</v>
      </c>
      <c r="BB10" s="329">
        <v>313657</v>
      </c>
      <c r="BC10" s="332">
        <v>856689</v>
      </c>
      <c r="BD10" s="333">
        <v>856689</v>
      </c>
      <c r="BE10" s="328">
        <v>0</v>
      </c>
      <c r="BF10" s="329">
        <v>0</v>
      </c>
      <c r="BG10" s="330">
        <v>0</v>
      </c>
      <c r="BH10" s="334"/>
      <c r="BI10" s="329">
        <v>0</v>
      </c>
      <c r="BJ10" s="329">
        <v>24645</v>
      </c>
      <c r="BK10" s="329">
        <v>78430</v>
      </c>
      <c r="BL10" s="329">
        <v>109660</v>
      </c>
      <c r="BM10" s="329">
        <v>35340</v>
      </c>
      <c r="BN10" s="332">
        <v>248075</v>
      </c>
      <c r="BO10" s="333">
        <v>248075</v>
      </c>
      <c r="BP10" s="328">
        <v>0</v>
      </c>
      <c r="BQ10" s="329">
        <v>20090</v>
      </c>
      <c r="BR10" s="330">
        <v>20090</v>
      </c>
      <c r="BS10" s="331">
        <v>0</v>
      </c>
      <c r="BT10" s="329">
        <v>189387</v>
      </c>
      <c r="BU10" s="329">
        <v>306019</v>
      </c>
      <c r="BV10" s="329">
        <v>682632</v>
      </c>
      <c r="BW10" s="329">
        <v>642673</v>
      </c>
      <c r="BX10" s="329">
        <v>360620</v>
      </c>
      <c r="BY10" s="332">
        <v>2181331</v>
      </c>
      <c r="BZ10" s="333">
        <v>2201421</v>
      </c>
      <c r="CA10" s="328">
        <v>0</v>
      </c>
      <c r="CB10" s="329">
        <v>0</v>
      </c>
      <c r="CC10" s="330">
        <v>0</v>
      </c>
      <c r="CD10" s="331">
        <v>0</v>
      </c>
      <c r="CE10" s="329">
        <v>0</v>
      </c>
      <c r="CF10" s="329">
        <v>435</v>
      </c>
      <c r="CG10" s="329">
        <v>2320</v>
      </c>
      <c r="CH10" s="329">
        <v>3420</v>
      </c>
      <c r="CI10" s="329">
        <v>2086</v>
      </c>
      <c r="CJ10" s="332">
        <v>8261</v>
      </c>
      <c r="CK10" s="333">
        <v>8261</v>
      </c>
      <c r="CL10" s="328">
        <v>0</v>
      </c>
      <c r="CM10" s="329">
        <v>0</v>
      </c>
      <c r="CN10" s="330">
        <v>0</v>
      </c>
      <c r="CO10" s="331">
        <v>0</v>
      </c>
      <c r="CP10" s="329">
        <v>0</v>
      </c>
      <c r="CQ10" s="329">
        <v>0</v>
      </c>
      <c r="CR10" s="329">
        <v>0</v>
      </c>
      <c r="CS10" s="329">
        <v>0</v>
      </c>
      <c r="CT10" s="329">
        <v>0</v>
      </c>
      <c r="CU10" s="332">
        <v>0</v>
      </c>
      <c r="CV10" s="333">
        <v>0</v>
      </c>
      <c r="CW10" s="328">
        <v>0</v>
      </c>
      <c r="CX10" s="329">
        <v>0</v>
      </c>
      <c r="CY10" s="330">
        <v>0</v>
      </c>
      <c r="CZ10" s="334"/>
      <c r="DA10" s="329">
        <v>0</v>
      </c>
      <c r="DB10" s="329">
        <v>0</v>
      </c>
      <c r="DC10" s="329">
        <v>0</v>
      </c>
      <c r="DD10" s="329">
        <v>0</v>
      </c>
      <c r="DE10" s="329">
        <v>0</v>
      </c>
      <c r="DF10" s="332">
        <v>0</v>
      </c>
      <c r="DG10" s="333">
        <v>0</v>
      </c>
      <c r="DH10" s="328">
        <v>0</v>
      </c>
      <c r="DI10" s="329">
        <v>1404</v>
      </c>
      <c r="DJ10" s="330">
        <v>1404</v>
      </c>
      <c r="DK10" s="331">
        <v>0</v>
      </c>
      <c r="DL10" s="329">
        <v>482126</v>
      </c>
      <c r="DM10" s="329">
        <v>1508275</v>
      </c>
      <c r="DN10" s="329">
        <v>10732107</v>
      </c>
      <c r="DO10" s="329">
        <v>13643919</v>
      </c>
      <c r="DP10" s="329">
        <v>7654667</v>
      </c>
      <c r="DQ10" s="332">
        <v>34021094</v>
      </c>
      <c r="DR10" s="335">
        <v>34022498</v>
      </c>
      <c r="DS10" s="328">
        <v>0</v>
      </c>
      <c r="DT10" s="329">
        <v>0</v>
      </c>
      <c r="DU10" s="330">
        <v>0</v>
      </c>
      <c r="DV10" s="334"/>
      <c r="DW10" s="329">
        <v>230609</v>
      </c>
      <c r="DX10" s="329">
        <v>774535</v>
      </c>
      <c r="DY10" s="329">
        <v>9145644</v>
      </c>
      <c r="DZ10" s="329">
        <v>11994508</v>
      </c>
      <c r="EA10" s="329">
        <v>6941560</v>
      </c>
      <c r="EB10" s="332">
        <v>29086856</v>
      </c>
      <c r="EC10" s="333">
        <v>29086856</v>
      </c>
      <c r="ED10" s="328">
        <v>0</v>
      </c>
      <c r="EE10" s="329">
        <v>0</v>
      </c>
      <c r="EF10" s="330">
        <v>0</v>
      </c>
      <c r="EG10" s="334"/>
      <c r="EH10" s="329">
        <v>39503</v>
      </c>
      <c r="EI10" s="329">
        <v>324097</v>
      </c>
      <c r="EJ10" s="329">
        <v>279328</v>
      </c>
      <c r="EK10" s="329">
        <v>294123</v>
      </c>
      <c r="EL10" s="329">
        <v>73103</v>
      </c>
      <c r="EM10" s="332">
        <v>1010154</v>
      </c>
      <c r="EN10" s="333">
        <v>1010154</v>
      </c>
      <c r="EO10" s="328">
        <v>0</v>
      </c>
      <c r="EP10" s="329">
        <v>0</v>
      </c>
      <c r="EQ10" s="330">
        <v>0</v>
      </c>
      <c r="ER10" s="334"/>
      <c r="ES10" s="329">
        <v>0</v>
      </c>
      <c r="ET10" s="329">
        <v>0</v>
      </c>
      <c r="EU10" s="329">
        <v>0</v>
      </c>
      <c r="EV10" s="329">
        <v>48050</v>
      </c>
      <c r="EW10" s="329">
        <v>24676</v>
      </c>
      <c r="EX10" s="332">
        <v>72726</v>
      </c>
      <c r="EY10" s="333">
        <v>72726</v>
      </c>
      <c r="EZ10" s="328">
        <v>0</v>
      </c>
      <c r="FA10" s="329">
        <v>0</v>
      </c>
      <c r="FB10" s="330">
        <v>0</v>
      </c>
      <c r="FC10" s="334"/>
      <c r="FD10" s="329">
        <v>0</v>
      </c>
      <c r="FE10" s="329">
        <v>0</v>
      </c>
      <c r="FF10" s="329">
        <v>217</v>
      </c>
      <c r="FG10" s="329">
        <v>85526</v>
      </c>
      <c r="FH10" s="329">
        <v>61508</v>
      </c>
      <c r="FI10" s="332">
        <v>147251</v>
      </c>
      <c r="FJ10" s="333">
        <v>147251</v>
      </c>
      <c r="FK10" s="328">
        <v>0</v>
      </c>
      <c r="FL10" s="329">
        <v>0</v>
      </c>
      <c r="FM10" s="330">
        <v>0</v>
      </c>
      <c r="FN10" s="334"/>
      <c r="FO10" s="329">
        <v>0</v>
      </c>
      <c r="FP10" s="329">
        <v>21576</v>
      </c>
      <c r="FQ10" s="329">
        <v>217868</v>
      </c>
      <c r="FR10" s="329">
        <v>305145</v>
      </c>
      <c r="FS10" s="329">
        <v>58342</v>
      </c>
      <c r="FT10" s="332">
        <v>602931</v>
      </c>
      <c r="FU10" s="333">
        <v>602931</v>
      </c>
      <c r="FV10" s="328">
        <v>0</v>
      </c>
      <c r="FW10" s="329">
        <v>1404</v>
      </c>
      <c r="FX10" s="330">
        <v>1404</v>
      </c>
      <c r="FY10" s="331">
        <v>0</v>
      </c>
      <c r="FZ10" s="329">
        <v>212014</v>
      </c>
      <c r="GA10" s="329">
        <v>388046</v>
      </c>
      <c r="GB10" s="329">
        <v>1082964</v>
      </c>
      <c r="GC10" s="329">
        <v>915662</v>
      </c>
      <c r="GD10" s="329">
        <v>495352</v>
      </c>
      <c r="GE10" s="332">
        <v>3094038</v>
      </c>
      <c r="GF10" s="333">
        <v>3095442</v>
      </c>
      <c r="GG10" s="328">
        <v>0</v>
      </c>
      <c r="GH10" s="329">
        <v>0</v>
      </c>
      <c r="GI10" s="330">
        <v>0</v>
      </c>
      <c r="GJ10" s="331">
        <v>0</v>
      </c>
      <c r="GK10" s="329">
        <v>0</v>
      </c>
      <c r="GL10" s="329">
        <v>21</v>
      </c>
      <c r="GM10" s="329">
        <v>6086</v>
      </c>
      <c r="GN10" s="329">
        <v>905</v>
      </c>
      <c r="GO10" s="329">
        <v>126</v>
      </c>
      <c r="GP10" s="332">
        <v>7138</v>
      </c>
      <c r="GQ10" s="333">
        <v>7138</v>
      </c>
      <c r="GR10" s="328">
        <v>0</v>
      </c>
      <c r="GS10" s="329">
        <v>0</v>
      </c>
      <c r="GT10" s="330">
        <v>0</v>
      </c>
      <c r="GU10" s="331">
        <v>0</v>
      </c>
      <c r="GV10" s="329">
        <v>0</v>
      </c>
      <c r="GW10" s="329">
        <v>0</v>
      </c>
      <c r="GX10" s="329">
        <v>0</v>
      </c>
      <c r="GY10" s="329">
        <v>0</v>
      </c>
      <c r="GZ10" s="329">
        <v>0</v>
      </c>
      <c r="HA10" s="332">
        <v>0</v>
      </c>
      <c r="HB10" s="333">
        <v>0</v>
      </c>
      <c r="HC10" s="328">
        <v>0</v>
      </c>
      <c r="HD10" s="329">
        <v>0</v>
      </c>
      <c r="HE10" s="330">
        <v>0</v>
      </c>
      <c r="HF10" s="334"/>
      <c r="HG10" s="329">
        <v>0</v>
      </c>
      <c r="HH10" s="329">
        <v>0</v>
      </c>
      <c r="HI10" s="329">
        <v>0</v>
      </c>
      <c r="HJ10" s="329">
        <v>0</v>
      </c>
      <c r="HK10" s="329">
        <v>0</v>
      </c>
      <c r="HL10" s="332">
        <v>0</v>
      </c>
      <c r="HM10" s="333">
        <v>0</v>
      </c>
      <c r="HN10" s="328">
        <v>0</v>
      </c>
      <c r="HO10" s="329">
        <v>21494</v>
      </c>
      <c r="HP10" s="330">
        <v>21494</v>
      </c>
      <c r="HQ10" s="331">
        <v>0</v>
      </c>
      <c r="HR10" s="329">
        <v>1690056</v>
      </c>
      <c r="HS10" s="329">
        <v>3714488</v>
      </c>
      <c r="HT10" s="329">
        <v>20470806</v>
      </c>
      <c r="HU10" s="329">
        <v>26196894</v>
      </c>
      <c r="HV10" s="329">
        <v>15017001</v>
      </c>
      <c r="HW10" s="332">
        <v>67089245</v>
      </c>
      <c r="HX10" s="333">
        <v>67110739</v>
      </c>
    </row>
    <row r="11" spans="1:232" ht="16.5" customHeight="1" x14ac:dyDescent="0.2">
      <c r="A11" s="326" t="s">
        <v>7</v>
      </c>
      <c r="B11" s="328">
        <v>0</v>
      </c>
      <c r="C11" s="329">
        <v>725</v>
      </c>
      <c r="D11" s="330">
        <v>725</v>
      </c>
      <c r="E11" s="331">
        <v>0</v>
      </c>
      <c r="F11" s="329">
        <v>1674779</v>
      </c>
      <c r="G11" s="329">
        <v>2239439</v>
      </c>
      <c r="H11" s="329">
        <v>7187930</v>
      </c>
      <c r="I11" s="329">
        <v>9492680</v>
      </c>
      <c r="J11" s="329">
        <v>5339778</v>
      </c>
      <c r="K11" s="332">
        <v>25934606</v>
      </c>
      <c r="L11" s="333">
        <v>25935331</v>
      </c>
      <c r="M11" s="328">
        <v>0</v>
      </c>
      <c r="N11" s="329">
        <v>0</v>
      </c>
      <c r="O11" s="330">
        <v>0</v>
      </c>
      <c r="P11" s="334"/>
      <c r="Q11" s="329">
        <v>210025</v>
      </c>
      <c r="R11" s="329">
        <v>557050</v>
      </c>
      <c r="S11" s="329">
        <v>4767952</v>
      </c>
      <c r="T11" s="329">
        <v>7616827</v>
      </c>
      <c r="U11" s="329">
        <v>4470964</v>
      </c>
      <c r="V11" s="332">
        <v>17622818</v>
      </c>
      <c r="W11" s="333">
        <v>17622818</v>
      </c>
      <c r="X11" s="328">
        <v>0</v>
      </c>
      <c r="Y11" s="329">
        <v>0</v>
      </c>
      <c r="Z11" s="330">
        <v>0</v>
      </c>
      <c r="AA11" s="334"/>
      <c r="AB11" s="329">
        <v>1269775</v>
      </c>
      <c r="AC11" s="329">
        <v>1381522</v>
      </c>
      <c r="AD11" s="329">
        <v>1826757</v>
      </c>
      <c r="AE11" s="329">
        <v>1513551</v>
      </c>
      <c r="AF11" s="329">
        <v>650784</v>
      </c>
      <c r="AG11" s="332">
        <v>6642389</v>
      </c>
      <c r="AH11" s="333">
        <v>6642389</v>
      </c>
      <c r="AI11" s="328">
        <v>0</v>
      </c>
      <c r="AJ11" s="329">
        <v>0</v>
      </c>
      <c r="AK11" s="330">
        <v>0</v>
      </c>
      <c r="AL11" s="334"/>
      <c r="AM11" s="329">
        <v>0</v>
      </c>
      <c r="AN11" s="329">
        <v>0</v>
      </c>
      <c r="AO11" s="329">
        <v>0</v>
      </c>
      <c r="AP11" s="329">
        <v>65580</v>
      </c>
      <c r="AQ11" s="329">
        <v>10540</v>
      </c>
      <c r="AR11" s="332">
        <v>76120</v>
      </c>
      <c r="AS11" s="333">
        <v>76120</v>
      </c>
      <c r="AT11" s="328">
        <v>0</v>
      </c>
      <c r="AU11" s="329">
        <v>0</v>
      </c>
      <c r="AV11" s="330">
        <v>0</v>
      </c>
      <c r="AW11" s="334"/>
      <c r="AX11" s="329">
        <v>0</v>
      </c>
      <c r="AY11" s="329">
        <v>0</v>
      </c>
      <c r="AZ11" s="329">
        <v>2635</v>
      </c>
      <c r="BA11" s="329">
        <v>0</v>
      </c>
      <c r="BB11" s="329">
        <v>24645</v>
      </c>
      <c r="BC11" s="332">
        <v>27280</v>
      </c>
      <c r="BD11" s="333">
        <v>27280</v>
      </c>
      <c r="BE11" s="328">
        <v>0</v>
      </c>
      <c r="BF11" s="329">
        <v>0</v>
      </c>
      <c r="BG11" s="330">
        <v>0</v>
      </c>
      <c r="BH11" s="334"/>
      <c r="BI11" s="329">
        <v>0</v>
      </c>
      <c r="BJ11" s="329">
        <v>0</v>
      </c>
      <c r="BK11" s="329">
        <v>0</v>
      </c>
      <c r="BL11" s="329">
        <v>0</v>
      </c>
      <c r="BM11" s="329">
        <v>0</v>
      </c>
      <c r="BN11" s="332">
        <v>0</v>
      </c>
      <c r="BO11" s="333">
        <v>0</v>
      </c>
      <c r="BP11" s="328">
        <v>0</v>
      </c>
      <c r="BQ11" s="329">
        <v>725</v>
      </c>
      <c r="BR11" s="330">
        <v>725</v>
      </c>
      <c r="BS11" s="331">
        <v>0</v>
      </c>
      <c r="BT11" s="329">
        <v>194979</v>
      </c>
      <c r="BU11" s="329">
        <v>282872</v>
      </c>
      <c r="BV11" s="329">
        <v>557770</v>
      </c>
      <c r="BW11" s="329">
        <v>267907</v>
      </c>
      <c r="BX11" s="329">
        <v>178233</v>
      </c>
      <c r="BY11" s="332">
        <v>1481761</v>
      </c>
      <c r="BZ11" s="333">
        <v>1482486</v>
      </c>
      <c r="CA11" s="328">
        <v>0</v>
      </c>
      <c r="CB11" s="329">
        <v>0</v>
      </c>
      <c r="CC11" s="330">
        <v>0</v>
      </c>
      <c r="CD11" s="331">
        <v>0</v>
      </c>
      <c r="CE11" s="329">
        <v>0</v>
      </c>
      <c r="CF11" s="329">
        <v>17995</v>
      </c>
      <c r="CG11" s="329">
        <v>32816</v>
      </c>
      <c r="CH11" s="329">
        <v>28815</v>
      </c>
      <c r="CI11" s="329">
        <v>4612</v>
      </c>
      <c r="CJ11" s="332">
        <v>84238</v>
      </c>
      <c r="CK11" s="333">
        <v>84238</v>
      </c>
      <c r="CL11" s="328">
        <v>0</v>
      </c>
      <c r="CM11" s="329">
        <v>0</v>
      </c>
      <c r="CN11" s="330">
        <v>0</v>
      </c>
      <c r="CO11" s="331">
        <v>0</v>
      </c>
      <c r="CP11" s="329">
        <v>0</v>
      </c>
      <c r="CQ11" s="329">
        <v>0</v>
      </c>
      <c r="CR11" s="329">
        <v>0</v>
      </c>
      <c r="CS11" s="329">
        <v>0</v>
      </c>
      <c r="CT11" s="329">
        <v>0</v>
      </c>
      <c r="CU11" s="332">
        <v>0</v>
      </c>
      <c r="CV11" s="333">
        <v>0</v>
      </c>
      <c r="CW11" s="328">
        <v>0</v>
      </c>
      <c r="CX11" s="329">
        <v>0</v>
      </c>
      <c r="CY11" s="330">
        <v>0</v>
      </c>
      <c r="CZ11" s="334"/>
      <c r="DA11" s="329">
        <v>0</v>
      </c>
      <c r="DB11" s="329">
        <v>0</v>
      </c>
      <c r="DC11" s="329">
        <v>0</v>
      </c>
      <c r="DD11" s="329">
        <v>0</v>
      </c>
      <c r="DE11" s="329">
        <v>0</v>
      </c>
      <c r="DF11" s="332">
        <v>0</v>
      </c>
      <c r="DG11" s="333">
        <v>0</v>
      </c>
      <c r="DH11" s="328">
        <v>0</v>
      </c>
      <c r="DI11" s="329">
        <v>4872</v>
      </c>
      <c r="DJ11" s="330">
        <v>4872</v>
      </c>
      <c r="DK11" s="331">
        <v>0</v>
      </c>
      <c r="DL11" s="329">
        <v>652440</v>
      </c>
      <c r="DM11" s="329">
        <v>1287981</v>
      </c>
      <c r="DN11" s="329">
        <v>6943681</v>
      </c>
      <c r="DO11" s="329">
        <v>9457130</v>
      </c>
      <c r="DP11" s="329">
        <v>5273507</v>
      </c>
      <c r="DQ11" s="332">
        <v>23614739</v>
      </c>
      <c r="DR11" s="335">
        <v>23619611</v>
      </c>
      <c r="DS11" s="328">
        <v>0</v>
      </c>
      <c r="DT11" s="329">
        <v>0</v>
      </c>
      <c r="DU11" s="330">
        <v>0</v>
      </c>
      <c r="DV11" s="334"/>
      <c r="DW11" s="329">
        <v>241552</v>
      </c>
      <c r="DX11" s="329">
        <v>652911</v>
      </c>
      <c r="DY11" s="329">
        <v>5864497</v>
      </c>
      <c r="DZ11" s="329">
        <v>8828732</v>
      </c>
      <c r="EA11" s="329">
        <v>4911233</v>
      </c>
      <c r="EB11" s="332">
        <v>20498925</v>
      </c>
      <c r="EC11" s="333">
        <v>20498925</v>
      </c>
      <c r="ED11" s="328">
        <v>0</v>
      </c>
      <c r="EE11" s="329">
        <v>0</v>
      </c>
      <c r="EF11" s="330">
        <v>0</v>
      </c>
      <c r="EG11" s="334"/>
      <c r="EH11" s="329">
        <v>137041</v>
      </c>
      <c r="EI11" s="329">
        <v>166743</v>
      </c>
      <c r="EJ11" s="329">
        <v>272050</v>
      </c>
      <c r="EK11" s="329">
        <v>233725</v>
      </c>
      <c r="EL11" s="329">
        <v>82635</v>
      </c>
      <c r="EM11" s="332">
        <v>892194</v>
      </c>
      <c r="EN11" s="333">
        <v>892194</v>
      </c>
      <c r="EO11" s="328">
        <v>0</v>
      </c>
      <c r="EP11" s="329">
        <v>0</v>
      </c>
      <c r="EQ11" s="330">
        <v>0</v>
      </c>
      <c r="ER11" s="334"/>
      <c r="ES11" s="329">
        <v>0</v>
      </c>
      <c r="ET11" s="329">
        <v>0</v>
      </c>
      <c r="EU11" s="329">
        <v>0</v>
      </c>
      <c r="EV11" s="329">
        <v>455</v>
      </c>
      <c r="EW11" s="329">
        <v>868</v>
      </c>
      <c r="EX11" s="332">
        <v>1323</v>
      </c>
      <c r="EY11" s="333">
        <v>1323</v>
      </c>
      <c r="EZ11" s="328">
        <v>0</v>
      </c>
      <c r="FA11" s="329">
        <v>0</v>
      </c>
      <c r="FB11" s="330">
        <v>0</v>
      </c>
      <c r="FC11" s="334"/>
      <c r="FD11" s="329">
        <v>0</v>
      </c>
      <c r="FE11" s="329">
        <v>0</v>
      </c>
      <c r="FF11" s="329">
        <v>217</v>
      </c>
      <c r="FG11" s="329">
        <v>0</v>
      </c>
      <c r="FH11" s="329">
        <v>217</v>
      </c>
      <c r="FI11" s="332">
        <v>434</v>
      </c>
      <c r="FJ11" s="333">
        <v>434</v>
      </c>
      <c r="FK11" s="328">
        <v>0</v>
      </c>
      <c r="FL11" s="329">
        <v>0</v>
      </c>
      <c r="FM11" s="330">
        <v>0</v>
      </c>
      <c r="FN11" s="334"/>
      <c r="FO11" s="329">
        <v>0</v>
      </c>
      <c r="FP11" s="329">
        <v>0</v>
      </c>
      <c r="FQ11" s="329">
        <v>0</v>
      </c>
      <c r="FR11" s="329">
        <v>0</v>
      </c>
      <c r="FS11" s="329">
        <v>0</v>
      </c>
      <c r="FT11" s="332">
        <v>0</v>
      </c>
      <c r="FU11" s="333">
        <v>0</v>
      </c>
      <c r="FV11" s="328">
        <v>0</v>
      </c>
      <c r="FW11" s="329">
        <v>4872</v>
      </c>
      <c r="FX11" s="330">
        <v>4872</v>
      </c>
      <c r="FY11" s="331">
        <v>0</v>
      </c>
      <c r="FZ11" s="329">
        <v>273847</v>
      </c>
      <c r="GA11" s="329">
        <v>466211</v>
      </c>
      <c r="GB11" s="329">
        <v>802120</v>
      </c>
      <c r="GC11" s="329">
        <v>385728</v>
      </c>
      <c r="GD11" s="329">
        <v>269904</v>
      </c>
      <c r="GE11" s="332">
        <v>2197810</v>
      </c>
      <c r="GF11" s="333">
        <v>2202682</v>
      </c>
      <c r="GG11" s="328">
        <v>0</v>
      </c>
      <c r="GH11" s="329">
        <v>0</v>
      </c>
      <c r="GI11" s="330">
        <v>0</v>
      </c>
      <c r="GJ11" s="331">
        <v>0</v>
      </c>
      <c r="GK11" s="329">
        <v>0</v>
      </c>
      <c r="GL11" s="329">
        <v>2116</v>
      </c>
      <c r="GM11" s="329">
        <v>4797</v>
      </c>
      <c r="GN11" s="329">
        <v>8490</v>
      </c>
      <c r="GO11" s="329">
        <v>8650</v>
      </c>
      <c r="GP11" s="332">
        <v>24053</v>
      </c>
      <c r="GQ11" s="333">
        <v>24053</v>
      </c>
      <c r="GR11" s="328">
        <v>0</v>
      </c>
      <c r="GS11" s="329">
        <v>0</v>
      </c>
      <c r="GT11" s="330">
        <v>0</v>
      </c>
      <c r="GU11" s="331">
        <v>0</v>
      </c>
      <c r="GV11" s="329">
        <v>0</v>
      </c>
      <c r="GW11" s="329">
        <v>0</v>
      </c>
      <c r="GX11" s="329">
        <v>0</v>
      </c>
      <c r="GY11" s="329">
        <v>0</v>
      </c>
      <c r="GZ11" s="329">
        <v>0</v>
      </c>
      <c r="HA11" s="332">
        <v>0</v>
      </c>
      <c r="HB11" s="333">
        <v>0</v>
      </c>
      <c r="HC11" s="328">
        <v>0</v>
      </c>
      <c r="HD11" s="329">
        <v>0</v>
      </c>
      <c r="HE11" s="330">
        <v>0</v>
      </c>
      <c r="HF11" s="334"/>
      <c r="HG11" s="329">
        <v>0</v>
      </c>
      <c r="HH11" s="329">
        <v>0</v>
      </c>
      <c r="HI11" s="329">
        <v>0</v>
      </c>
      <c r="HJ11" s="329">
        <v>0</v>
      </c>
      <c r="HK11" s="329">
        <v>0</v>
      </c>
      <c r="HL11" s="332">
        <v>0</v>
      </c>
      <c r="HM11" s="333">
        <v>0</v>
      </c>
      <c r="HN11" s="328">
        <v>0</v>
      </c>
      <c r="HO11" s="329">
        <v>5597</v>
      </c>
      <c r="HP11" s="330">
        <v>5597</v>
      </c>
      <c r="HQ11" s="331">
        <v>0</v>
      </c>
      <c r="HR11" s="329">
        <v>2327219</v>
      </c>
      <c r="HS11" s="329">
        <v>3527420</v>
      </c>
      <c r="HT11" s="329">
        <v>14131611</v>
      </c>
      <c r="HU11" s="329">
        <v>18949810</v>
      </c>
      <c r="HV11" s="329">
        <v>10613285</v>
      </c>
      <c r="HW11" s="332">
        <v>49549345</v>
      </c>
      <c r="HX11" s="333">
        <v>49554942</v>
      </c>
    </row>
    <row r="12" spans="1:232" ht="16.5" customHeight="1" x14ac:dyDescent="0.2">
      <c r="A12" s="326" t="s">
        <v>8</v>
      </c>
      <c r="B12" s="328">
        <v>0</v>
      </c>
      <c r="C12" s="329">
        <v>6337</v>
      </c>
      <c r="D12" s="330">
        <v>6337</v>
      </c>
      <c r="E12" s="331">
        <v>0</v>
      </c>
      <c r="F12" s="329">
        <v>1006961</v>
      </c>
      <c r="G12" s="329">
        <v>1437666</v>
      </c>
      <c r="H12" s="329">
        <v>4718184</v>
      </c>
      <c r="I12" s="329">
        <v>4329555</v>
      </c>
      <c r="J12" s="329">
        <v>2804950</v>
      </c>
      <c r="K12" s="332">
        <v>14297316</v>
      </c>
      <c r="L12" s="333">
        <v>14303653</v>
      </c>
      <c r="M12" s="328">
        <v>0</v>
      </c>
      <c r="N12" s="329">
        <v>0</v>
      </c>
      <c r="O12" s="330">
        <v>0</v>
      </c>
      <c r="P12" s="334"/>
      <c r="Q12" s="329">
        <v>371483</v>
      </c>
      <c r="R12" s="329">
        <v>437255</v>
      </c>
      <c r="S12" s="329">
        <v>3223496</v>
      </c>
      <c r="T12" s="329">
        <v>3070371</v>
      </c>
      <c r="U12" s="329">
        <v>1914583</v>
      </c>
      <c r="V12" s="332">
        <v>9017188</v>
      </c>
      <c r="W12" s="333">
        <v>9017188</v>
      </c>
      <c r="X12" s="328">
        <v>0</v>
      </c>
      <c r="Y12" s="329">
        <v>0</v>
      </c>
      <c r="Z12" s="330">
        <v>0</v>
      </c>
      <c r="AA12" s="334"/>
      <c r="AB12" s="329">
        <v>519740</v>
      </c>
      <c r="AC12" s="329">
        <v>778443</v>
      </c>
      <c r="AD12" s="329">
        <v>865480</v>
      </c>
      <c r="AE12" s="329">
        <v>824347</v>
      </c>
      <c r="AF12" s="329">
        <v>592507</v>
      </c>
      <c r="AG12" s="332">
        <v>3580517</v>
      </c>
      <c r="AH12" s="333">
        <v>3580517</v>
      </c>
      <c r="AI12" s="328">
        <v>0</v>
      </c>
      <c r="AJ12" s="329">
        <v>0</v>
      </c>
      <c r="AK12" s="330">
        <v>0</v>
      </c>
      <c r="AL12" s="334"/>
      <c r="AM12" s="329">
        <v>0</v>
      </c>
      <c r="AN12" s="329">
        <v>0</v>
      </c>
      <c r="AO12" s="329">
        <v>0</v>
      </c>
      <c r="AP12" s="329">
        <v>24645</v>
      </c>
      <c r="AQ12" s="329">
        <v>24645</v>
      </c>
      <c r="AR12" s="332">
        <v>49290</v>
      </c>
      <c r="AS12" s="333">
        <v>49290</v>
      </c>
      <c r="AT12" s="328">
        <v>0</v>
      </c>
      <c r="AU12" s="329">
        <v>0</v>
      </c>
      <c r="AV12" s="330">
        <v>0</v>
      </c>
      <c r="AW12" s="334"/>
      <c r="AX12" s="329">
        <v>35495</v>
      </c>
      <c r="AY12" s="329">
        <v>0</v>
      </c>
      <c r="AZ12" s="329">
        <v>35495</v>
      </c>
      <c r="BA12" s="329">
        <v>4250</v>
      </c>
      <c r="BB12" s="329">
        <v>38130</v>
      </c>
      <c r="BC12" s="332">
        <v>113370</v>
      </c>
      <c r="BD12" s="333">
        <v>113370</v>
      </c>
      <c r="BE12" s="328">
        <v>0</v>
      </c>
      <c r="BF12" s="329">
        <v>0</v>
      </c>
      <c r="BG12" s="330">
        <v>0</v>
      </c>
      <c r="BH12" s="334"/>
      <c r="BI12" s="329">
        <v>0</v>
      </c>
      <c r="BJ12" s="329">
        <v>35340</v>
      </c>
      <c r="BK12" s="329">
        <v>72580</v>
      </c>
      <c r="BL12" s="329">
        <v>108925</v>
      </c>
      <c r="BM12" s="329">
        <v>81450</v>
      </c>
      <c r="BN12" s="332">
        <v>298295</v>
      </c>
      <c r="BO12" s="333">
        <v>298295</v>
      </c>
      <c r="BP12" s="328">
        <v>0</v>
      </c>
      <c r="BQ12" s="329">
        <v>6337</v>
      </c>
      <c r="BR12" s="330">
        <v>6337</v>
      </c>
      <c r="BS12" s="331">
        <v>0</v>
      </c>
      <c r="BT12" s="329">
        <v>80243</v>
      </c>
      <c r="BU12" s="329">
        <v>178464</v>
      </c>
      <c r="BV12" s="329">
        <v>506858</v>
      </c>
      <c r="BW12" s="329">
        <v>297017</v>
      </c>
      <c r="BX12" s="329">
        <v>153635</v>
      </c>
      <c r="BY12" s="332">
        <v>1216217</v>
      </c>
      <c r="BZ12" s="333">
        <v>1222554</v>
      </c>
      <c r="CA12" s="328">
        <v>0</v>
      </c>
      <c r="CB12" s="329">
        <v>0</v>
      </c>
      <c r="CC12" s="330">
        <v>0</v>
      </c>
      <c r="CD12" s="331">
        <v>0</v>
      </c>
      <c r="CE12" s="329">
        <v>0</v>
      </c>
      <c r="CF12" s="329">
        <v>8164</v>
      </c>
      <c r="CG12" s="329">
        <v>14275</v>
      </c>
      <c r="CH12" s="329">
        <v>0</v>
      </c>
      <c r="CI12" s="329">
        <v>0</v>
      </c>
      <c r="CJ12" s="332">
        <v>22439</v>
      </c>
      <c r="CK12" s="333">
        <v>22439</v>
      </c>
      <c r="CL12" s="328">
        <v>0</v>
      </c>
      <c r="CM12" s="329">
        <v>0</v>
      </c>
      <c r="CN12" s="330">
        <v>0</v>
      </c>
      <c r="CO12" s="331">
        <v>0</v>
      </c>
      <c r="CP12" s="329">
        <v>0</v>
      </c>
      <c r="CQ12" s="329">
        <v>0</v>
      </c>
      <c r="CR12" s="329">
        <v>0</v>
      </c>
      <c r="CS12" s="329">
        <v>0</v>
      </c>
      <c r="CT12" s="329">
        <v>0</v>
      </c>
      <c r="CU12" s="332">
        <v>0</v>
      </c>
      <c r="CV12" s="333">
        <v>0</v>
      </c>
      <c r="CW12" s="328">
        <v>0</v>
      </c>
      <c r="CX12" s="329">
        <v>0</v>
      </c>
      <c r="CY12" s="330">
        <v>0</v>
      </c>
      <c r="CZ12" s="334"/>
      <c r="DA12" s="329">
        <v>0</v>
      </c>
      <c r="DB12" s="329">
        <v>0</v>
      </c>
      <c r="DC12" s="329">
        <v>0</v>
      </c>
      <c r="DD12" s="329">
        <v>0</v>
      </c>
      <c r="DE12" s="329">
        <v>0</v>
      </c>
      <c r="DF12" s="332">
        <v>0</v>
      </c>
      <c r="DG12" s="333">
        <v>0</v>
      </c>
      <c r="DH12" s="328">
        <v>0</v>
      </c>
      <c r="DI12" s="329">
        <v>10019</v>
      </c>
      <c r="DJ12" s="330">
        <v>10019</v>
      </c>
      <c r="DK12" s="331">
        <v>0</v>
      </c>
      <c r="DL12" s="329">
        <v>739418</v>
      </c>
      <c r="DM12" s="329">
        <v>1212469</v>
      </c>
      <c r="DN12" s="329">
        <v>5374692</v>
      </c>
      <c r="DO12" s="329">
        <v>5134291</v>
      </c>
      <c r="DP12" s="329">
        <v>2954326</v>
      </c>
      <c r="DQ12" s="332">
        <v>15415196</v>
      </c>
      <c r="DR12" s="335">
        <v>15425215</v>
      </c>
      <c r="DS12" s="328">
        <v>0</v>
      </c>
      <c r="DT12" s="329">
        <v>0</v>
      </c>
      <c r="DU12" s="330">
        <v>0</v>
      </c>
      <c r="DV12" s="334"/>
      <c r="DW12" s="329">
        <v>539918</v>
      </c>
      <c r="DX12" s="329">
        <v>793538</v>
      </c>
      <c r="DY12" s="329">
        <v>4267936</v>
      </c>
      <c r="DZ12" s="329">
        <v>4325521</v>
      </c>
      <c r="EA12" s="329">
        <v>2385092</v>
      </c>
      <c r="EB12" s="332">
        <v>12312005</v>
      </c>
      <c r="EC12" s="333">
        <v>12312005</v>
      </c>
      <c r="ED12" s="328">
        <v>0</v>
      </c>
      <c r="EE12" s="329">
        <v>0</v>
      </c>
      <c r="EF12" s="330">
        <v>0</v>
      </c>
      <c r="EG12" s="334"/>
      <c r="EH12" s="329">
        <v>59154</v>
      </c>
      <c r="EI12" s="329">
        <v>121834</v>
      </c>
      <c r="EJ12" s="329">
        <v>94493</v>
      </c>
      <c r="EK12" s="329">
        <v>90541</v>
      </c>
      <c r="EL12" s="329">
        <v>50649</v>
      </c>
      <c r="EM12" s="332">
        <v>416671</v>
      </c>
      <c r="EN12" s="333">
        <v>416671</v>
      </c>
      <c r="EO12" s="328">
        <v>0</v>
      </c>
      <c r="EP12" s="329">
        <v>0</v>
      </c>
      <c r="EQ12" s="330">
        <v>0</v>
      </c>
      <c r="ER12" s="334"/>
      <c r="ES12" s="329">
        <v>0</v>
      </c>
      <c r="ET12" s="329">
        <v>0</v>
      </c>
      <c r="EU12" s="329">
        <v>0</v>
      </c>
      <c r="EV12" s="329">
        <v>217</v>
      </c>
      <c r="EW12" s="329">
        <v>217</v>
      </c>
      <c r="EX12" s="332">
        <v>434</v>
      </c>
      <c r="EY12" s="333">
        <v>434</v>
      </c>
      <c r="EZ12" s="328">
        <v>0</v>
      </c>
      <c r="FA12" s="329">
        <v>0</v>
      </c>
      <c r="FB12" s="330">
        <v>0</v>
      </c>
      <c r="FC12" s="334"/>
      <c r="FD12" s="329">
        <v>11687</v>
      </c>
      <c r="FE12" s="329">
        <v>0</v>
      </c>
      <c r="FF12" s="329">
        <v>11687</v>
      </c>
      <c r="FG12" s="329">
        <v>434</v>
      </c>
      <c r="FH12" s="329">
        <v>11904</v>
      </c>
      <c r="FI12" s="332">
        <v>35712</v>
      </c>
      <c r="FJ12" s="333">
        <v>35712</v>
      </c>
      <c r="FK12" s="328">
        <v>0</v>
      </c>
      <c r="FL12" s="329">
        <v>0</v>
      </c>
      <c r="FM12" s="330">
        <v>0</v>
      </c>
      <c r="FN12" s="334"/>
      <c r="FO12" s="329">
        <v>0</v>
      </c>
      <c r="FP12" s="329">
        <v>58342</v>
      </c>
      <c r="FQ12" s="329">
        <v>256702</v>
      </c>
      <c r="FR12" s="329">
        <v>251012</v>
      </c>
      <c r="FS12" s="329">
        <v>209602</v>
      </c>
      <c r="FT12" s="332">
        <v>775658</v>
      </c>
      <c r="FU12" s="333">
        <v>775658</v>
      </c>
      <c r="FV12" s="328">
        <v>0</v>
      </c>
      <c r="FW12" s="329">
        <v>10019</v>
      </c>
      <c r="FX12" s="330">
        <v>10019</v>
      </c>
      <c r="FY12" s="331">
        <v>0</v>
      </c>
      <c r="FZ12" s="329">
        <v>128659</v>
      </c>
      <c r="GA12" s="329">
        <v>237593</v>
      </c>
      <c r="GB12" s="329">
        <v>739817</v>
      </c>
      <c r="GC12" s="329">
        <v>466566</v>
      </c>
      <c r="GD12" s="329">
        <v>296862</v>
      </c>
      <c r="GE12" s="332">
        <v>1869497</v>
      </c>
      <c r="GF12" s="333">
        <v>1879516</v>
      </c>
      <c r="GG12" s="328">
        <v>0</v>
      </c>
      <c r="GH12" s="329">
        <v>0</v>
      </c>
      <c r="GI12" s="330">
        <v>0</v>
      </c>
      <c r="GJ12" s="331">
        <v>0</v>
      </c>
      <c r="GK12" s="329">
        <v>0</v>
      </c>
      <c r="GL12" s="329">
        <v>1162</v>
      </c>
      <c r="GM12" s="329">
        <v>4057</v>
      </c>
      <c r="GN12" s="329">
        <v>0</v>
      </c>
      <c r="GO12" s="329">
        <v>0</v>
      </c>
      <c r="GP12" s="332">
        <v>5219</v>
      </c>
      <c r="GQ12" s="333">
        <v>5219</v>
      </c>
      <c r="GR12" s="328">
        <v>0</v>
      </c>
      <c r="GS12" s="329">
        <v>0</v>
      </c>
      <c r="GT12" s="330">
        <v>0</v>
      </c>
      <c r="GU12" s="331">
        <v>0</v>
      </c>
      <c r="GV12" s="329">
        <v>0</v>
      </c>
      <c r="GW12" s="329">
        <v>0</v>
      </c>
      <c r="GX12" s="329">
        <v>0</v>
      </c>
      <c r="GY12" s="329">
        <v>0</v>
      </c>
      <c r="GZ12" s="329">
        <v>0</v>
      </c>
      <c r="HA12" s="332">
        <v>0</v>
      </c>
      <c r="HB12" s="333">
        <v>0</v>
      </c>
      <c r="HC12" s="328">
        <v>0</v>
      </c>
      <c r="HD12" s="329">
        <v>0</v>
      </c>
      <c r="HE12" s="330">
        <v>0</v>
      </c>
      <c r="HF12" s="334"/>
      <c r="HG12" s="329">
        <v>0</v>
      </c>
      <c r="HH12" s="329">
        <v>0</v>
      </c>
      <c r="HI12" s="329">
        <v>0</v>
      </c>
      <c r="HJ12" s="329">
        <v>0</v>
      </c>
      <c r="HK12" s="329">
        <v>0</v>
      </c>
      <c r="HL12" s="332">
        <v>0</v>
      </c>
      <c r="HM12" s="333">
        <v>0</v>
      </c>
      <c r="HN12" s="328">
        <v>0</v>
      </c>
      <c r="HO12" s="329">
        <v>16356</v>
      </c>
      <c r="HP12" s="330">
        <v>16356</v>
      </c>
      <c r="HQ12" s="331">
        <v>0</v>
      </c>
      <c r="HR12" s="329">
        <v>1746379</v>
      </c>
      <c r="HS12" s="329">
        <v>2650135</v>
      </c>
      <c r="HT12" s="329">
        <v>10092876</v>
      </c>
      <c r="HU12" s="329">
        <v>9463846</v>
      </c>
      <c r="HV12" s="329">
        <v>5759276</v>
      </c>
      <c r="HW12" s="332">
        <v>29712512</v>
      </c>
      <c r="HX12" s="333">
        <v>29728868</v>
      </c>
    </row>
    <row r="13" spans="1:232" ht="16.5" customHeight="1" x14ac:dyDescent="0.2">
      <c r="A13" s="326" t="s">
        <v>9</v>
      </c>
      <c r="B13" s="328">
        <v>0</v>
      </c>
      <c r="C13" s="329">
        <v>0</v>
      </c>
      <c r="D13" s="330">
        <v>0</v>
      </c>
      <c r="E13" s="331">
        <v>0</v>
      </c>
      <c r="F13" s="329">
        <v>283681</v>
      </c>
      <c r="G13" s="329">
        <v>411008</v>
      </c>
      <c r="H13" s="329">
        <v>2072318</v>
      </c>
      <c r="I13" s="329">
        <v>3194513</v>
      </c>
      <c r="J13" s="329">
        <v>2326994</v>
      </c>
      <c r="K13" s="332">
        <v>8288514</v>
      </c>
      <c r="L13" s="333">
        <v>8288514</v>
      </c>
      <c r="M13" s="328">
        <v>0</v>
      </c>
      <c r="N13" s="329">
        <v>0</v>
      </c>
      <c r="O13" s="330">
        <v>0</v>
      </c>
      <c r="P13" s="334"/>
      <c r="Q13" s="329">
        <v>125645</v>
      </c>
      <c r="R13" s="329">
        <v>35495</v>
      </c>
      <c r="S13" s="329">
        <v>1335838</v>
      </c>
      <c r="T13" s="329">
        <v>2445414</v>
      </c>
      <c r="U13" s="329">
        <v>1832277</v>
      </c>
      <c r="V13" s="332">
        <v>5774669</v>
      </c>
      <c r="W13" s="333">
        <v>5774669</v>
      </c>
      <c r="X13" s="328">
        <v>0</v>
      </c>
      <c r="Y13" s="329">
        <v>0</v>
      </c>
      <c r="Z13" s="330">
        <v>0</v>
      </c>
      <c r="AA13" s="334"/>
      <c r="AB13" s="329">
        <v>111585</v>
      </c>
      <c r="AC13" s="329">
        <v>310655</v>
      </c>
      <c r="AD13" s="329">
        <v>571045</v>
      </c>
      <c r="AE13" s="329">
        <v>567180</v>
      </c>
      <c r="AF13" s="329">
        <v>376407</v>
      </c>
      <c r="AG13" s="332">
        <v>1936872</v>
      </c>
      <c r="AH13" s="333">
        <v>1936872</v>
      </c>
      <c r="AI13" s="328">
        <v>0</v>
      </c>
      <c r="AJ13" s="329">
        <v>0</v>
      </c>
      <c r="AK13" s="330">
        <v>0</v>
      </c>
      <c r="AL13" s="334"/>
      <c r="AM13" s="329">
        <v>0</v>
      </c>
      <c r="AN13" s="329">
        <v>0</v>
      </c>
      <c r="AO13" s="329">
        <v>0</v>
      </c>
      <c r="AP13" s="329">
        <v>3627</v>
      </c>
      <c r="AQ13" s="329">
        <v>2635</v>
      </c>
      <c r="AR13" s="332">
        <v>6262</v>
      </c>
      <c r="AS13" s="333">
        <v>6262</v>
      </c>
      <c r="AT13" s="328">
        <v>0</v>
      </c>
      <c r="AU13" s="329">
        <v>0</v>
      </c>
      <c r="AV13" s="330">
        <v>0</v>
      </c>
      <c r="AW13" s="334"/>
      <c r="AX13" s="329">
        <v>0</v>
      </c>
      <c r="AY13" s="329">
        <v>0</v>
      </c>
      <c r="AZ13" s="329">
        <v>0</v>
      </c>
      <c r="BA13" s="329">
        <v>850</v>
      </c>
      <c r="BB13" s="329">
        <v>27280</v>
      </c>
      <c r="BC13" s="332">
        <v>28130</v>
      </c>
      <c r="BD13" s="333">
        <v>28130</v>
      </c>
      <c r="BE13" s="328">
        <v>0</v>
      </c>
      <c r="BF13" s="329">
        <v>0</v>
      </c>
      <c r="BG13" s="330">
        <v>0</v>
      </c>
      <c r="BH13" s="334"/>
      <c r="BI13" s="329">
        <v>0</v>
      </c>
      <c r="BJ13" s="329">
        <v>0</v>
      </c>
      <c r="BK13" s="329">
        <v>0</v>
      </c>
      <c r="BL13" s="329">
        <v>24645</v>
      </c>
      <c r="BM13" s="329">
        <v>0</v>
      </c>
      <c r="BN13" s="332">
        <v>24645</v>
      </c>
      <c r="BO13" s="333">
        <v>24645</v>
      </c>
      <c r="BP13" s="328">
        <v>0</v>
      </c>
      <c r="BQ13" s="329">
        <v>0</v>
      </c>
      <c r="BR13" s="330">
        <v>0</v>
      </c>
      <c r="BS13" s="331">
        <v>0</v>
      </c>
      <c r="BT13" s="329">
        <v>42921</v>
      </c>
      <c r="BU13" s="329">
        <v>63938</v>
      </c>
      <c r="BV13" s="329">
        <v>159925</v>
      </c>
      <c r="BW13" s="329">
        <v>140750</v>
      </c>
      <c r="BX13" s="329">
        <v>87340</v>
      </c>
      <c r="BY13" s="332">
        <v>494874</v>
      </c>
      <c r="BZ13" s="333">
        <v>494874</v>
      </c>
      <c r="CA13" s="328">
        <v>0</v>
      </c>
      <c r="CB13" s="329">
        <v>0</v>
      </c>
      <c r="CC13" s="330">
        <v>0</v>
      </c>
      <c r="CD13" s="331">
        <v>0</v>
      </c>
      <c r="CE13" s="329">
        <v>3530</v>
      </c>
      <c r="CF13" s="329">
        <v>920</v>
      </c>
      <c r="CG13" s="329">
        <v>5510</v>
      </c>
      <c r="CH13" s="329">
        <v>12047</v>
      </c>
      <c r="CI13" s="329">
        <v>1055</v>
      </c>
      <c r="CJ13" s="332">
        <v>23062</v>
      </c>
      <c r="CK13" s="333">
        <v>23062</v>
      </c>
      <c r="CL13" s="328">
        <v>0</v>
      </c>
      <c r="CM13" s="329">
        <v>0</v>
      </c>
      <c r="CN13" s="330">
        <v>0</v>
      </c>
      <c r="CO13" s="331">
        <v>0</v>
      </c>
      <c r="CP13" s="329">
        <v>0</v>
      </c>
      <c r="CQ13" s="329">
        <v>0</v>
      </c>
      <c r="CR13" s="329">
        <v>0</v>
      </c>
      <c r="CS13" s="329">
        <v>0</v>
      </c>
      <c r="CT13" s="329">
        <v>0</v>
      </c>
      <c r="CU13" s="332">
        <v>0</v>
      </c>
      <c r="CV13" s="333">
        <v>0</v>
      </c>
      <c r="CW13" s="328">
        <v>0</v>
      </c>
      <c r="CX13" s="329">
        <v>0</v>
      </c>
      <c r="CY13" s="330">
        <v>0</v>
      </c>
      <c r="CZ13" s="334"/>
      <c r="DA13" s="329">
        <v>0</v>
      </c>
      <c r="DB13" s="329">
        <v>0</v>
      </c>
      <c r="DC13" s="329">
        <v>0</v>
      </c>
      <c r="DD13" s="329">
        <v>0</v>
      </c>
      <c r="DE13" s="329">
        <v>0</v>
      </c>
      <c r="DF13" s="332">
        <v>0</v>
      </c>
      <c r="DG13" s="333">
        <v>0</v>
      </c>
      <c r="DH13" s="328">
        <v>0</v>
      </c>
      <c r="DI13" s="329">
        <v>0</v>
      </c>
      <c r="DJ13" s="330">
        <v>0</v>
      </c>
      <c r="DK13" s="331">
        <v>0</v>
      </c>
      <c r="DL13" s="329">
        <v>281089</v>
      </c>
      <c r="DM13" s="329">
        <v>203768</v>
      </c>
      <c r="DN13" s="329">
        <v>2332325</v>
      </c>
      <c r="DO13" s="329">
        <v>3427717</v>
      </c>
      <c r="DP13" s="329">
        <v>2688348</v>
      </c>
      <c r="DQ13" s="332">
        <v>8933247</v>
      </c>
      <c r="DR13" s="335">
        <v>8933247</v>
      </c>
      <c r="DS13" s="328">
        <v>0</v>
      </c>
      <c r="DT13" s="329">
        <v>0</v>
      </c>
      <c r="DU13" s="330">
        <v>0</v>
      </c>
      <c r="DV13" s="334"/>
      <c r="DW13" s="329">
        <v>152134</v>
      </c>
      <c r="DX13" s="329">
        <v>26505</v>
      </c>
      <c r="DY13" s="329">
        <v>1935788</v>
      </c>
      <c r="DZ13" s="329">
        <v>3069852</v>
      </c>
      <c r="EA13" s="329">
        <v>2486382</v>
      </c>
      <c r="EB13" s="332">
        <v>7670661</v>
      </c>
      <c r="EC13" s="333">
        <v>7670661</v>
      </c>
      <c r="ED13" s="328">
        <v>0</v>
      </c>
      <c r="EE13" s="329">
        <v>0</v>
      </c>
      <c r="EF13" s="330">
        <v>0</v>
      </c>
      <c r="EG13" s="334"/>
      <c r="EH13" s="329">
        <v>34621</v>
      </c>
      <c r="EI13" s="329">
        <v>44509</v>
      </c>
      <c r="EJ13" s="329">
        <v>30788</v>
      </c>
      <c r="EK13" s="329">
        <v>87522</v>
      </c>
      <c r="EL13" s="329">
        <v>35895</v>
      </c>
      <c r="EM13" s="332">
        <v>233335</v>
      </c>
      <c r="EN13" s="333">
        <v>233335</v>
      </c>
      <c r="EO13" s="328">
        <v>0</v>
      </c>
      <c r="EP13" s="329">
        <v>0</v>
      </c>
      <c r="EQ13" s="330">
        <v>0</v>
      </c>
      <c r="ER13" s="334"/>
      <c r="ES13" s="329">
        <v>0</v>
      </c>
      <c r="ET13" s="329">
        <v>0</v>
      </c>
      <c r="EU13" s="329">
        <v>0</v>
      </c>
      <c r="EV13" s="329">
        <v>434</v>
      </c>
      <c r="EW13" s="329">
        <v>217</v>
      </c>
      <c r="EX13" s="332">
        <v>651</v>
      </c>
      <c r="EY13" s="333">
        <v>651</v>
      </c>
      <c r="EZ13" s="328">
        <v>0</v>
      </c>
      <c r="FA13" s="329">
        <v>0</v>
      </c>
      <c r="FB13" s="330">
        <v>0</v>
      </c>
      <c r="FC13" s="334"/>
      <c r="FD13" s="329">
        <v>0</v>
      </c>
      <c r="FE13" s="329">
        <v>0</v>
      </c>
      <c r="FF13" s="329">
        <v>0</v>
      </c>
      <c r="FG13" s="329">
        <v>70</v>
      </c>
      <c r="FH13" s="329">
        <v>434</v>
      </c>
      <c r="FI13" s="332">
        <v>504</v>
      </c>
      <c r="FJ13" s="333">
        <v>504</v>
      </c>
      <c r="FK13" s="328">
        <v>0</v>
      </c>
      <c r="FL13" s="329">
        <v>0</v>
      </c>
      <c r="FM13" s="330">
        <v>0</v>
      </c>
      <c r="FN13" s="334"/>
      <c r="FO13" s="329">
        <v>0</v>
      </c>
      <c r="FP13" s="329">
        <v>0</v>
      </c>
      <c r="FQ13" s="329">
        <v>0</v>
      </c>
      <c r="FR13" s="329">
        <v>21576</v>
      </c>
      <c r="FS13" s="329">
        <v>0</v>
      </c>
      <c r="FT13" s="332">
        <v>21576</v>
      </c>
      <c r="FU13" s="333">
        <v>21576</v>
      </c>
      <c r="FV13" s="328">
        <v>0</v>
      </c>
      <c r="FW13" s="329">
        <v>0</v>
      </c>
      <c r="FX13" s="330">
        <v>0</v>
      </c>
      <c r="FY13" s="331">
        <v>0</v>
      </c>
      <c r="FZ13" s="329">
        <v>93225</v>
      </c>
      <c r="GA13" s="329">
        <v>132684</v>
      </c>
      <c r="GB13" s="329">
        <v>357475</v>
      </c>
      <c r="GC13" s="329">
        <v>246902</v>
      </c>
      <c r="GD13" s="329">
        <v>165329</v>
      </c>
      <c r="GE13" s="332">
        <v>995615</v>
      </c>
      <c r="GF13" s="333">
        <v>995615</v>
      </c>
      <c r="GG13" s="328">
        <v>0</v>
      </c>
      <c r="GH13" s="329">
        <v>0</v>
      </c>
      <c r="GI13" s="330">
        <v>0</v>
      </c>
      <c r="GJ13" s="331">
        <v>0</v>
      </c>
      <c r="GK13" s="329">
        <v>1109</v>
      </c>
      <c r="GL13" s="329">
        <v>70</v>
      </c>
      <c r="GM13" s="329">
        <v>8274</v>
      </c>
      <c r="GN13" s="329">
        <v>1361</v>
      </c>
      <c r="GO13" s="329">
        <v>91</v>
      </c>
      <c r="GP13" s="332">
        <v>10905</v>
      </c>
      <c r="GQ13" s="333">
        <v>10905</v>
      </c>
      <c r="GR13" s="328">
        <v>0</v>
      </c>
      <c r="GS13" s="329">
        <v>0</v>
      </c>
      <c r="GT13" s="330">
        <v>0</v>
      </c>
      <c r="GU13" s="331">
        <v>0</v>
      </c>
      <c r="GV13" s="329">
        <v>0</v>
      </c>
      <c r="GW13" s="329">
        <v>0</v>
      </c>
      <c r="GX13" s="329">
        <v>0</v>
      </c>
      <c r="GY13" s="329">
        <v>0</v>
      </c>
      <c r="GZ13" s="329">
        <v>0</v>
      </c>
      <c r="HA13" s="332">
        <v>0</v>
      </c>
      <c r="HB13" s="333">
        <v>0</v>
      </c>
      <c r="HC13" s="328">
        <v>0</v>
      </c>
      <c r="HD13" s="329">
        <v>0</v>
      </c>
      <c r="HE13" s="330">
        <v>0</v>
      </c>
      <c r="HF13" s="334"/>
      <c r="HG13" s="329">
        <v>0</v>
      </c>
      <c r="HH13" s="329">
        <v>0</v>
      </c>
      <c r="HI13" s="329">
        <v>0</v>
      </c>
      <c r="HJ13" s="329">
        <v>0</v>
      </c>
      <c r="HK13" s="329">
        <v>0</v>
      </c>
      <c r="HL13" s="332">
        <v>0</v>
      </c>
      <c r="HM13" s="333">
        <v>0</v>
      </c>
      <c r="HN13" s="328">
        <v>0</v>
      </c>
      <c r="HO13" s="329">
        <v>0</v>
      </c>
      <c r="HP13" s="330">
        <v>0</v>
      </c>
      <c r="HQ13" s="331">
        <v>0</v>
      </c>
      <c r="HR13" s="329">
        <v>564770</v>
      </c>
      <c r="HS13" s="329">
        <v>614776</v>
      </c>
      <c r="HT13" s="329">
        <v>4404643</v>
      </c>
      <c r="HU13" s="329">
        <v>6622230</v>
      </c>
      <c r="HV13" s="329">
        <v>5015342</v>
      </c>
      <c r="HW13" s="332">
        <v>17221761</v>
      </c>
      <c r="HX13" s="333">
        <v>17221761</v>
      </c>
    </row>
    <row r="14" spans="1:232" ht="16.5" customHeight="1" x14ac:dyDescent="0.2">
      <c r="A14" s="326" t="s">
        <v>10</v>
      </c>
      <c r="B14" s="328">
        <v>3830</v>
      </c>
      <c r="C14" s="329">
        <v>7705</v>
      </c>
      <c r="D14" s="330">
        <v>11535</v>
      </c>
      <c r="E14" s="331">
        <v>0</v>
      </c>
      <c r="F14" s="329">
        <v>1102551</v>
      </c>
      <c r="G14" s="329">
        <v>1344350</v>
      </c>
      <c r="H14" s="329">
        <v>3332488</v>
      </c>
      <c r="I14" s="329">
        <v>5079021</v>
      </c>
      <c r="J14" s="329">
        <v>4215977</v>
      </c>
      <c r="K14" s="332">
        <v>15074387</v>
      </c>
      <c r="L14" s="333">
        <v>15085922</v>
      </c>
      <c r="M14" s="328">
        <v>0</v>
      </c>
      <c r="N14" s="329">
        <v>0</v>
      </c>
      <c r="O14" s="330">
        <v>0</v>
      </c>
      <c r="P14" s="334"/>
      <c r="Q14" s="329">
        <v>100640</v>
      </c>
      <c r="R14" s="329">
        <v>312790</v>
      </c>
      <c r="S14" s="329">
        <v>2109760</v>
      </c>
      <c r="T14" s="329">
        <v>3728755</v>
      </c>
      <c r="U14" s="329">
        <v>3507107</v>
      </c>
      <c r="V14" s="332">
        <v>9759052</v>
      </c>
      <c r="W14" s="333">
        <v>9759052</v>
      </c>
      <c r="X14" s="328">
        <v>0</v>
      </c>
      <c r="Y14" s="329">
        <v>0</v>
      </c>
      <c r="Z14" s="330">
        <v>0</v>
      </c>
      <c r="AA14" s="334"/>
      <c r="AB14" s="329">
        <v>821965</v>
      </c>
      <c r="AC14" s="329">
        <v>833653</v>
      </c>
      <c r="AD14" s="329">
        <v>942776</v>
      </c>
      <c r="AE14" s="329">
        <v>963652</v>
      </c>
      <c r="AF14" s="329">
        <v>313395</v>
      </c>
      <c r="AG14" s="332">
        <v>3875441</v>
      </c>
      <c r="AH14" s="333">
        <v>3875441</v>
      </c>
      <c r="AI14" s="328">
        <v>0</v>
      </c>
      <c r="AJ14" s="329">
        <v>0</v>
      </c>
      <c r="AK14" s="330">
        <v>0</v>
      </c>
      <c r="AL14" s="334"/>
      <c r="AM14" s="329">
        <v>0</v>
      </c>
      <c r="AN14" s="329">
        <v>0</v>
      </c>
      <c r="AO14" s="329">
        <v>0</v>
      </c>
      <c r="AP14" s="329">
        <v>32705</v>
      </c>
      <c r="AQ14" s="329">
        <v>7905</v>
      </c>
      <c r="AR14" s="332">
        <v>40610</v>
      </c>
      <c r="AS14" s="333">
        <v>40610</v>
      </c>
      <c r="AT14" s="328">
        <v>0</v>
      </c>
      <c r="AU14" s="329">
        <v>0</v>
      </c>
      <c r="AV14" s="330">
        <v>0</v>
      </c>
      <c r="AW14" s="334"/>
      <c r="AX14" s="329">
        <v>0</v>
      </c>
      <c r="AY14" s="329">
        <v>0</v>
      </c>
      <c r="AZ14" s="329">
        <v>0</v>
      </c>
      <c r="BA14" s="329">
        <v>0</v>
      </c>
      <c r="BB14" s="329">
        <v>167585</v>
      </c>
      <c r="BC14" s="332">
        <v>167585</v>
      </c>
      <c r="BD14" s="333">
        <v>167585</v>
      </c>
      <c r="BE14" s="328">
        <v>0</v>
      </c>
      <c r="BF14" s="329">
        <v>0</v>
      </c>
      <c r="BG14" s="330">
        <v>0</v>
      </c>
      <c r="BH14" s="334"/>
      <c r="BI14" s="329">
        <v>0</v>
      </c>
      <c r="BJ14" s="329">
        <v>0</v>
      </c>
      <c r="BK14" s="329">
        <v>0</v>
      </c>
      <c r="BL14" s="329">
        <v>60750</v>
      </c>
      <c r="BM14" s="329">
        <v>73315</v>
      </c>
      <c r="BN14" s="332">
        <v>134065</v>
      </c>
      <c r="BO14" s="333">
        <v>134065</v>
      </c>
      <c r="BP14" s="328">
        <v>3830</v>
      </c>
      <c r="BQ14" s="329">
        <v>7705</v>
      </c>
      <c r="BR14" s="330">
        <v>11535</v>
      </c>
      <c r="BS14" s="331">
        <v>0</v>
      </c>
      <c r="BT14" s="329">
        <v>178231</v>
      </c>
      <c r="BU14" s="329">
        <v>174107</v>
      </c>
      <c r="BV14" s="329">
        <v>272536</v>
      </c>
      <c r="BW14" s="329">
        <v>267922</v>
      </c>
      <c r="BX14" s="329">
        <v>146041</v>
      </c>
      <c r="BY14" s="332">
        <v>1038837</v>
      </c>
      <c r="BZ14" s="333">
        <v>1050372</v>
      </c>
      <c r="CA14" s="328">
        <v>0</v>
      </c>
      <c r="CB14" s="329">
        <v>0</v>
      </c>
      <c r="CC14" s="330">
        <v>0</v>
      </c>
      <c r="CD14" s="331">
        <v>0</v>
      </c>
      <c r="CE14" s="329">
        <v>1715</v>
      </c>
      <c r="CF14" s="329">
        <v>23800</v>
      </c>
      <c r="CG14" s="329">
        <v>7416</v>
      </c>
      <c r="CH14" s="329">
        <v>25237</v>
      </c>
      <c r="CI14" s="329">
        <v>629</v>
      </c>
      <c r="CJ14" s="332">
        <v>58797</v>
      </c>
      <c r="CK14" s="333">
        <v>58797</v>
      </c>
      <c r="CL14" s="328">
        <v>0</v>
      </c>
      <c r="CM14" s="329">
        <v>0</v>
      </c>
      <c r="CN14" s="330">
        <v>0</v>
      </c>
      <c r="CO14" s="331">
        <v>0</v>
      </c>
      <c r="CP14" s="329">
        <v>0</v>
      </c>
      <c r="CQ14" s="329">
        <v>0</v>
      </c>
      <c r="CR14" s="329">
        <v>0</v>
      </c>
      <c r="CS14" s="329">
        <v>0</v>
      </c>
      <c r="CT14" s="329">
        <v>0</v>
      </c>
      <c r="CU14" s="332">
        <v>0</v>
      </c>
      <c r="CV14" s="333">
        <v>0</v>
      </c>
      <c r="CW14" s="328">
        <v>0</v>
      </c>
      <c r="CX14" s="329">
        <v>0</v>
      </c>
      <c r="CY14" s="330">
        <v>0</v>
      </c>
      <c r="CZ14" s="334"/>
      <c r="DA14" s="329">
        <v>0</v>
      </c>
      <c r="DB14" s="329">
        <v>0</v>
      </c>
      <c r="DC14" s="329">
        <v>0</v>
      </c>
      <c r="DD14" s="329">
        <v>0</v>
      </c>
      <c r="DE14" s="329">
        <v>0</v>
      </c>
      <c r="DF14" s="332">
        <v>0</v>
      </c>
      <c r="DG14" s="333">
        <v>0</v>
      </c>
      <c r="DH14" s="328">
        <v>6204</v>
      </c>
      <c r="DI14" s="329">
        <v>18711</v>
      </c>
      <c r="DJ14" s="330">
        <v>24915</v>
      </c>
      <c r="DK14" s="331">
        <v>0</v>
      </c>
      <c r="DL14" s="329">
        <v>555737</v>
      </c>
      <c r="DM14" s="329">
        <v>1001525</v>
      </c>
      <c r="DN14" s="329">
        <v>4068667</v>
      </c>
      <c r="DO14" s="329">
        <v>5745594</v>
      </c>
      <c r="DP14" s="329">
        <v>4325350</v>
      </c>
      <c r="DQ14" s="332">
        <v>15696873</v>
      </c>
      <c r="DR14" s="335">
        <v>15721788</v>
      </c>
      <c r="DS14" s="328">
        <v>0</v>
      </c>
      <c r="DT14" s="329">
        <v>0</v>
      </c>
      <c r="DU14" s="330">
        <v>0</v>
      </c>
      <c r="DV14" s="334"/>
      <c r="DW14" s="329">
        <v>145160</v>
      </c>
      <c r="DX14" s="329">
        <v>492834</v>
      </c>
      <c r="DY14" s="329">
        <v>3443254</v>
      </c>
      <c r="DZ14" s="329">
        <v>5140392</v>
      </c>
      <c r="EA14" s="329">
        <v>3890445</v>
      </c>
      <c r="EB14" s="332">
        <v>13112085</v>
      </c>
      <c r="EC14" s="333">
        <v>13112085</v>
      </c>
      <c r="ED14" s="328">
        <v>0</v>
      </c>
      <c r="EE14" s="329">
        <v>0</v>
      </c>
      <c r="EF14" s="330">
        <v>0</v>
      </c>
      <c r="EG14" s="334"/>
      <c r="EH14" s="329">
        <v>160290</v>
      </c>
      <c r="EI14" s="329">
        <v>137963</v>
      </c>
      <c r="EJ14" s="329">
        <v>114687</v>
      </c>
      <c r="EK14" s="329">
        <v>88426</v>
      </c>
      <c r="EL14" s="329">
        <v>39527</v>
      </c>
      <c r="EM14" s="332">
        <v>540893</v>
      </c>
      <c r="EN14" s="333">
        <v>540893</v>
      </c>
      <c r="EO14" s="328">
        <v>0</v>
      </c>
      <c r="EP14" s="329">
        <v>0</v>
      </c>
      <c r="EQ14" s="330">
        <v>0</v>
      </c>
      <c r="ER14" s="334"/>
      <c r="ES14" s="329">
        <v>0</v>
      </c>
      <c r="ET14" s="329">
        <v>0</v>
      </c>
      <c r="EU14" s="329">
        <v>0</v>
      </c>
      <c r="EV14" s="329">
        <v>217</v>
      </c>
      <c r="EW14" s="329">
        <v>651</v>
      </c>
      <c r="EX14" s="332">
        <v>868</v>
      </c>
      <c r="EY14" s="333">
        <v>868</v>
      </c>
      <c r="EZ14" s="328">
        <v>0</v>
      </c>
      <c r="FA14" s="329">
        <v>0</v>
      </c>
      <c r="FB14" s="330">
        <v>0</v>
      </c>
      <c r="FC14" s="334"/>
      <c r="FD14" s="329">
        <v>0</v>
      </c>
      <c r="FE14" s="329">
        <v>0</v>
      </c>
      <c r="FF14" s="329">
        <v>0</v>
      </c>
      <c r="FG14" s="329">
        <v>0</v>
      </c>
      <c r="FH14" s="329">
        <v>2380</v>
      </c>
      <c r="FI14" s="332">
        <v>2380</v>
      </c>
      <c r="FJ14" s="333">
        <v>2380</v>
      </c>
      <c r="FK14" s="328">
        <v>0</v>
      </c>
      <c r="FL14" s="329">
        <v>0</v>
      </c>
      <c r="FM14" s="330">
        <v>0</v>
      </c>
      <c r="FN14" s="334"/>
      <c r="FO14" s="329">
        <v>0</v>
      </c>
      <c r="FP14" s="329">
        <v>0</v>
      </c>
      <c r="FQ14" s="329">
        <v>0</v>
      </c>
      <c r="FR14" s="329">
        <v>72697</v>
      </c>
      <c r="FS14" s="329">
        <v>116870</v>
      </c>
      <c r="FT14" s="332">
        <v>189567</v>
      </c>
      <c r="FU14" s="333">
        <v>189567</v>
      </c>
      <c r="FV14" s="328">
        <v>6204</v>
      </c>
      <c r="FW14" s="329">
        <v>18711</v>
      </c>
      <c r="FX14" s="330">
        <v>24915</v>
      </c>
      <c r="FY14" s="331">
        <v>0</v>
      </c>
      <c r="FZ14" s="329">
        <v>250210</v>
      </c>
      <c r="GA14" s="329">
        <v>370476</v>
      </c>
      <c r="GB14" s="329">
        <v>504914</v>
      </c>
      <c r="GC14" s="329">
        <v>438099</v>
      </c>
      <c r="GD14" s="329">
        <v>275379</v>
      </c>
      <c r="GE14" s="332">
        <v>1839078</v>
      </c>
      <c r="GF14" s="333">
        <v>1863993</v>
      </c>
      <c r="GG14" s="328">
        <v>0</v>
      </c>
      <c r="GH14" s="329">
        <v>0</v>
      </c>
      <c r="GI14" s="330">
        <v>0</v>
      </c>
      <c r="GJ14" s="331">
        <v>0</v>
      </c>
      <c r="GK14" s="329">
        <v>77</v>
      </c>
      <c r="GL14" s="329">
        <v>252</v>
      </c>
      <c r="GM14" s="329">
        <v>5812</v>
      </c>
      <c r="GN14" s="329">
        <v>5763</v>
      </c>
      <c r="GO14" s="329">
        <v>98</v>
      </c>
      <c r="GP14" s="332">
        <v>12002</v>
      </c>
      <c r="GQ14" s="333">
        <v>12002</v>
      </c>
      <c r="GR14" s="328">
        <v>0</v>
      </c>
      <c r="GS14" s="329">
        <v>0</v>
      </c>
      <c r="GT14" s="330">
        <v>0</v>
      </c>
      <c r="GU14" s="331">
        <v>0</v>
      </c>
      <c r="GV14" s="329">
        <v>0</v>
      </c>
      <c r="GW14" s="329">
        <v>0</v>
      </c>
      <c r="GX14" s="329">
        <v>0</v>
      </c>
      <c r="GY14" s="329">
        <v>0</v>
      </c>
      <c r="GZ14" s="329">
        <v>0</v>
      </c>
      <c r="HA14" s="332">
        <v>0</v>
      </c>
      <c r="HB14" s="333">
        <v>0</v>
      </c>
      <c r="HC14" s="328">
        <v>0</v>
      </c>
      <c r="HD14" s="329">
        <v>0</v>
      </c>
      <c r="HE14" s="330">
        <v>0</v>
      </c>
      <c r="HF14" s="334"/>
      <c r="HG14" s="329">
        <v>0</v>
      </c>
      <c r="HH14" s="329">
        <v>0</v>
      </c>
      <c r="HI14" s="329">
        <v>0</v>
      </c>
      <c r="HJ14" s="329">
        <v>0</v>
      </c>
      <c r="HK14" s="329">
        <v>0</v>
      </c>
      <c r="HL14" s="332">
        <v>0</v>
      </c>
      <c r="HM14" s="333">
        <v>0</v>
      </c>
      <c r="HN14" s="328">
        <v>10034</v>
      </c>
      <c r="HO14" s="329">
        <v>26416</v>
      </c>
      <c r="HP14" s="330">
        <v>36450</v>
      </c>
      <c r="HQ14" s="331">
        <v>0</v>
      </c>
      <c r="HR14" s="329">
        <v>1658288</v>
      </c>
      <c r="HS14" s="329">
        <v>2345875</v>
      </c>
      <c r="HT14" s="329">
        <v>7401155</v>
      </c>
      <c r="HU14" s="329">
        <v>10824615</v>
      </c>
      <c r="HV14" s="329">
        <v>8541327</v>
      </c>
      <c r="HW14" s="332">
        <v>30771260</v>
      </c>
      <c r="HX14" s="333">
        <v>30807710</v>
      </c>
    </row>
    <row r="15" spans="1:232" ht="16.5" customHeight="1" x14ac:dyDescent="0.2">
      <c r="A15" s="326" t="s">
        <v>11</v>
      </c>
      <c r="B15" s="328">
        <v>5065</v>
      </c>
      <c r="C15" s="329">
        <v>4205</v>
      </c>
      <c r="D15" s="330">
        <v>9270</v>
      </c>
      <c r="E15" s="331">
        <v>0</v>
      </c>
      <c r="F15" s="329">
        <v>802467</v>
      </c>
      <c r="G15" s="329">
        <v>860761</v>
      </c>
      <c r="H15" s="329">
        <v>3458625</v>
      </c>
      <c r="I15" s="329">
        <v>4478013</v>
      </c>
      <c r="J15" s="329">
        <v>1969639</v>
      </c>
      <c r="K15" s="332">
        <v>11569505</v>
      </c>
      <c r="L15" s="333">
        <v>11578775</v>
      </c>
      <c r="M15" s="328">
        <v>0</v>
      </c>
      <c r="N15" s="329">
        <v>0</v>
      </c>
      <c r="O15" s="330">
        <v>0</v>
      </c>
      <c r="P15" s="334"/>
      <c r="Q15" s="329">
        <v>24645</v>
      </c>
      <c r="R15" s="329">
        <v>63155</v>
      </c>
      <c r="S15" s="329">
        <v>2406117</v>
      </c>
      <c r="T15" s="329">
        <v>3107280</v>
      </c>
      <c r="U15" s="329">
        <v>1319040</v>
      </c>
      <c r="V15" s="332">
        <v>6920237</v>
      </c>
      <c r="W15" s="333">
        <v>6920237</v>
      </c>
      <c r="X15" s="328">
        <v>0</v>
      </c>
      <c r="Y15" s="329">
        <v>0</v>
      </c>
      <c r="Z15" s="330">
        <v>0</v>
      </c>
      <c r="AA15" s="334"/>
      <c r="AB15" s="329">
        <v>650660</v>
      </c>
      <c r="AC15" s="329">
        <v>611360</v>
      </c>
      <c r="AD15" s="329">
        <v>838730</v>
      </c>
      <c r="AE15" s="329">
        <v>1147404</v>
      </c>
      <c r="AF15" s="329">
        <v>366866</v>
      </c>
      <c r="AG15" s="332">
        <v>3615020</v>
      </c>
      <c r="AH15" s="333">
        <v>3615020</v>
      </c>
      <c r="AI15" s="328">
        <v>0</v>
      </c>
      <c r="AJ15" s="329">
        <v>0</v>
      </c>
      <c r="AK15" s="330">
        <v>0</v>
      </c>
      <c r="AL15" s="334"/>
      <c r="AM15" s="329">
        <v>0</v>
      </c>
      <c r="AN15" s="329">
        <v>0</v>
      </c>
      <c r="AO15" s="329">
        <v>0</v>
      </c>
      <c r="AP15" s="329">
        <v>0</v>
      </c>
      <c r="AQ15" s="329">
        <v>24645</v>
      </c>
      <c r="AR15" s="332">
        <v>24645</v>
      </c>
      <c r="AS15" s="333">
        <v>24645</v>
      </c>
      <c r="AT15" s="328">
        <v>0</v>
      </c>
      <c r="AU15" s="329">
        <v>0</v>
      </c>
      <c r="AV15" s="330">
        <v>0</v>
      </c>
      <c r="AW15" s="334"/>
      <c r="AX15" s="329">
        <v>60140</v>
      </c>
      <c r="AY15" s="329">
        <v>40765</v>
      </c>
      <c r="AZ15" s="329">
        <v>2635</v>
      </c>
      <c r="BA15" s="329">
        <v>35495</v>
      </c>
      <c r="BB15" s="329">
        <v>214110</v>
      </c>
      <c r="BC15" s="332">
        <v>353145</v>
      </c>
      <c r="BD15" s="333">
        <v>353145</v>
      </c>
      <c r="BE15" s="328">
        <v>0</v>
      </c>
      <c r="BF15" s="329">
        <v>0</v>
      </c>
      <c r="BG15" s="330">
        <v>0</v>
      </c>
      <c r="BH15" s="334"/>
      <c r="BI15" s="329">
        <v>0</v>
      </c>
      <c r="BJ15" s="329">
        <v>24645</v>
      </c>
      <c r="BK15" s="329">
        <v>32705</v>
      </c>
      <c r="BL15" s="329">
        <v>0</v>
      </c>
      <c r="BM15" s="329">
        <v>0</v>
      </c>
      <c r="BN15" s="332">
        <v>57350</v>
      </c>
      <c r="BO15" s="333">
        <v>57350</v>
      </c>
      <c r="BP15" s="328">
        <v>5065</v>
      </c>
      <c r="BQ15" s="329">
        <v>4205</v>
      </c>
      <c r="BR15" s="330">
        <v>9270</v>
      </c>
      <c r="BS15" s="331">
        <v>0</v>
      </c>
      <c r="BT15" s="329">
        <v>67022</v>
      </c>
      <c r="BU15" s="329">
        <v>117626</v>
      </c>
      <c r="BV15" s="329">
        <v>162630</v>
      </c>
      <c r="BW15" s="329">
        <v>179989</v>
      </c>
      <c r="BX15" s="329">
        <v>42653</v>
      </c>
      <c r="BY15" s="332">
        <v>569920</v>
      </c>
      <c r="BZ15" s="333">
        <v>579190</v>
      </c>
      <c r="CA15" s="328">
        <v>0</v>
      </c>
      <c r="CB15" s="329">
        <v>0</v>
      </c>
      <c r="CC15" s="330">
        <v>0</v>
      </c>
      <c r="CD15" s="331">
        <v>0</v>
      </c>
      <c r="CE15" s="329">
        <v>0</v>
      </c>
      <c r="CF15" s="329">
        <v>3210</v>
      </c>
      <c r="CG15" s="329">
        <v>15808</v>
      </c>
      <c r="CH15" s="329">
        <v>7845</v>
      </c>
      <c r="CI15" s="329">
        <v>2325</v>
      </c>
      <c r="CJ15" s="332">
        <v>29188</v>
      </c>
      <c r="CK15" s="333">
        <v>29188</v>
      </c>
      <c r="CL15" s="328">
        <v>0</v>
      </c>
      <c r="CM15" s="329">
        <v>0</v>
      </c>
      <c r="CN15" s="330">
        <v>0</v>
      </c>
      <c r="CO15" s="331">
        <v>0</v>
      </c>
      <c r="CP15" s="329">
        <v>0</v>
      </c>
      <c r="CQ15" s="329">
        <v>0</v>
      </c>
      <c r="CR15" s="329">
        <v>0</v>
      </c>
      <c r="CS15" s="329">
        <v>0</v>
      </c>
      <c r="CT15" s="329">
        <v>0</v>
      </c>
      <c r="CU15" s="332">
        <v>0</v>
      </c>
      <c r="CV15" s="333">
        <v>0</v>
      </c>
      <c r="CW15" s="328">
        <v>0</v>
      </c>
      <c r="CX15" s="329">
        <v>0</v>
      </c>
      <c r="CY15" s="330">
        <v>0</v>
      </c>
      <c r="CZ15" s="334"/>
      <c r="DA15" s="329">
        <v>0</v>
      </c>
      <c r="DB15" s="329">
        <v>0</v>
      </c>
      <c r="DC15" s="329">
        <v>0</v>
      </c>
      <c r="DD15" s="329">
        <v>0</v>
      </c>
      <c r="DE15" s="329">
        <v>0</v>
      </c>
      <c r="DF15" s="332">
        <v>0</v>
      </c>
      <c r="DG15" s="333">
        <v>0</v>
      </c>
      <c r="DH15" s="328">
        <v>9220</v>
      </c>
      <c r="DI15" s="329">
        <v>4831</v>
      </c>
      <c r="DJ15" s="330">
        <v>14051</v>
      </c>
      <c r="DK15" s="331">
        <v>0</v>
      </c>
      <c r="DL15" s="329">
        <v>227120</v>
      </c>
      <c r="DM15" s="329">
        <v>390006</v>
      </c>
      <c r="DN15" s="329">
        <v>3137797</v>
      </c>
      <c r="DO15" s="329">
        <v>3755974</v>
      </c>
      <c r="DP15" s="329">
        <v>1845427</v>
      </c>
      <c r="DQ15" s="332">
        <v>9356324</v>
      </c>
      <c r="DR15" s="335">
        <v>9370375</v>
      </c>
      <c r="DS15" s="328">
        <v>0</v>
      </c>
      <c r="DT15" s="329">
        <v>0</v>
      </c>
      <c r="DU15" s="330">
        <v>0</v>
      </c>
      <c r="DV15" s="334"/>
      <c r="DW15" s="329">
        <v>15035</v>
      </c>
      <c r="DX15" s="329">
        <v>108802</v>
      </c>
      <c r="DY15" s="329">
        <v>2751743</v>
      </c>
      <c r="DZ15" s="329">
        <v>3393195</v>
      </c>
      <c r="EA15" s="329">
        <v>1738582</v>
      </c>
      <c r="EB15" s="332">
        <v>8007357</v>
      </c>
      <c r="EC15" s="333">
        <v>8007357</v>
      </c>
      <c r="ED15" s="328">
        <v>0</v>
      </c>
      <c r="EE15" s="329">
        <v>0</v>
      </c>
      <c r="EF15" s="330">
        <v>0</v>
      </c>
      <c r="EG15" s="334"/>
      <c r="EH15" s="329">
        <v>111109</v>
      </c>
      <c r="EI15" s="329">
        <v>131978</v>
      </c>
      <c r="EJ15" s="329">
        <v>146039</v>
      </c>
      <c r="EK15" s="329">
        <v>162770</v>
      </c>
      <c r="EL15" s="329">
        <v>47615</v>
      </c>
      <c r="EM15" s="332">
        <v>599511</v>
      </c>
      <c r="EN15" s="333">
        <v>599511</v>
      </c>
      <c r="EO15" s="328">
        <v>0</v>
      </c>
      <c r="EP15" s="329">
        <v>0</v>
      </c>
      <c r="EQ15" s="330">
        <v>0</v>
      </c>
      <c r="ER15" s="334"/>
      <c r="ES15" s="329">
        <v>0</v>
      </c>
      <c r="ET15" s="329">
        <v>0</v>
      </c>
      <c r="EU15" s="329">
        <v>0</v>
      </c>
      <c r="EV15" s="329">
        <v>0</v>
      </c>
      <c r="EW15" s="329">
        <v>217</v>
      </c>
      <c r="EX15" s="332">
        <v>217</v>
      </c>
      <c r="EY15" s="333">
        <v>217</v>
      </c>
      <c r="EZ15" s="328">
        <v>0</v>
      </c>
      <c r="FA15" s="329">
        <v>0</v>
      </c>
      <c r="FB15" s="330">
        <v>0</v>
      </c>
      <c r="FC15" s="334"/>
      <c r="FD15" s="329">
        <v>11904</v>
      </c>
      <c r="FE15" s="329">
        <v>12121</v>
      </c>
      <c r="FF15" s="329">
        <v>217</v>
      </c>
      <c r="FG15" s="329">
        <v>11687</v>
      </c>
      <c r="FH15" s="329">
        <v>13857</v>
      </c>
      <c r="FI15" s="332">
        <v>49786</v>
      </c>
      <c r="FJ15" s="333">
        <v>49786</v>
      </c>
      <c r="FK15" s="328">
        <v>0</v>
      </c>
      <c r="FL15" s="329">
        <v>0</v>
      </c>
      <c r="FM15" s="330">
        <v>0</v>
      </c>
      <c r="FN15" s="334"/>
      <c r="FO15" s="329">
        <v>0</v>
      </c>
      <c r="FP15" s="329">
        <v>21576</v>
      </c>
      <c r="FQ15" s="329">
        <v>23281</v>
      </c>
      <c r="FR15" s="329">
        <v>0</v>
      </c>
      <c r="FS15" s="329">
        <v>0</v>
      </c>
      <c r="FT15" s="332">
        <v>44857</v>
      </c>
      <c r="FU15" s="333">
        <v>44857</v>
      </c>
      <c r="FV15" s="328">
        <v>9220</v>
      </c>
      <c r="FW15" s="329">
        <v>4831</v>
      </c>
      <c r="FX15" s="330">
        <v>14051</v>
      </c>
      <c r="FY15" s="331">
        <v>0</v>
      </c>
      <c r="FZ15" s="329">
        <v>89072</v>
      </c>
      <c r="GA15" s="329">
        <v>115501</v>
      </c>
      <c r="GB15" s="329">
        <v>201147</v>
      </c>
      <c r="GC15" s="329">
        <v>188175</v>
      </c>
      <c r="GD15" s="329">
        <v>41934</v>
      </c>
      <c r="GE15" s="332">
        <v>635829</v>
      </c>
      <c r="GF15" s="333">
        <v>649880</v>
      </c>
      <c r="GG15" s="328">
        <v>0</v>
      </c>
      <c r="GH15" s="329">
        <v>0</v>
      </c>
      <c r="GI15" s="330">
        <v>0</v>
      </c>
      <c r="GJ15" s="331">
        <v>0</v>
      </c>
      <c r="GK15" s="329">
        <v>0</v>
      </c>
      <c r="GL15" s="329">
        <v>28</v>
      </c>
      <c r="GM15" s="329">
        <v>15370</v>
      </c>
      <c r="GN15" s="329">
        <v>147</v>
      </c>
      <c r="GO15" s="329">
        <v>3222</v>
      </c>
      <c r="GP15" s="332">
        <v>18767</v>
      </c>
      <c r="GQ15" s="333">
        <v>18767</v>
      </c>
      <c r="GR15" s="328">
        <v>0</v>
      </c>
      <c r="GS15" s="329">
        <v>0</v>
      </c>
      <c r="GT15" s="330">
        <v>0</v>
      </c>
      <c r="GU15" s="331">
        <v>0</v>
      </c>
      <c r="GV15" s="329">
        <v>0</v>
      </c>
      <c r="GW15" s="329">
        <v>0</v>
      </c>
      <c r="GX15" s="329">
        <v>0</v>
      </c>
      <c r="GY15" s="329">
        <v>0</v>
      </c>
      <c r="GZ15" s="329">
        <v>0</v>
      </c>
      <c r="HA15" s="332">
        <v>0</v>
      </c>
      <c r="HB15" s="333">
        <v>0</v>
      </c>
      <c r="HC15" s="328">
        <v>0</v>
      </c>
      <c r="HD15" s="329">
        <v>0</v>
      </c>
      <c r="HE15" s="330">
        <v>0</v>
      </c>
      <c r="HF15" s="334"/>
      <c r="HG15" s="329">
        <v>0</v>
      </c>
      <c r="HH15" s="329">
        <v>0</v>
      </c>
      <c r="HI15" s="329">
        <v>0</v>
      </c>
      <c r="HJ15" s="329">
        <v>0</v>
      </c>
      <c r="HK15" s="329">
        <v>0</v>
      </c>
      <c r="HL15" s="332">
        <v>0</v>
      </c>
      <c r="HM15" s="333">
        <v>0</v>
      </c>
      <c r="HN15" s="328">
        <v>14285</v>
      </c>
      <c r="HO15" s="329">
        <v>9036</v>
      </c>
      <c r="HP15" s="330">
        <v>23321</v>
      </c>
      <c r="HQ15" s="331">
        <v>0</v>
      </c>
      <c r="HR15" s="329">
        <v>1029587</v>
      </c>
      <c r="HS15" s="329">
        <v>1250767</v>
      </c>
      <c r="HT15" s="329">
        <v>6596422</v>
      </c>
      <c r="HU15" s="329">
        <v>8233987</v>
      </c>
      <c r="HV15" s="329">
        <v>3815066</v>
      </c>
      <c r="HW15" s="332">
        <v>20925829</v>
      </c>
      <c r="HX15" s="333">
        <v>20949150</v>
      </c>
    </row>
    <row r="16" spans="1:232" ht="16.5" customHeight="1" x14ac:dyDescent="0.2">
      <c r="A16" s="326" t="s">
        <v>12</v>
      </c>
      <c r="B16" s="328">
        <v>0</v>
      </c>
      <c r="C16" s="329">
        <v>25808</v>
      </c>
      <c r="D16" s="330">
        <v>25808</v>
      </c>
      <c r="E16" s="331">
        <v>0</v>
      </c>
      <c r="F16" s="329">
        <v>368319</v>
      </c>
      <c r="G16" s="329">
        <v>751710</v>
      </c>
      <c r="H16" s="329">
        <v>2381429</v>
      </c>
      <c r="I16" s="329">
        <v>3504368</v>
      </c>
      <c r="J16" s="329">
        <v>1990190</v>
      </c>
      <c r="K16" s="332">
        <v>8996016</v>
      </c>
      <c r="L16" s="333">
        <v>9021824</v>
      </c>
      <c r="M16" s="328">
        <v>0</v>
      </c>
      <c r="N16" s="329">
        <v>0</v>
      </c>
      <c r="O16" s="330">
        <v>0</v>
      </c>
      <c r="P16" s="334"/>
      <c r="Q16" s="329">
        <v>2635</v>
      </c>
      <c r="R16" s="329">
        <v>137070</v>
      </c>
      <c r="S16" s="329">
        <v>1175770</v>
      </c>
      <c r="T16" s="329">
        <v>2399926</v>
      </c>
      <c r="U16" s="329">
        <v>1468225</v>
      </c>
      <c r="V16" s="332">
        <v>5183626</v>
      </c>
      <c r="W16" s="333">
        <v>5183626</v>
      </c>
      <c r="X16" s="328">
        <v>0</v>
      </c>
      <c r="Y16" s="329">
        <v>0</v>
      </c>
      <c r="Z16" s="330">
        <v>0</v>
      </c>
      <c r="AA16" s="334"/>
      <c r="AB16" s="329">
        <v>254530</v>
      </c>
      <c r="AC16" s="329">
        <v>457105</v>
      </c>
      <c r="AD16" s="329">
        <v>804364</v>
      </c>
      <c r="AE16" s="329">
        <v>867885</v>
      </c>
      <c r="AF16" s="329">
        <v>347405</v>
      </c>
      <c r="AG16" s="332">
        <v>2731289</v>
      </c>
      <c r="AH16" s="333">
        <v>2731289</v>
      </c>
      <c r="AI16" s="328">
        <v>0</v>
      </c>
      <c r="AJ16" s="329">
        <v>0</v>
      </c>
      <c r="AK16" s="330">
        <v>0</v>
      </c>
      <c r="AL16" s="334"/>
      <c r="AM16" s="329">
        <v>0</v>
      </c>
      <c r="AN16" s="329">
        <v>0</v>
      </c>
      <c r="AO16" s="329">
        <v>0</v>
      </c>
      <c r="AP16" s="329">
        <v>35340</v>
      </c>
      <c r="AQ16" s="329">
        <v>30425</v>
      </c>
      <c r="AR16" s="332">
        <v>65765</v>
      </c>
      <c r="AS16" s="333">
        <v>65765</v>
      </c>
      <c r="AT16" s="328">
        <v>0</v>
      </c>
      <c r="AU16" s="329">
        <v>0</v>
      </c>
      <c r="AV16" s="330">
        <v>0</v>
      </c>
      <c r="AW16" s="334"/>
      <c r="AX16" s="329">
        <v>0</v>
      </c>
      <c r="AY16" s="329">
        <v>0</v>
      </c>
      <c r="AZ16" s="329">
        <v>0</v>
      </c>
      <c r="BA16" s="329">
        <v>2635</v>
      </c>
      <c r="BB16" s="329">
        <v>37975</v>
      </c>
      <c r="BC16" s="332">
        <v>40610</v>
      </c>
      <c r="BD16" s="333">
        <v>40610</v>
      </c>
      <c r="BE16" s="328">
        <v>0</v>
      </c>
      <c r="BF16" s="329">
        <v>0</v>
      </c>
      <c r="BG16" s="330">
        <v>0</v>
      </c>
      <c r="BH16" s="334"/>
      <c r="BI16" s="329">
        <v>992</v>
      </c>
      <c r="BJ16" s="329">
        <v>0</v>
      </c>
      <c r="BK16" s="329">
        <v>243226</v>
      </c>
      <c r="BL16" s="329">
        <v>33046</v>
      </c>
      <c r="BM16" s="329">
        <v>992</v>
      </c>
      <c r="BN16" s="332">
        <v>278256</v>
      </c>
      <c r="BO16" s="333">
        <v>278256</v>
      </c>
      <c r="BP16" s="328">
        <v>0</v>
      </c>
      <c r="BQ16" s="329">
        <v>25808</v>
      </c>
      <c r="BR16" s="330">
        <v>25808</v>
      </c>
      <c r="BS16" s="331">
        <v>0</v>
      </c>
      <c r="BT16" s="329">
        <v>110162</v>
      </c>
      <c r="BU16" s="329">
        <v>154865</v>
      </c>
      <c r="BV16" s="329">
        <v>158069</v>
      </c>
      <c r="BW16" s="329">
        <v>164717</v>
      </c>
      <c r="BX16" s="329">
        <v>105168</v>
      </c>
      <c r="BY16" s="332">
        <v>692981</v>
      </c>
      <c r="BZ16" s="333">
        <v>718789</v>
      </c>
      <c r="CA16" s="328">
        <v>0</v>
      </c>
      <c r="CB16" s="329">
        <v>0</v>
      </c>
      <c r="CC16" s="330">
        <v>0</v>
      </c>
      <c r="CD16" s="331">
        <v>0</v>
      </c>
      <c r="CE16" s="329">
        <v>0</v>
      </c>
      <c r="CF16" s="329">
        <v>2670</v>
      </c>
      <c r="CG16" s="329">
        <v>0</v>
      </c>
      <c r="CH16" s="329">
        <v>819</v>
      </c>
      <c r="CI16" s="329">
        <v>0</v>
      </c>
      <c r="CJ16" s="332">
        <v>3489</v>
      </c>
      <c r="CK16" s="333">
        <v>3489</v>
      </c>
      <c r="CL16" s="328">
        <v>0</v>
      </c>
      <c r="CM16" s="329">
        <v>0</v>
      </c>
      <c r="CN16" s="330">
        <v>0</v>
      </c>
      <c r="CO16" s="331">
        <v>0</v>
      </c>
      <c r="CP16" s="329">
        <v>0</v>
      </c>
      <c r="CQ16" s="329">
        <v>0</v>
      </c>
      <c r="CR16" s="329">
        <v>0</v>
      </c>
      <c r="CS16" s="329">
        <v>0</v>
      </c>
      <c r="CT16" s="329">
        <v>0</v>
      </c>
      <c r="CU16" s="332">
        <v>0</v>
      </c>
      <c r="CV16" s="333">
        <v>0</v>
      </c>
      <c r="CW16" s="328">
        <v>0</v>
      </c>
      <c r="CX16" s="329">
        <v>0</v>
      </c>
      <c r="CY16" s="330">
        <v>0</v>
      </c>
      <c r="CZ16" s="334"/>
      <c r="DA16" s="329">
        <v>0</v>
      </c>
      <c r="DB16" s="329">
        <v>0</v>
      </c>
      <c r="DC16" s="329">
        <v>0</v>
      </c>
      <c r="DD16" s="329">
        <v>0</v>
      </c>
      <c r="DE16" s="329">
        <v>0</v>
      </c>
      <c r="DF16" s="332">
        <v>0</v>
      </c>
      <c r="DG16" s="333">
        <v>0</v>
      </c>
      <c r="DH16" s="328">
        <v>0</v>
      </c>
      <c r="DI16" s="329">
        <v>26921</v>
      </c>
      <c r="DJ16" s="330">
        <v>26921</v>
      </c>
      <c r="DK16" s="331">
        <v>0</v>
      </c>
      <c r="DL16" s="329">
        <v>180657</v>
      </c>
      <c r="DM16" s="329">
        <v>530532</v>
      </c>
      <c r="DN16" s="329">
        <v>2686039</v>
      </c>
      <c r="DO16" s="329">
        <v>3982415</v>
      </c>
      <c r="DP16" s="329">
        <v>2007405</v>
      </c>
      <c r="DQ16" s="332">
        <v>9387048</v>
      </c>
      <c r="DR16" s="335">
        <v>9413969</v>
      </c>
      <c r="DS16" s="328">
        <v>0</v>
      </c>
      <c r="DT16" s="329">
        <v>0</v>
      </c>
      <c r="DU16" s="330">
        <v>0</v>
      </c>
      <c r="DV16" s="334"/>
      <c r="DW16" s="329">
        <v>21576</v>
      </c>
      <c r="DX16" s="329">
        <v>222755</v>
      </c>
      <c r="DY16" s="329">
        <v>1902842</v>
      </c>
      <c r="DZ16" s="329">
        <v>3401842</v>
      </c>
      <c r="EA16" s="329">
        <v>1785059</v>
      </c>
      <c r="EB16" s="332">
        <v>7334074</v>
      </c>
      <c r="EC16" s="333">
        <v>7334074</v>
      </c>
      <c r="ED16" s="328">
        <v>0</v>
      </c>
      <c r="EE16" s="329">
        <v>0</v>
      </c>
      <c r="EF16" s="330">
        <v>0</v>
      </c>
      <c r="EG16" s="334"/>
      <c r="EH16" s="329">
        <v>2821</v>
      </c>
      <c r="EI16" s="329">
        <v>73128</v>
      </c>
      <c r="EJ16" s="329">
        <v>124043</v>
      </c>
      <c r="EK16" s="329">
        <v>254104</v>
      </c>
      <c r="EL16" s="329">
        <v>49260</v>
      </c>
      <c r="EM16" s="332">
        <v>503356</v>
      </c>
      <c r="EN16" s="333">
        <v>503356</v>
      </c>
      <c r="EO16" s="328">
        <v>0</v>
      </c>
      <c r="EP16" s="329">
        <v>0</v>
      </c>
      <c r="EQ16" s="330">
        <v>0</v>
      </c>
      <c r="ER16" s="334"/>
      <c r="ES16" s="329">
        <v>0</v>
      </c>
      <c r="ET16" s="329">
        <v>0</v>
      </c>
      <c r="EU16" s="329">
        <v>0</v>
      </c>
      <c r="EV16" s="329">
        <v>434</v>
      </c>
      <c r="EW16" s="329">
        <v>728</v>
      </c>
      <c r="EX16" s="332">
        <v>1162</v>
      </c>
      <c r="EY16" s="333">
        <v>1162</v>
      </c>
      <c r="EZ16" s="328">
        <v>0</v>
      </c>
      <c r="FA16" s="329">
        <v>0</v>
      </c>
      <c r="FB16" s="330">
        <v>0</v>
      </c>
      <c r="FC16" s="334"/>
      <c r="FD16" s="329">
        <v>0</v>
      </c>
      <c r="FE16" s="329">
        <v>0</v>
      </c>
      <c r="FF16" s="329">
        <v>0</v>
      </c>
      <c r="FG16" s="329">
        <v>217</v>
      </c>
      <c r="FH16" s="329">
        <v>651</v>
      </c>
      <c r="FI16" s="332">
        <v>868</v>
      </c>
      <c r="FJ16" s="333">
        <v>868</v>
      </c>
      <c r="FK16" s="328">
        <v>0</v>
      </c>
      <c r="FL16" s="329">
        <v>0</v>
      </c>
      <c r="FM16" s="330">
        <v>0</v>
      </c>
      <c r="FN16" s="334"/>
      <c r="FO16" s="329">
        <v>21576</v>
      </c>
      <c r="FP16" s="329">
        <v>0</v>
      </c>
      <c r="FQ16" s="329">
        <v>341248</v>
      </c>
      <c r="FR16" s="329">
        <v>79918</v>
      </c>
      <c r="FS16" s="329">
        <v>21576</v>
      </c>
      <c r="FT16" s="332">
        <v>464318</v>
      </c>
      <c r="FU16" s="333">
        <v>464318</v>
      </c>
      <c r="FV16" s="328">
        <v>0</v>
      </c>
      <c r="FW16" s="329">
        <v>26921</v>
      </c>
      <c r="FX16" s="330">
        <v>26921</v>
      </c>
      <c r="FY16" s="331">
        <v>0</v>
      </c>
      <c r="FZ16" s="329">
        <v>134684</v>
      </c>
      <c r="GA16" s="329">
        <v>234649</v>
      </c>
      <c r="GB16" s="329">
        <v>317906</v>
      </c>
      <c r="GC16" s="329">
        <v>245837</v>
      </c>
      <c r="GD16" s="329">
        <v>150131</v>
      </c>
      <c r="GE16" s="332">
        <v>1083207</v>
      </c>
      <c r="GF16" s="333">
        <v>1110128</v>
      </c>
      <c r="GG16" s="328">
        <v>0</v>
      </c>
      <c r="GH16" s="329">
        <v>0</v>
      </c>
      <c r="GI16" s="330">
        <v>0</v>
      </c>
      <c r="GJ16" s="331">
        <v>0</v>
      </c>
      <c r="GK16" s="329">
        <v>0</v>
      </c>
      <c r="GL16" s="329">
        <v>0</v>
      </c>
      <c r="GM16" s="329">
        <v>0</v>
      </c>
      <c r="GN16" s="329">
        <v>63</v>
      </c>
      <c r="GO16" s="329">
        <v>0</v>
      </c>
      <c r="GP16" s="332">
        <v>63</v>
      </c>
      <c r="GQ16" s="333">
        <v>63</v>
      </c>
      <c r="GR16" s="328">
        <v>0</v>
      </c>
      <c r="GS16" s="329">
        <v>0</v>
      </c>
      <c r="GT16" s="330">
        <v>0</v>
      </c>
      <c r="GU16" s="331">
        <v>0</v>
      </c>
      <c r="GV16" s="329">
        <v>0</v>
      </c>
      <c r="GW16" s="329">
        <v>0</v>
      </c>
      <c r="GX16" s="329">
        <v>0</v>
      </c>
      <c r="GY16" s="329">
        <v>0</v>
      </c>
      <c r="GZ16" s="329">
        <v>0</v>
      </c>
      <c r="HA16" s="332">
        <v>0</v>
      </c>
      <c r="HB16" s="333">
        <v>0</v>
      </c>
      <c r="HC16" s="328">
        <v>0</v>
      </c>
      <c r="HD16" s="329">
        <v>0</v>
      </c>
      <c r="HE16" s="330">
        <v>0</v>
      </c>
      <c r="HF16" s="334"/>
      <c r="HG16" s="329">
        <v>0</v>
      </c>
      <c r="HH16" s="329">
        <v>0</v>
      </c>
      <c r="HI16" s="329">
        <v>0</v>
      </c>
      <c r="HJ16" s="329">
        <v>0</v>
      </c>
      <c r="HK16" s="329">
        <v>0</v>
      </c>
      <c r="HL16" s="332">
        <v>0</v>
      </c>
      <c r="HM16" s="333">
        <v>0</v>
      </c>
      <c r="HN16" s="328">
        <v>0</v>
      </c>
      <c r="HO16" s="329">
        <v>52729</v>
      </c>
      <c r="HP16" s="330">
        <v>52729</v>
      </c>
      <c r="HQ16" s="331">
        <v>0</v>
      </c>
      <c r="HR16" s="329">
        <v>548976</v>
      </c>
      <c r="HS16" s="329">
        <v>1282242</v>
      </c>
      <c r="HT16" s="329">
        <v>5067468</v>
      </c>
      <c r="HU16" s="329">
        <v>7486783</v>
      </c>
      <c r="HV16" s="329">
        <v>3997595</v>
      </c>
      <c r="HW16" s="332">
        <v>18383064</v>
      </c>
      <c r="HX16" s="333">
        <v>18435793</v>
      </c>
    </row>
    <row r="17" spans="1:232" ht="16.5" customHeight="1" x14ac:dyDescent="0.2">
      <c r="A17" s="326" t="s">
        <v>13</v>
      </c>
      <c r="B17" s="328">
        <v>0</v>
      </c>
      <c r="C17" s="329">
        <v>0</v>
      </c>
      <c r="D17" s="330">
        <v>0</v>
      </c>
      <c r="E17" s="331">
        <v>0</v>
      </c>
      <c r="F17" s="329">
        <v>101841</v>
      </c>
      <c r="G17" s="329">
        <v>130102</v>
      </c>
      <c r="H17" s="329">
        <v>599409</v>
      </c>
      <c r="I17" s="329">
        <v>941223</v>
      </c>
      <c r="J17" s="329">
        <v>814359</v>
      </c>
      <c r="K17" s="332">
        <v>2586934</v>
      </c>
      <c r="L17" s="333">
        <v>2586934</v>
      </c>
      <c r="M17" s="328">
        <v>0</v>
      </c>
      <c r="N17" s="329">
        <v>0</v>
      </c>
      <c r="O17" s="330">
        <v>0</v>
      </c>
      <c r="P17" s="334"/>
      <c r="Q17" s="329">
        <v>27280</v>
      </c>
      <c r="R17" s="329">
        <v>0</v>
      </c>
      <c r="S17" s="329">
        <v>455950</v>
      </c>
      <c r="T17" s="329">
        <v>827157</v>
      </c>
      <c r="U17" s="329">
        <v>646282</v>
      </c>
      <c r="V17" s="332">
        <v>1956669</v>
      </c>
      <c r="W17" s="333">
        <v>1956669</v>
      </c>
      <c r="X17" s="328">
        <v>0</v>
      </c>
      <c r="Y17" s="329">
        <v>0</v>
      </c>
      <c r="Z17" s="330">
        <v>0</v>
      </c>
      <c r="AA17" s="334"/>
      <c r="AB17" s="329">
        <v>73825</v>
      </c>
      <c r="AC17" s="329">
        <v>113462</v>
      </c>
      <c r="AD17" s="329">
        <v>99547</v>
      </c>
      <c r="AE17" s="329">
        <v>69125</v>
      </c>
      <c r="AF17" s="329">
        <v>145793</v>
      </c>
      <c r="AG17" s="332">
        <v>501752</v>
      </c>
      <c r="AH17" s="333">
        <v>501752</v>
      </c>
      <c r="AI17" s="328">
        <v>0</v>
      </c>
      <c r="AJ17" s="329">
        <v>0</v>
      </c>
      <c r="AK17" s="330">
        <v>0</v>
      </c>
      <c r="AL17" s="334"/>
      <c r="AM17" s="329">
        <v>0</v>
      </c>
      <c r="AN17" s="329">
        <v>0</v>
      </c>
      <c r="AO17" s="329">
        <v>0</v>
      </c>
      <c r="AP17" s="329">
        <v>0</v>
      </c>
      <c r="AQ17" s="329">
        <v>0</v>
      </c>
      <c r="AR17" s="332">
        <v>0</v>
      </c>
      <c r="AS17" s="333">
        <v>0</v>
      </c>
      <c r="AT17" s="328">
        <v>0</v>
      </c>
      <c r="AU17" s="329">
        <v>0</v>
      </c>
      <c r="AV17" s="330">
        <v>0</v>
      </c>
      <c r="AW17" s="334"/>
      <c r="AX17" s="329">
        <v>0</v>
      </c>
      <c r="AY17" s="329">
        <v>0</v>
      </c>
      <c r="AZ17" s="329">
        <v>0</v>
      </c>
      <c r="BA17" s="329">
        <v>0</v>
      </c>
      <c r="BB17" s="329">
        <v>0</v>
      </c>
      <c r="BC17" s="332">
        <v>0</v>
      </c>
      <c r="BD17" s="333">
        <v>0</v>
      </c>
      <c r="BE17" s="328">
        <v>0</v>
      </c>
      <c r="BF17" s="329">
        <v>0</v>
      </c>
      <c r="BG17" s="330">
        <v>0</v>
      </c>
      <c r="BH17" s="334"/>
      <c r="BI17" s="329">
        <v>0</v>
      </c>
      <c r="BJ17" s="329">
        <v>0</v>
      </c>
      <c r="BK17" s="329">
        <v>0</v>
      </c>
      <c r="BL17" s="329">
        <v>0</v>
      </c>
      <c r="BM17" s="329">
        <v>0</v>
      </c>
      <c r="BN17" s="332">
        <v>0</v>
      </c>
      <c r="BO17" s="333">
        <v>0</v>
      </c>
      <c r="BP17" s="328">
        <v>0</v>
      </c>
      <c r="BQ17" s="329">
        <v>0</v>
      </c>
      <c r="BR17" s="330">
        <v>0</v>
      </c>
      <c r="BS17" s="331">
        <v>0</v>
      </c>
      <c r="BT17" s="329">
        <v>736</v>
      </c>
      <c r="BU17" s="329">
        <v>14755</v>
      </c>
      <c r="BV17" s="329">
        <v>41249</v>
      </c>
      <c r="BW17" s="329">
        <v>44941</v>
      </c>
      <c r="BX17" s="329">
        <v>22284</v>
      </c>
      <c r="BY17" s="332">
        <v>123965</v>
      </c>
      <c r="BZ17" s="333">
        <v>123965</v>
      </c>
      <c r="CA17" s="328">
        <v>0</v>
      </c>
      <c r="CB17" s="329">
        <v>0</v>
      </c>
      <c r="CC17" s="330">
        <v>0</v>
      </c>
      <c r="CD17" s="331">
        <v>0</v>
      </c>
      <c r="CE17" s="329">
        <v>0</v>
      </c>
      <c r="CF17" s="329">
        <v>1885</v>
      </c>
      <c r="CG17" s="329">
        <v>2663</v>
      </c>
      <c r="CH17" s="329">
        <v>0</v>
      </c>
      <c r="CI17" s="329">
        <v>0</v>
      </c>
      <c r="CJ17" s="332">
        <v>4548</v>
      </c>
      <c r="CK17" s="333">
        <v>4548</v>
      </c>
      <c r="CL17" s="328">
        <v>0</v>
      </c>
      <c r="CM17" s="329">
        <v>0</v>
      </c>
      <c r="CN17" s="330">
        <v>0</v>
      </c>
      <c r="CO17" s="331">
        <v>0</v>
      </c>
      <c r="CP17" s="329">
        <v>0</v>
      </c>
      <c r="CQ17" s="329">
        <v>0</v>
      </c>
      <c r="CR17" s="329">
        <v>0</v>
      </c>
      <c r="CS17" s="329">
        <v>0</v>
      </c>
      <c r="CT17" s="329">
        <v>0</v>
      </c>
      <c r="CU17" s="332">
        <v>0</v>
      </c>
      <c r="CV17" s="333">
        <v>0</v>
      </c>
      <c r="CW17" s="328">
        <v>0</v>
      </c>
      <c r="CX17" s="329">
        <v>0</v>
      </c>
      <c r="CY17" s="330">
        <v>0</v>
      </c>
      <c r="CZ17" s="334"/>
      <c r="DA17" s="329">
        <v>0</v>
      </c>
      <c r="DB17" s="329">
        <v>0</v>
      </c>
      <c r="DC17" s="329">
        <v>0</v>
      </c>
      <c r="DD17" s="329">
        <v>0</v>
      </c>
      <c r="DE17" s="329">
        <v>0</v>
      </c>
      <c r="DF17" s="332">
        <v>0</v>
      </c>
      <c r="DG17" s="333">
        <v>0</v>
      </c>
      <c r="DH17" s="328">
        <v>0</v>
      </c>
      <c r="DI17" s="329">
        <v>0</v>
      </c>
      <c r="DJ17" s="330">
        <v>0</v>
      </c>
      <c r="DK17" s="331">
        <v>0</v>
      </c>
      <c r="DL17" s="329">
        <v>51434</v>
      </c>
      <c r="DM17" s="329">
        <v>32856</v>
      </c>
      <c r="DN17" s="329">
        <v>671657</v>
      </c>
      <c r="DO17" s="329">
        <v>1146166</v>
      </c>
      <c r="DP17" s="329">
        <v>777194</v>
      </c>
      <c r="DQ17" s="332">
        <v>2679307</v>
      </c>
      <c r="DR17" s="335">
        <v>2679307</v>
      </c>
      <c r="DS17" s="328">
        <v>0</v>
      </c>
      <c r="DT17" s="329">
        <v>0</v>
      </c>
      <c r="DU17" s="330">
        <v>0</v>
      </c>
      <c r="DV17" s="334"/>
      <c r="DW17" s="329">
        <v>36611</v>
      </c>
      <c r="DX17" s="329">
        <v>0</v>
      </c>
      <c r="DY17" s="329">
        <v>547450</v>
      </c>
      <c r="DZ17" s="329">
        <v>1014167</v>
      </c>
      <c r="EA17" s="329">
        <v>674602</v>
      </c>
      <c r="EB17" s="332">
        <v>2272830</v>
      </c>
      <c r="EC17" s="333">
        <v>2272830</v>
      </c>
      <c r="ED17" s="328">
        <v>0</v>
      </c>
      <c r="EE17" s="329">
        <v>0</v>
      </c>
      <c r="EF17" s="330">
        <v>0</v>
      </c>
      <c r="EG17" s="334"/>
      <c r="EH17" s="329">
        <v>12015</v>
      </c>
      <c r="EI17" s="329">
        <v>1806</v>
      </c>
      <c r="EJ17" s="329">
        <v>12456</v>
      </c>
      <c r="EK17" s="329">
        <v>12429</v>
      </c>
      <c r="EL17" s="329">
        <v>30214</v>
      </c>
      <c r="EM17" s="332">
        <v>68920</v>
      </c>
      <c r="EN17" s="333">
        <v>68920</v>
      </c>
      <c r="EO17" s="328">
        <v>0</v>
      </c>
      <c r="EP17" s="329">
        <v>0</v>
      </c>
      <c r="EQ17" s="330">
        <v>0</v>
      </c>
      <c r="ER17" s="334"/>
      <c r="ES17" s="329">
        <v>0</v>
      </c>
      <c r="ET17" s="329">
        <v>0</v>
      </c>
      <c r="EU17" s="329">
        <v>0</v>
      </c>
      <c r="EV17" s="329">
        <v>0</v>
      </c>
      <c r="EW17" s="329">
        <v>0</v>
      </c>
      <c r="EX17" s="332">
        <v>0</v>
      </c>
      <c r="EY17" s="333">
        <v>0</v>
      </c>
      <c r="EZ17" s="328">
        <v>0</v>
      </c>
      <c r="FA17" s="329">
        <v>0</v>
      </c>
      <c r="FB17" s="330">
        <v>0</v>
      </c>
      <c r="FC17" s="334"/>
      <c r="FD17" s="329">
        <v>0</v>
      </c>
      <c r="FE17" s="329">
        <v>0</v>
      </c>
      <c r="FF17" s="329">
        <v>0</v>
      </c>
      <c r="FG17" s="329">
        <v>0</v>
      </c>
      <c r="FH17" s="329">
        <v>0</v>
      </c>
      <c r="FI17" s="332">
        <v>0</v>
      </c>
      <c r="FJ17" s="333">
        <v>0</v>
      </c>
      <c r="FK17" s="328">
        <v>0</v>
      </c>
      <c r="FL17" s="329">
        <v>0</v>
      </c>
      <c r="FM17" s="330">
        <v>0</v>
      </c>
      <c r="FN17" s="334"/>
      <c r="FO17" s="329">
        <v>0</v>
      </c>
      <c r="FP17" s="329">
        <v>0</v>
      </c>
      <c r="FQ17" s="329">
        <v>0</v>
      </c>
      <c r="FR17" s="329">
        <v>0</v>
      </c>
      <c r="FS17" s="329">
        <v>0</v>
      </c>
      <c r="FT17" s="332">
        <v>0</v>
      </c>
      <c r="FU17" s="333">
        <v>0</v>
      </c>
      <c r="FV17" s="328">
        <v>0</v>
      </c>
      <c r="FW17" s="329">
        <v>0</v>
      </c>
      <c r="FX17" s="330">
        <v>0</v>
      </c>
      <c r="FY17" s="331">
        <v>0</v>
      </c>
      <c r="FZ17" s="329">
        <v>2808</v>
      </c>
      <c r="GA17" s="329">
        <v>30959</v>
      </c>
      <c r="GB17" s="329">
        <v>109814</v>
      </c>
      <c r="GC17" s="329">
        <v>119570</v>
      </c>
      <c r="GD17" s="329">
        <v>72378</v>
      </c>
      <c r="GE17" s="332">
        <v>335529</v>
      </c>
      <c r="GF17" s="333">
        <v>335529</v>
      </c>
      <c r="GG17" s="328">
        <v>0</v>
      </c>
      <c r="GH17" s="329">
        <v>0</v>
      </c>
      <c r="GI17" s="330">
        <v>0</v>
      </c>
      <c r="GJ17" s="331">
        <v>0</v>
      </c>
      <c r="GK17" s="329">
        <v>0</v>
      </c>
      <c r="GL17" s="329">
        <v>91</v>
      </c>
      <c r="GM17" s="329">
        <v>1937</v>
      </c>
      <c r="GN17" s="329">
        <v>0</v>
      </c>
      <c r="GO17" s="329">
        <v>0</v>
      </c>
      <c r="GP17" s="332">
        <v>2028</v>
      </c>
      <c r="GQ17" s="333">
        <v>2028</v>
      </c>
      <c r="GR17" s="328">
        <v>0</v>
      </c>
      <c r="GS17" s="329">
        <v>0</v>
      </c>
      <c r="GT17" s="330">
        <v>0</v>
      </c>
      <c r="GU17" s="331">
        <v>0</v>
      </c>
      <c r="GV17" s="329">
        <v>0</v>
      </c>
      <c r="GW17" s="329">
        <v>0</v>
      </c>
      <c r="GX17" s="329">
        <v>0</v>
      </c>
      <c r="GY17" s="329">
        <v>0</v>
      </c>
      <c r="GZ17" s="329">
        <v>0</v>
      </c>
      <c r="HA17" s="332">
        <v>0</v>
      </c>
      <c r="HB17" s="333">
        <v>0</v>
      </c>
      <c r="HC17" s="328">
        <v>0</v>
      </c>
      <c r="HD17" s="329">
        <v>0</v>
      </c>
      <c r="HE17" s="330">
        <v>0</v>
      </c>
      <c r="HF17" s="334"/>
      <c r="HG17" s="329">
        <v>0</v>
      </c>
      <c r="HH17" s="329">
        <v>0</v>
      </c>
      <c r="HI17" s="329">
        <v>0</v>
      </c>
      <c r="HJ17" s="329">
        <v>0</v>
      </c>
      <c r="HK17" s="329">
        <v>0</v>
      </c>
      <c r="HL17" s="332">
        <v>0</v>
      </c>
      <c r="HM17" s="333">
        <v>0</v>
      </c>
      <c r="HN17" s="328">
        <v>0</v>
      </c>
      <c r="HO17" s="329">
        <v>0</v>
      </c>
      <c r="HP17" s="330">
        <v>0</v>
      </c>
      <c r="HQ17" s="331">
        <v>0</v>
      </c>
      <c r="HR17" s="329">
        <v>153275</v>
      </c>
      <c r="HS17" s="329">
        <v>162958</v>
      </c>
      <c r="HT17" s="329">
        <v>1271066</v>
      </c>
      <c r="HU17" s="329">
        <v>2087389</v>
      </c>
      <c r="HV17" s="329">
        <v>1591553</v>
      </c>
      <c r="HW17" s="332">
        <v>5266241</v>
      </c>
      <c r="HX17" s="333">
        <v>5266241</v>
      </c>
    </row>
    <row r="18" spans="1:232" ht="16.5" customHeight="1" x14ac:dyDescent="0.2">
      <c r="A18" s="326" t="s">
        <v>15</v>
      </c>
      <c r="B18" s="328">
        <v>0</v>
      </c>
      <c r="C18" s="329">
        <v>1495</v>
      </c>
      <c r="D18" s="330">
        <v>1495</v>
      </c>
      <c r="E18" s="331">
        <v>0</v>
      </c>
      <c r="F18" s="329">
        <v>246545</v>
      </c>
      <c r="G18" s="329">
        <v>441714</v>
      </c>
      <c r="H18" s="329">
        <v>1598451</v>
      </c>
      <c r="I18" s="329">
        <v>2362301</v>
      </c>
      <c r="J18" s="329">
        <v>1262887</v>
      </c>
      <c r="K18" s="332">
        <v>5911898</v>
      </c>
      <c r="L18" s="333">
        <v>5913393</v>
      </c>
      <c r="M18" s="328">
        <v>0</v>
      </c>
      <c r="N18" s="329">
        <v>0</v>
      </c>
      <c r="O18" s="330">
        <v>0</v>
      </c>
      <c r="P18" s="334"/>
      <c r="Q18" s="329">
        <v>0</v>
      </c>
      <c r="R18" s="329">
        <v>35495</v>
      </c>
      <c r="S18" s="329">
        <v>962530</v>
      </c>
      <c r="T18" s="329">
        <v>1562365</v>
      </c>
      <c r="U18" s="329">
        <v>939160</v>
      </c>
      <c r="V18" s="332">
        <v>3499550</v>
      </c>
      <c r="W18" s="333">
        <v>3499550</v>
      </c>
      <c r="X18" s="328">
        <v>0</v>
      </c>
      <c r="Y18" s="329">
        <v>0</v>
      </c>
      <c r="Z18" s="330">
        <v>0</v>
      </c>
      <c r="AA18" s="334"/>
      <c r="AB18" s="329">
        <v>239630</v>
      </c>
      <c r="AC18" s="329">
        <v>367810</v>
      </c>
      <c r="AD18" s="329">
        <v>417679</v>
      </c>
      <c r="AE18" s="329">
        <v>592840</v>
      </c>
      <c r="AF18" s="329">
        <v>190355</v>
      </c>
      <c r="AG18" s="332">
        <v>1808314</v>
      </c>
      <c r="AH18" s="333">
        <v>1808314</v>
      </c>
      <c r="AI18" s="328">
        <v>0</v>
      </c>
      <c r="AJ18" s="329">
        <v>0</v>
      </c>
      <c r="AK18" s="330">
        <v>0</v>
      </c>
      <c r="AL18" s="334"/>
      <c r="AM18" s="329">
        <v>0</v>
      </c>
      <c r="AN18" s="329">
        <v>0</v>
      </c>
      <c r="AO18" s="329">
        <v>0</v>
      </c>
      <c r="AP18" s="329">
        <v>0</v>
      </c>
      <c r="AQ18" s="329">
        <v>2635</v>
      </c>
      <c r="AR18" s="332">
        <v>2635</v>
      </c>
      <c r="AS18" s="333">
        <v>2635</v>
      </c>
      <c r="AT18" s="328">
        <v>0</v>
      </c>
      <c r="AU18" s="329">
        <v>0</v>
      </c>
      <c r="AV18" s="330">
        <v>0</v>
      </c>
      <c r="AW18" s="334"/>
      <c r="AX18" s="329">
        <v>0</v>
      </c>
      <c r="AY18" s="329">
        <v>0</v>
      </c>
      <c r="AZ18" s="329">
        <v>0</v>
      </c>
      <c r="BA18" s="329">
        <v>0</v>
      </c>
      <c r="BB18" s="329">
        <v>0</v>
      </c>
      <c r="BC18" s="332">
        <v>0</v>
      </c>
      <c r="BD18" s="333">
        <v>0</v>
      </c>
      <c r="BE18" s="328">
        <v>0</v>
      </c>
      <c r="BF18" s="329">
        <v>0</v>
      </c>
      <c r="BG18" s="330">
        <v>0</v>
      </c>
      <c r="BH18" s="334"/>
      <c r="BI18" s="329">
        <v>0</v>
      </c>
      <c r="BJ18" s="329">
        <v>0</v>
      </c>
      <c r="BK18" s="329">
        <v>113925</v>
      </c>
      <c r="BL18" s="329">
        <v>59595</v>
      </c>
      <c r="BM18" s="329">
        <v>59065</v>
      </c>
      <c r="BN18" s="332">
        <v>232585</v>
      </c>
      <c r="BO18" s="333">
        <v>232585</v>
      </c>
      <c r="BP18" s="328">
        <v>0</v>
      </c>
      <c r="BQ18" s="329">
        <v>1060</v>
      </c>
      <c r="BR18" s="330">
        <v>1060</v>
      </c>
      <c r="BS18" s="331">
        <v>0</v>
      </c>
      <c r="BT18" s="329">
        <v>6915</v>
      </c>
      <c r="BU18" s="329">
        <v>38409</v>
      </c>
      <c r="BV18" s="329">
        <v>97280</v>
      </c>
      <c r="BW18" s="329">
        <v>147501</v>
      </c>
      <c r="BX18" s="329">
        <v>71672</v>
      </c>
      <c r="BY18" s="332">
        <v>361777</v>
      </c>
      <c r="BZ18" s="333">
        <v>362837</v>
      </c>
      <c r="CA18" s="328">
        <v>0</v>
      </c>
      <c r="CB18" s="329">
        <v>435</v>
      </c>
      <c r="CC18" s="330">
        <v>435</v>
      </c>
      <c r="CD18" s="331">
        <v>0</v>
      </c>
      <c r="CE18" s="329">
        <v>0</v>
      </c>
      <c r="CF18" s="329">
        <v>0</v>
      </c>
      <c r="CG18" s="329">
        <v>7037</v>
      </c>
      <c r="CH18" s="329">
        <v>0</v>
      </c>
      <c r="CI18" s="329">
        <v>0</v>
      </c>
      <c r="CJ18" s="332">
        <v>7037</v>
      </c>
      <c r="CK18" s="333">
        <v>7472</v>
      </c>
      <c r="CL18" s="328">
        <v>0</v>
      </c>
      <c r="CM18" s="329">
        <v>0</v>
      </c>
      <c r="CN18" s="330">
        <v>0</v>
      </c>
      <c r="CO18" s="331">
        <v>0</v>
      </c>
      <c r="CP18" s="329">
        <v>0</v>
      </c>
      <c r="CQ18" s="329">
        <v>0</v>
      </c>
      <c r="CR18" s="329">
        <v>0</v>
      </c>
      <c r="CS18" s="329">
        <v>0</v>
      </c>
      <c r="CT18" s="329">
        <v>0</v>
      </c>
      <c r="CU18" s="332">
        <v>0</v>
      </c>
      <c r="CV18" s="333">
        <v>0</v>
      </c>
      <c r="CW18" s="328">
        <v>0</v>
      </c>
      <c r="CX18" s="329">
        <v>0</v>
      </c>
      <c r="CY18" s="330">
        <v>0</v>
      </c>
      <c r="CZ18" s="334"/>
      <c r="DA18" s="329">
        <v>0</v>
      </c>
      <c r="DB18" s="329">
        <v>0</v>
      </c>
      <c r="DC18" s="329">
        <v>0</v>
      </c>
      <c r="DD18" s="329">
        <v>0</v>
      </c>
      <c r="DE18" s="329">
        <v>0</v>
      </c>
      <c r="DF18" s="332">
        <v>0</v>
      </c>
      <c r="DG18" s="333">
        <v>0</v>
      </c>
      <c r="DH18" s="328">
        <v>0</v>
      </c>
      <c r="DI18" s="329">
        <v>2116</v>
      </c>
      <c r="DJ18" s="330">
        <v>2116</v>
      </c>
      <c r="DK18" s="331">
        <v>0</v>
      </c>
      <c r="DL18" s="329">
        <v>37405</v>
      </c>
      <c r="DM18" s="329">
        <v>141005</v>
      </c>
      <c r="DN18" s="329">
        <v>1602635</v>
      </c>
      <c r="DO18" s="329">
        <v>1896087</v>
      </c>
      <c r="DP18" s="329">
        <v>1218931</v>
      </c>
      <c r="DQ18" s="332">
        <v>4896063</v>
      </c>
      <c r="DR18" s="335">
        <v>4898179</v>
      </c>
      <c r="DS18" s="328">
        <v>0</v>
      </c>
      <c r="DT18" s="329">
        <v>0</v>
      </c>
      <c r="DU18" s="330">
        <v>0</v>
      </c>
      <c r="DV18" s="334"/>
      <c r="DW18" s="329">
        <v>0</v>
      </c>
      <c r="DX18" s="329">
        <v>26505</v>
      </c>
      <c r="DY18" s="329">
        <v>1121156</v>
      </c>
      <c r="DZ18" s="329">
        <v>1573584</v>
      </c>
      <c r="EA18" s="329">
        <v>977088</v>
      </c>
      <c r="EB18" s="332">
        <v>3698333</v>
      </c>
      <c r="EC18" s="333">
        <v>3698333</v>
      </c>
      <c r="ED18" s="328">
        <v>0</v>
      </c>
      <c r="EE18" s="329">
        <v>0</v>
      </c>
      <c r="EF18" s="330">
        <v>0</v>
      </c>
      <c r="EG18" s="334"/>
      <c r="EH18" s="329">
        <v>13640</v>
      </c>
      <c r="EI18" s="329">
        <v>61545</v>
      </c>
      <c r="EJ18" s="329">
        <v>15543</v>
      </c>
      <c r="EK18" s="329">
        <v>28204</v>
      </c>
      <c r="EL18" s="329">
        <v>23914</v>
      </c>
      <c r="EM18" s="332">
        <v>142846</v>
      </c>
      <c r="EN18" s="333">
        <v>142846</v>
      </c>
      <c r="EO18" s="328">
        <v>0</v>
      </c>
      <c r="EP18" s="329">
        <v>0</v>
      </c>
      <c r="EQ18" s="330">
        <v>0</v>
      </c>
      <c r="ER18" s="334"/>
      <c r="ES18" s="329">
        <v>0</v>
      </c>
      <c r="ET18" s="329">
        <v>0</v>
      </c>
      <c r="EU18" s="329">
        <v>0</v>
      </c>
      <c r="EV18" s="329">
        <v>0</v>
      </c>
      <c r="EW18" s="329">
        <v>217</v>
      </c>
      <c r="EX18" s="332">
        <v>217</v>
      </c>
      <c r="EY18" s="333">
        <v>217</v>
      </c>
      <c r="EZ18" s="328">
        <v>0</v>
      </c>
      <c r="FA18" s="329">
        <v>0</v>
      </c>
      <c r="FB18" s="330">
        <v>0</v>
      </c>
      <c r="FC18" s="334"/>
      <c r="FD18" s="329">
        <v>0</v>
      </c>
      <c r="FE18" s="329">
        <v>0</v>
      </c>
      <c r="FF18" s="329">
        <v>0</v>
      </c>
      <c r="FG18" s="329">
        <v>0</v>
      </c>
      <c r="FH18" s="329">
        <v>0</v>
      </c>
      <c r="FI18" s="332">
        <v>0</v>
      </c>
      <c r="FJ18" s="333">
        <v>0</v>
      </c>
      <c r="FK18" s="328">
        <v>0</v>
      </c>
      <c r="FL18" s="329">
        <v>0</v>
      </c>
      <c r="FM18" s="330">
        <v>0</v>
      </c>
      <c r="FN18" s="334"/>
      <c r="FO18" s="329">
        <v>0</v>
      </c>
      <c r="FP18" s="329">
        <v>0</v>
      </c>
      <c r="FQ18" s="329">
        <v>239754</v>
      </c>
      <c r="FR18" s="329">
        <v>162848</v>
      </c>
      <c r="FS18" s="329">
        <v>129456</v>
      </c>
      <c r="FT18" s="332">
        <v>532058</v>
      </c>
      <c r="FU18" s="333">
        <v>532058</v>
      </c>
      <c r="FV18" s="328">
        <v>0</v>
      </c>
      <c r="FW18" s="329">
        <v>2088</v>
      </c>
      <c r="FX18" s="330">
        <v>2088</v>
      </c>
      <c r="FY18" s="331">
        <v>0</v>
      </c>
      <c r="FZ18" s="329">
        <v>23765</v>
      </c>
      <c r="GA18" s="329">
        <v>52955</v>
      </c>
      <c r="GB18" s="329">
        <v>223543</v>
      </c>
      <c r="GC18" s="329">
        <v>131451</v>
      </c>
      <c r="GD18" s="329">
        <v>88256</v>
      </c>
      <c r="GE18" s="332">
        <v>519970</v>
      </c>
      <c r="GF18" s="333">
        <v>522058</v>
      </c>
      <c r="GG18" s="328">
        <v>0</v>
      </c>
      <c r="GH18" s="329">
        <v>28</v>
      </c>
      <c r="GI18" s="330">
        <v>28</v>
      </c>
      <c r="GJ18" s="331">
        <v>0</v>
      </c>
      <c r="GK18" s="329">
        <v>0</v>
      </c>
      <c r="GL18" s="329">
        <v>0</v>
      </c>
      <c r="GM18" s="329">
        <v>2639</v>
      </c>
      <c r="GN18" s="329">
        <v>0</v>
      </c>
      <c r="GO18" s="329">
        <v>0</v>
      </c>
      <c r="GP18" s="332">
        <v>2639</v>
      </c>
      <c r="GQ18" s="333">
        <v>2667</v>
      </c>
      <c r="GR18" s="328">
        <v>0</v>
      </c>
      <c r="GS18" s="329">
        <v>0</v>
      </c>
      <c r="GT18" s="330">
        <v>0</v>
      </c>
      <c r="GU18" s="331">
        <v>0</v>
      </c>
      <c r="GV18" s="329">
        <v>0</v>
      </c>
      <c r="GW18" s="329">
        <v>0</v>
      </c>
      <c r="GX18" s="329">
        <v>0</v>
      </c>
      <c r="GY18" s="329">
        <v>0</v>
      </c>
      <c r="GZ18" s="329">
        <v>0</v>
      </c>
      <c r="HA18" s="332">
        <v>0</v>
      </c>
      <c r="HB18" s="333">
        <v>0</v>
      </c>
      <c r="HC18" s="328">
        <v>0</v>
      </c>
      <c r="HD18" s="329">
        <v>0</v>
      </c>
      <c r="HE18" s="330">
        <v>0</v>
      </c>
      <c r="HF18" s="334"/>
      <c r="HG18" s="329">
        <v>0</v>
      </c>
      <c r="HH18" s="329">
        <v>0</v>
      </c>
      <c r="HI18" s="329">
        <v>0</v>
      </c>
      <c r="HJ18" s="329">
        <v>0</v>
      </c>
      <c r="HK18" s="329">
        <v>0</v>
      </c>
      <c r="HL18" s="332">
        <v>0</v>
      </c>
      <c r="HM18" s="333">
        <v>0</v>
      </c>
      <c r="HN18" s="328">
        <v>0</v>
      </c>
      <c r="HO18" s="329">
        <v>3611</v>
      </c>
      <c r="HP18" s="330">
        <v>3611</v>
      </c>
      <c r="HQ18" s="331">
        <v>0</v>
      </c>
      <c r="HR18" s="329">
        <v>283950</v>
      </c>
      <c r="HS18" s="329">
        <v>582719</v>
      </c>
      <c r="HT18" s="329">
        <v>3201086</v>
      </c>
      <c r="HU18" s="329">
        <v>4258388</v>
      </c>
      <c r="HV18" s="329">
        <v>2481818</v>
      </c>
      <c r="HW18" s="332">
        <v>10807961</v>
      </c>
      <c r="HX18" s="333">
        <v>10811572</v>
      </c>
    </row>
    <row r="19" spans="1:232" ht="16.5" customHeight="1" x14ac:dyDescent="0.2">
      <c r="A19" s="326" t="s">
        <v>16</v>
      </c>
      <c r="B19" s="328">
        <v>0</v>
      </c>
      <c r="C19" s="329">
        <v>0</v>
      </c>
      <c r="D19" s="330">
        <v>0</v>
      </c>
      <c r="E19" s="331">
        <v>0</v>
      </c>
      <c r="F19" s="329">
        <v>556063</v>
      </c>
      <c r="G19" s="329">
        <v>1044581</v>
      </c>
      <c r="H19" s="329">
        <v>2965089</v>
      </c>
      <c r="I19" s="329">
        <v>3417511</v>
      </c>
      <c r="J19" s="329">
        <v>2132020</v>
      </c>
      <c r="K19" s="332">
        <v>10115264</v>
      </c>
      <c r="L19" s="333">
        <v>10115264</v>
      </c>
      <c r="M19" s="328">
        <v>0</v>
      </c>
      <c r="N19" s="329">
        <v>0</v>
      </c>
      <c r="O19" s="330">
        <v>0</v>
      </c>
      <c r="P19" s="334"/>
      <c r="Q19" s="329">
        <v>81065</v>
      </c>
      <c r="R19" s="329">
        <v>231108</v>
      </c>
      <c r="S19" s="329">
        <v>1727306</v>
      </c>
      <c r="T19" s="329">
        <v>2244958</v>
      </c>
      <c r="U19" s="329">
        <v>1420250</v>
      </c>
      <c r="V19" s="332">
        <v>5704687</v>
      </c>
      <c r="W19" s="333">
        <v>5704687</v>
      </c>
      <c r="X19" s="328">
        <v>0</v>
      </c>
      <c r="Y19" s="329">
        <v>0</v>
      </c>
      <c r="Z19" s="330">
        <v>0</v>
      </c>
      <c r="AA19" s="334"/>
      <c r="AB19" s="329">
        <v>437757</v>
      </c>
      <c r="AC19" s="329">
        <v>751610</v>
      </c>
      <c r="AD19" s="329">
        <v>899105</v>
      </c>
      <c r="AE19" s="329">
        <v>1003740</v>
      </c>
      <c r="AF19" s="329">
        <v>336095</v>
      </c>
      <c r="AG19" s="332">
        <v>3428307</v>
      </c>
      <c r="AH19" s="333">
        <v>3428307</v>
      </c>
      <c r="AI19" s="328">
        <v>0</v>
      </c>
      <c r="AJ19" s="329">
        <v>0</v>
      </c>
      <c r="AK19" s="330">
        <v>0</v>
      </c>
      <c r="AL19" s="334"/>
      <c r="AM19" s="329">
        <v>0</v>
      </c>
      <c r="AN19" s="329">
        <v>0</v>
      </c>
      <c r="AO19" s="329">
        <v>0</v>
      </c>
      <c r="AP19" s="329">
        <v>3180</v>
      </c>
      <c r="AQ19" s="329">
        <v>7905</v>
      </c>
      <c r="AR19" s="332">
        <v>11085</v>
      </c>
      <c r="AS19" s="333">
        <v>11085</v>
      </c>
      <c r="AT19" s="328">
        <v>0</v>
      </c>
      <c r="AU19" s="329">
        <v>0</v>
      </c>
      <c r="AV19" s="330">
        <v>0</v>
      </c>
      <c r="AW19" s="334"/>
      <c r="AX19" s="329">
        <v>0</v>
      </c>
      <c r="AY19" s="329">
        <v>0</v>
      </c>
      <c r="AZ19" s="329">
        <v>68200</v>
      </c>
      <c r="BA19" s="329">
        <v>7905</v>
      </c>
      <c r="BB19" s="329">
        <v>136245</v>
      </c>
      <c r="BC19" s="332">
        <v>212350</v>
      </c>
      <c r="BD19" s="333">
        <v>212350</v>
      </c>
      <c r="BE19" s="328">
        <v>0</v>
      </c>
      <c r="BF19" s="329">
        <v>0</v>
      </c>
      <c r="BG19" s="330">
        <v>0</v>
      </c>
      <c r="BH19" s="334"/>
      <c r="BI19" s="329">
        <v>2635</v>
      </c>
      <c r="BJ19" s="329">
        <v>0</v>
      </c>
      <c r="BK19" s="329">
        <v>92535</v>
      </c>
      <c r="BL19" s="329">
        <v>75950</v>
      </c>
      <c r="BM19" s="329">
        <v>149885</v>
      </c>
      <c r="BN19" s="332">
        <v>321005</v>
      </c>
      <c r="BO19" s="333">
        <v>321005</v>
      </c>
      <c r="BP19" s="328">
        <v>0</v>
      </c>
      <c r="BQ19" s="329">
        <v>0</v>
      </c>
      <c r="BR19" s="330">
        <v>0</v>
      </c>
      <c r="BS19" s="331">
        <v>0</v>
      </c>
      <c r="BT19" s="329">
        <v>34010</v>
      </c>
      <c r="BU19" s="329">
        <v>61420</v>
      </c>
      <c r="BV19" s="329">
        <v>174888</v>
      </c>
      <c r="BW19" s="329">
        <v>78222</v>
      </c>
      <c r="BX19" s="329">
        <v>81640</v>
      </c>
      <c r="BY19" s="332">
        <v>430180</v>
      </c>
      <c r="BZ19" s="333">
        <v>430180</v>
      </c>
      <c r="CA19" s="328">
        <v>0</v>
      </c>
      <c r="CB19" s="329">
        <v>0</v>
      </c>
      <c r="CC19" s="330">
        <v>0</v>
      </c>
      <c r="CD19" s="331">
        <v>0</v>
      </c>
      <c r="CE19" s="329">
        <v>596</v>
      </c>
      <c r="CF19" s="329">
        <v>443</v>
      </c>
      <c r="CG19" s="329">
        <v>3055</v>
      </c>
      <c r="CH19" s="329">
        <v>3556</v>
      </c>
      <c r="CI19" s="329">
        <v>0</v>
      </c>
      <c r="CJ19" s="332">
        <v>7650</v>
      </c>
      <c r="CK19" s="333">
        <v>7650</v>
      </c>
      <c r="CL19" s="328">
        <v>0</v>
      </c>
      <c r="CM19" s="329">
        <v>0</v>
      </c>
      <c r="CN19" s="330">
        <v>0</v>
      </c>
      <c r="CO19" s="331">
        <v>0</v>
      </c>
      <c r="CP19" s="329">
        <v>0</v>
      </c>
      <c r="CQ19" s="329">
        <v>0</v>
      </c>
      <c r="CR19" s="329">
        <v>0</v>
      </c>
      <c r="CS19" s="329">
        <v>0</v>
      </c>
      <c r="CT19" s="329">
        <v>0</v>
      </c>
      <c r="CU19" s="332">
        <v>0</v>
      </c>
      <c r="CV19" s="333">
        <v>0</v>
      </c>
      <c r="CW19" s="328">
        <v>0</v>
      </c>
      <c r="CX19" s="329">
        <v>0</v>
      </c>
      <c r="CY19" s="330">
        <v>0</v>
      </c>
      <c r="CZ19" s="334"/>
      <c r="DA19" s="329">
        <v>0</v>
      </c>
      <c r="DB19" s="329">
        <v>0</v>
      </c>
      <c r="DC19" s="329">
        <v>0</v>
      </c>
      <c r="DD19" s="329">
        <v>0</v>
      </c>
      <c r="DE19" s="329">
        <v>0</v>
      </c>
      <c r="DF19" s="332">
        <v>0</v>
      </c>
      <c r="DG19" s="333">
        <v>0</v>
      </c>
      <c r="DH19" s="328">
        <v>0</v>
      </c>
      <c r="DI19" s="329">
        <v>0</v>
      </c>
      <c r="DJ19" s="330">
        <v>0</v>
      </c>
      <c r="DK19" s="331">
        <v>0</v>
      </c>
      <c r="DL19" s="329">
        <v>400736</v>
      </c>
      <c r="DM19" s="329">
        <v>766368</v>
      </c>
      <c r="DN19" s="329">
        <v>3198159</v>
      </c>
      <c r="DO19" s="329">
        <v>3626310</v>
      </c>
      <c r="DP19" s="329">
        <v>2250203</v>
      </c>
      <c r="DQ19" s="332">
        <v>10241776</v>
      </c>
      <c r="DR19" s="335">
        <v>10241776</v>
      </c>
      <c r="DS19" s="328">
        <v>0</v>
      </c>
      <c r="DT19" s="329">
        <v>0</v>
      </c>
      <c r="DU19" s="330">
        <v>0</v>
      </c>
      <c r="DV19" s="334"/>
      <c r="DW19" s="329">
        <v>174840</v>
      </c>
      <c r="DX19" s="329">
        <v>402721</v>
      </c>
      <c r="DY19" s="329">
        <v>2416871</v>
      </c>
      <c r="DZ19" s="329">
        <v>3151713</v>
      </c>
      <c r="EA19" s="329">
        <v>1832689</v>
      </c>
      <c r="EB19" s="332">
        <v>7978834</v>
      </c>
      <c r="EC19" s="333">
        <v>7978834</v>
      </c>
      <c r="ED19" s="328">
        <v>0</v>
      </c>
      <c r="EE19" s="329">
        <v>0</v>
      </c>
      <c r="EF19" s="330">
        <v>0</v>
      </c>
      <c r="EG19" s="334"/>
      <c r="EH19" s="329">
        <v>154118</v>
      </c>
      <c r="EI19" s="329">
        <v>260980</v>
      </c>
      <c r="EJ19" s="329">
        <v>325906</v>
      </c>
      <c r="EK19" s="329">
        <v>200392</v>
      </c>
      <c r="EL19" s="329">
        <v>79954</v>
      </c>
      <c r="EM19" s="332">
        <v>1021350</v>
      </c>
      <c r="EN19" s="333">
        <v>1021350</v>
      </c>
      <c r="EO19" s="328">
        <v>0</v>
      </c>
      <c r="EP19" s="329">
        <v>0</v>
      </c>
      <c r="EQ19" s="330">
        <v>0</v>
      </c>
      <c r="ER19" s="334"/>
      <c r="ES19" s="329">
        <v>0</v>
      </c>
      <c r="ET19" s="329">
        <v>0</v>
      </c>
      <c r="EU19" s="329">
        <v>0</v>
      </c>
      <c r="EV19" s="329">
        <v>1095</v>
      </c>
      <c r="EW19" s="329">
        <v>651</v>
      </c>
      <c r="EX19" s="332">
        <v>1746</v>
      </c>
      <c r="EY19" s="333">
        <v>1746</v>
      </c>
      <c r="EZ19" s="328">
        <v>0</v>
      </c>
      <c r="FA19" s="329">
        <v>0</v>
      </c>
      <c r="FB19" s="330">
        <v>0</v>
      </c>
      <c r="FC19" s="334"/>
      <c r="FD19" s="329">
        <v>0</v>
      </c>
      <c r="FE19" s="329">
        <v>0</v>
      </c>
      <c r="FF19" s="329">
        <v>11904</v>
      </c>
      <c r="FG19" s="329">
        <v>651</v>
      </c>
      <c r="FH19" s="329">
        <v>12555</v>
      </c>
      <c r="FI19" s="332">
        <v>25110</v>
      </c>
      <c r="FJ19" s="333">
        <v>25110</v>
      </c>
      <c r="FK19" s="328">
        <v>0</v>
      </c>
      <c r="FL19" s="329">
        <v>0</v>
      </c>
      <c r="FM19" s="330">
        <v>0</v>
      </c>
      <c r="FN19" s="334"/>
      <c r="FO19" s="329">
        <v>21576</v>
      </c>
      <c r="FP19" s="329">
        <v>0</v>
      </c>
      <c r="FQ19" s="329">
        <v>170398</v>
      </c>
      <c r="FR19" s="329">
        <v>159836</v>
      </c>
      <c r="FS19" s="329">
        <v>224564</v>
      </c>
      <c r="FT19" s="332">
        <v>576374</v>
      </c>
      <c r="FU19" s="333">
        <v>576374</v>
      </c>
      <c r="FV19" s="328">
        <v>0</v>
      </c>
      <c r="FW19" s="329">
        <v>0</v>
      </c>
      <c r="FX19" s="330">
        <v>0</v>
      </c>
      <c r="FY19" s="331">
        <v>0</v>
      </c>
      <c r="FZ19" s="329">
        <v>50160</v>
      </c>
      <c r="GA19" s="329">
        <v>102639</v>
      </c>
      <c r="GB19" s="329">
        <v>260258</v>
      </c>
      <c r="GC19" s="329">
        <v>107695</v>
      </c>
      <c r="GD19" s="329">
        <v>99790</v>
      </c>
      <c r="GE19" s="332">
        <v>620542</v>
      </c>
      <c r="GF19" s="333">
        <v>620542</v>
      </c>
      <c r="GG19" s="328">
        <v>0</v>
      </c>
      <c r="GH19" s="329">
        <v>0</v>
      </c>
      <c r="GI19" s="330">
        <v>0</v>
      </c>
      <c r="GJ19" s="331">
        <v>0</v>
      </c>
      <c r="GK19" s="329">
        <v>42</v>
      </c>
      <c r="GL19" s="329">
        <v>28</v>
      </c>
      <c r="GM19" s="329">
        <v>12822</v>
      </c>
      <c r="GN19" s="329">
        <v>4928</v>
      </c>
      <c r="GO19" s="329">
        <v>0</v>
      </c>
      <c r="GP19" s="332">
        <v>17820</v>
      </c>
      <c r="GQ19" s="333">
        <v>17820</v>
      </c>
      <c r="GR19" s="328">
        <v>0</v>
      </c>
      <c r="GS19" s="329">
        <v>0</v>
      </c>
      <c r="GT19" s="330">
        <v>0</v>
      </c>
      <c r="GU19" s="331">
        <v>0</v>
      </c>
      <c r="GV19" s="329">
        <v>0</v>
      </c>
      <c r="GW19" s="329">
        <v>0</v>
      </c>
      <c r="GX19" s="329">
        <v>0</v>
      </c>
      <c r="GY19" s="329">
        <v>0</v>
      </c>
      <c r="GZ19" s="329">
        <v>0</v>
      </c>
      <c r="HA19" s="332">
        <v>0</v>
      </c>
      <c r="HB19" s="333">
        <v>0</v>
      </c>
      <c r="HC19" s="328">
        <v>0</v>
      </c>
      <c r="HD19" s="329">
        <v>0</v>
      </c>
      <c r="HE19" s="330">
        <v>0</v>
      </c>
      <c r="HF19" s="334"/>
      <c r="HG19" s="329">
        <v>0</v>
      </c>
      <c r="HH19" s="329">
        <v>0</v>
      </c>
      <c r="HI19" s="329">
        <v>0</v>
      </c>
      <c r="HJ19" s="329">
        <v>0</v>
      </c>
      <c r="HK19" s="329">
        <v>0</v>
      </c>
      <c r="HL19" s="332">
        <v>0</v>
      </c>
      <c r="HM19" s="333">
        <v>0</v>
      </c>
      <c r="HN19" s="328">
        <v>0</v>
      </c>
      <c r="HO19" s="329">
        <v>0</v>
      </c>
      <c r="HP19" s="330">
        <v>0</v>
      </c>
      <c r="HQ19" s="331">
        <v>0</v>
      </c>
      <c r="HR19" s="329">
        <v>956799</v>
      </c>
      <c r="HS19" s="329">
        <v>1810949</v>
      </c>
      <c r="HT19" s="329">
        <v>6163248</v>
      </c>
      <c r="HU19" s="329">
        <v>7043821</v>
      </c>
      <c r="HV19" s="329">
        <v>4382223</v>
      </c>
      <c r="HW19" s="332">
        <v>20357040</v>
      </c>
      <c r="HX19" s="333">
        <v>20357040</v>
      </c>
    </row>
    <row r="20" spans="1:232" ht="16.5" customHeight="1" x14ac:dyDescent="0.2">
      <c r="A20" s="326" t="s">
        <v>17</v>
      </c>
      <c r="B20" s="328">
        <v>945</v>
      </c>
      <c r="C20" s="329">
        <v>288</v>
      </c>
      <c r="D20" s="330">
        <v>1233</v>
      </c>
      <c r="E20" s="331">
        <v>0</v>
      </c>
      <c r="F20" s="329">
        <v>206244</v>
      </c>
      <c r="G20" s="329">
        <v>1094073</v>
      </c>
      <c r="H20" s="329">
        <v>3271259</v>
      </c>
      <c r="I20" s="329">
        <v>3458435</v>
      </c>
      <c r="J20" s="329">
        <v>2424091</v>
      </c>
      <c r="K20" s="332">
        <v>10454102</v>
      </c>
      <c r="L20" s="333">
        <v>10455335</v>
      </c>
      <c r="M20" s="328">
        <v>0</v>
      </c>
      <c r="N20" s="329">
        <v>0</v>
      </c>
      <c r="O20" s="330">
        <v>0</v>
      </c>
      <c r="P20" s="334"/>
      <c r="Q20" s="329">
        <v>87694</v>
      </c>
      <c r="R20" s="329">
        <v>387285</v>
      </c>
      <c r="S20" s="329">
        <v>1892862</v>
      </c>
      <c r="T20" s="329">
        <v>2442848</v>
      </c>
      <c r="U20" s="329">
        <v>1838192</v>
      </c>
      <c r="V20" s="332">
        <v>6648881</v>
      </c>
      <c r="W20" s="333">
        <v>6648881</v>
      </c>
      <c r="X20" s="328">
        <v>0</v>
      </c>
      <c r="Y20" s="329">
        <v>0</v>
      </c>
      <c r="Z20" s="330">
        <v>0</v>
      </c>
      <c r="AA20" s="334"/>
      <c r="AB20" s="329">
        <v>70115</v>
      </c>
      <c r="AC20" s="329">
        <v>567650</v>
      </c>
      <c r="AD20" s="329">
        <v>839294</v>
      </c>
      <c r="AE20" s="329">
        <v>617783</v>
      </c>
      <c r="AF20" s="329">
        <v>212465</v>
      </c>
      <c r="AG20" s="332">
        <v>2307307</v>
      </c>
      <c r="AH20" s="333">
        <v>2307307</v>
      </c>
      <c r="AI20" s="328">
        <v>0</v>
      </c>
      <c r="AJ20" s="329">
        <v>0</v>
      </c>
      <c r="AK20" s="330">
        <v>0</v>
      </c>
      <c r="AL20" s="334"/>
      <c r="AM20" s="329">
        <v>0</v>
      </c>
      <c r="AN20" s="329">
        <v>0</v>
      </c>
      <c r="AO20" s="329">
        <v>0</v>
      </c>
      <c r="AP20" s="329">
        <v>0</v>
      </c>
      <c r="AQ20" s="329">
        <v>6970</v>
      </c>
      <c r="AR20" s="332">
        <v>6970</v>
      </c>
      <c r="AS20" s="333">
        <v>6970</v>
      </c>
      <c r="AT20" s="328">
        <v>0</v>
      </c>
      <c r="AU20" s="329">
        <v>0</v>
      </c>
      <c r="AV20" s="330">
        <v>0</v>
      </c>
      <c r="AW20" s="334"/>
      <c r="AX20" s="329">
        <v>0</v>
      </c>
      <c r="AY20" s="329">
        <v>0</v>
      </c>
      <c r="AZ20" s="329">
        <v>0</v>
      </c>
      <c r="BA20" s="329">
        <v>2635</v>
      </c>
      <c r="BB20" s="329">
        <v>35340</v>
      </c>
      <c r="BC20" s="332">
        <v>37975</v>
      </c>
      <c r="BD20" s="333">
        <v>37975</v>
      </c>
      <c r="BE20" s="328">
        <v>0</v>
      </c>
      <c r="BF20" s="329">
        <v>0</v>
      </c>
      <c r="BG20" s="330">
        <v>0</v>
      </c>
      <c r="BH20" s="334"/>
      <c r="BI20" s="329">
        <v>0</v>
      </c>
      <c r="BJ20" s="329">
        <v>2635</v>
      </c>
      <c r="BK20" s="329">
        <v>197265</v>
      </c>
      <c r="BL20" s="329">
        <v>116200</v>
      </c>
      <c r="BM20" s="329">
        <v>201890</v>
      </c>
      <c r="BN20" s="332">
        <v>517990</v>
      </c>
      <c r="BO20" s="333">
        <v>517990</v>
      </c>
      <c r="BP20" s="328">
        <v>945</v>
      </c>
      <c r="BQ20" s="329">
        <v>288</v>
      </c>
      <c r="BR20" s="330">
        <v>1233</v>
      </c>
      <c r="BS20" s="331">
        <v>0</v>
      </c>
      <c r="BT20" s="329">
        <v>44810</v>
      </c>
      <c r="BU20" s="329">
        <v>131923</v>
      </c>
      <c r="BV20" s="329">
        <v>334353</v>
      </c>
      <c r="BW20" s="329">
        <v>268664</v>
      </c>
      <c r="BX20" s="329">
        <v>99799</v>
      </c>
      <c r="BY20" s="332">
        <v>879549</v>
      </c>
      <c r="BZ20" s="333">
        <v>880782</v>
      </c>
      <c r="CA20" s="328">
        <v>0</v>
      </c>
      <c r="CB20" s="329">
        <v>0</v>
      </c>
      <c r="CC20" s="330">
        <v>0</v>
      </c>
      <c r="CD20" s="331">
        <v>0</v>
      </c>
      <c r="CE20" s="329">
        <v>3625</v>
      </c>
      <c r="CF20" s="329">
        <v>4580</v>
      </c>
      <c r="CG20" s="329">
        <v>7485</v>
      </c>
      <c r="CH20" s="329">
        <v>10305</v>
      </c>
      <c r="CI20" s="329">
        <v>29435</v>
      </c>
      <c r="CJ20" s="332">
        <v>55430</v>
      </c>
      <c r="CK20" s="333">
        <v>55430</v>
      </c>
      <c r="CL20" s="328">
        <v>0</v>
      </c>
      <c r="CM20" s="329">
        <v>0</v>
      </c>
      <c r="CN20" s="330">
        <v>0</v>
      </c>
      <c r="CO20" s="331">
        <v>0</v>
      </c>
      <c r="CP20" s="329">
        <v>0</v>
      </c>
      <c r="CQ20" s="329">
        <v>0</v>
      </c>
      <c r="CR20" s="329">
        <v>0</v>
      </c>
      <c r="CS20" s="329">
        <v>0</v>
      </c>
      <c r="CT20" s="329">
        <v>0</v>
      </c>
      <c r="CU20" s="332">
        <v>0</v>
      </c>
      <c r="CV20" s="333">
        <v>0</v>
      </c>
      <c r="CW20" s="328">
        <v>0</v>
      </c>
      <c r="CX20" s="329">
        <v>0</v>
      </c>
      <c r="CY20" s="330">
        <v>0</v>
      </c>
      <c r="CZ20" s="334"/>
      <c r="DA20" s="329">
        <v>0</v>
      </c>
      <c r="DB20" s="329">
        <v>0</v>
      </c>
      <c r="DC20" s="329">
        <v>0</v>
      </c>
      <c r="DD20" s="329">
        <v>0</v>
      </c>
      <c r="DE20" s="329">
        <v>0</v>
      </c>
      <c r="DF20" s="332">
        <v>0</v>
      </c>
      <c r="DG20" s="333">
        <v>0</v>
      </c>
      <c r="DH20" s="328">
        <v>6264</v>
      </c>
      <c r="DI20" s="329">
        <v>1008</v>
      </c>
      <c r="DJ20" s="330">
        <v>7272</v>
      </c>
      <c r="DK20" s="331">
        <v>0</v>
      </c>
      <c r="DL20" s="329">
        <v>232184</v>
      </c>
      <c r="DM20" s="329">
        <v>577929</v>
      </c>
      <c r="DN20" s="329">
        <v>3617442</v>
      </c>
      <c r="DO20" s="329">
        <v>3876665</v>
      </c>
      <c r="DP20" s="329">
        <v>2994942</v>
      </c>
      <c r="DQ20" s="332">
        <v>11299162</v>
      </c>
      <c r="DR20" s="335">
        <v>11306434</v>
      </c>
      <c r="DS20" s="328">
        <v>0</v>
      </c>
      <c r="DT20" s="329">
        <v>0</v>
      </c>
      <c r="DU20" s="330">
        <v>0</v>
      </c>
      <c r="DV20" s="334"/>
      <c r="DW20" s="329">
        <v>149444</v>
      </c>
      <c r="DX20" s="329">
        <v>352904</v>
      </c>
      <c r="DY20" s="329">
        <v>2788239</v>
      </c>
      <c r="DZ20" s="329">
        <v>3356413</v>
      </c>
      <c r="EA20" s="329">
        <v>2346944</v>
      </c>
      <c r="EB20" s="332">
        <v>8993944</v>
      </c>
      <c r="EC20" s="333">
        <v>8993944</v>
      </c>
      <c r="ED20" s="328">
        <v>0</v>
      </c>
      <c r="EE20" s="329">
        <v>0</v>
      </c>
      <c r="EF20" s="330">
        <v>0</v>
      </c>
      <c r="EG20" s="334"/>
      <c r="EH20" s="329">
        <v>2163</v>
      </c>
      <c r="EI20" s="329">
        <v>61529</v>
      </c>
      <c r="EJ20" s="329">
        <v>66623</v>
      </c>
      <c r="EK20" s="329">
        <v>8512</v>
      </c>
      <c r="EL20" s="329">
        <v>4340</v>
      </c>
      <c r="EM20" s="332">
        <v>143167</v>
      </c>
      <c r="EN20" s="333">
        <v>143167</v>
      </c>
      <c r="EO20" s="328">
        <v>0</v>
      </c>
      <c r="EP20" s="329">
        <v>0</v>
      </c>
      <c r="EQ20" s="330">
        <v>0</v>
      </c>
      <c r="ER20" s="334"/>
      <c r="ES20" s="329">
        <v>0</v>
      </c>
      <c r="ET20" s="329">
        <v>0</v>
      </c>
      <c r="EU20" s="329">
        <v>0</v>
      </c>
      <c r="EV20" s="329">
        <v>0</v>
      </c>
      <c r="EW20" s="329">
        <v>658</v>
      </c>
      <c r="EX20" s="332">
        <v>658</v>
      </c>
      <c r="EY20" s="333">
        <v>658</v>
      </c>
      <c r="EZ20" s="328">
        <v>0</v>
      </c>
      <c r="FA20" s="329">
        <v>0</v>
      </c>
      <c r="FB20" s="330">
        <v>0</v>
      </c>
      <c r="FC20" s="334"/>
      <c r="FD20" s="329">
        <v>0</v>
      </c>
      <c r="FE20" s="329">
        <v>0</v>
      </c>
      <c r="FF20" s="329">
        <v>0</v>
      </c>
      <c r="FG20" s="329">
        <v>217</v>
      </c>
      <c r="FH20" s="329">
        <v>434</v>
      </c>
      <c r="FI20" s="332">
        <v>651</v>
      </c>
      <c r="FJ20" s="333">
        <v>651</v>
      </c>
      <c r="FK20" s="328">
        <v>0</v>
      </c>
      <c r="FL20" s="329">
        <v>0</v>
      </c>
      <c r="FM20" s="330">
        <v>0</v>
      </c>
      <c r="FN20" s="334"/>
      <c r="FO20" s="329">
        <v>0</v>
      </c>
      <c r="FP20" s="329">
        <v>10881</v>
      </c>
      <c r="FQ20" s="329">
        <v>265593</v>
      </c>
      <c r="FR20" s="329">
        <v>172231</v>
      </c>
      <c r="FS20" s="329">
        <v>459531</v>
      </c>
      <c r="FT20" s="332">
        <v>908236</v>
      </c>
      <c r="FU20" s="333">
        <v>908236</v>
      </c>
      <c r="FV20" s="328">
        <v>6264</v>
      </c>
      <c r="FW20" s="329">
        <v>1008</v>
      </c>
      <c r="FX20" s="330">
        <v>7272</v>
      </c>
      <c r="FY20" s="331">
        <v>0</v>
      </c>
      <c r="FZ20" s="329">
        <v>80374</v>
      </c>
      <c r="GA20" s="329">
        <v>151107</v>
      </c>
      <c r="GB20" s="329">
        <v>496187</v>
      </c>
      <c r="GC20" s="329">
        <v>335899</v>
      </c>
      <c r="GD20" s="329">
        <v>174352</v>
      </c>
      <c r="GE20" s="332">
        <v>1237919</v>
      </c>
      <c r="GF20" s="333">
        <v>1245191</v>
      </c>
      <c r="GG20" s="328">
        <v>0</v>
      </c>
      <c r="GH20" s="329">
        <v>0</v>
      </c>
      <c r="GI20" s="330">
        <v>0</v>
      </c>
      <c r="GJ20" s="331">
        <v>0</v>
      </c>
      <c r="GK20" s="329">
        <v>203</v>
      </c>
      <c r="GL20" s="329">
        <v>1508</v>
      </c>
      <c r="GM20" s="329">
        <v>800</v>
      </c>
      <c r="GN20" s="329">
        <v>3393</v>
      </c>
      <c r="GO20" s="329">
        <v>8683</v>
      </c>
      <c r="GP20" s="332">
        <v>14587</v>
      </c>
      <c r="GQ20" s="333">
        <v>14587</v>
      </c>
      <c r="GR20" s="328">
        <v>0</v>
      </c>
      <c r="GS20" s="329">
        <v>0</v>
      </c>
      <c r="GT20" s="330">
        <v>0</v>
      </c>
      <c r="GU20" s="331">
        <v>0</v>
      </c>
      <c r="GV20" s="329">
        <v>0</v>
      </c>
      <c r="GW20" s="329">
        <v>0</v>
      </c>
      <c r="GX20" s="329">
        <v>0</v>
      </c>
      <c r="GY20" s="329">
        <v>0</v>
      </c>
      <c r="GZ20" s="329">
        <v>0</v>
      </c>
      <c r="HA20" s="332">
        <v>0</v>
      </c>
      <c r="HB20" s="333">
        <v>0</v>
      </c>
      <c r="HC20" s="328">
        <v>0</v>
      </c>
      <c r="HD20" s="329">
        <v>0</v>
      </c>
      <c r="HE20" s="330">
        <v>0</v>
      </c>
      <c r="HF20" s="334"/>
      <c r="HG20" s="329">
        <v>0</v>
      </c>
      <c r="HH20" s="329">
        <v>0</v>
      </c>
      <c r="HI20" s="329">
        <v>0</v>
      </c>
      <c r="HJ20" s="329">
        <v>0</v>
      </c>
      <c r="HK20" s="329">
        <v>0</v>
      </c>
      <c r="HL20" s="332">
        <v>0</v>
      </c>
      <c r="HM20" s="333">
        <v>0</v>
      </c>
      <c r="HN20" s="328">
        <v>7209</v>
      </c>
      <c r="HO20" s="329">
        <v>1296</v>
      </c>
      <c r="HP20" s="330">
        <v>8505</v>
      </c>
      <c r="HQ20" s="331">
        <v>0</v>
      </c>
      <c r="HR20" s="329">
        <v>438428</v>
      </c>
      <c r="HS20" s="329">
        <v>1672002</v>
      </c>
      <c r="HT20" s="329">
        <v>6888701</v>
      </c>
      <c r="HU20" s="329">
        <v>7335100</v>
      </c>
      <c r="HV20" s="329">
        <v>5419033</v>
      </c>
      <c r="HW20" s="332">
        <v>21753264</v>
      </c>
      <c r="HX20" s="333">
        <v>21761769</v>
      </c>
    </row>
    <row r="21" spans="1:232" ht="16.5" customHeight="1" x14ac:dyDescent="0.2">
      <c r="A21" s="326" t="s">
        <v>18</v>
      </c>
      <c r="B21" s="328">
        <v>12160</v>
      </c>
      <c r="C21" s="329">
        <v>0</v>
      </c>
      <c r="D21" s="330">
        <v>12160</v>
      </c>
      <c r="E21" s="331">
        <v>0</v>
      </c>
      <c r="F21" s="329">
        <v>346240</v>
      </c>
      <c r="G21" s="329">
        <v>465338</v>
      </c>
      <c r="H21" s="329">
        <v>2388145</v>
      </c>
      <c r="I21" s="329">
        <v>3825751</v>
      </c>
      <c r="J21" s="329">
        <v>2598656</v>
      </c>
      <c r="K21" s="332">
        <v>9624130</v>
      </c>
      <c r="L21" s="333">
        <v>9636290</v>
      </c>
      <c r="M21" s="328">
        <v>0</v>
      </c>
      <c r="N21" s="329">
        <v>0</v>
      </c>
      <c r="O21" s="330">
        <v>0</v>
      </c>
      <c r="P21" s="334"/>
      <c r="Q21" s="329">
        <v>52545</v>
      </c>
      <c r="R21" s="329">
        <v>76535</v>
      </c>
      <c r="S21" s="329">
        <v>1404070</v>
      </c>
      <c r="T21" s="329">
        <v>2600580</v>
      </c>
      <c r="U21" s="329">
        <v>1873422</v>
      </c>
      <c r="V21" s="332">
        <v>6007152</v>
      </c>
      <c r="W21" s="333">
        <v>6007152</v>
      </c>
      <c r="X21" s="328">
        <v>0</v>
      </c>
      <c r="Y21" s="329">
        <v>0</v>
      </c>
      <c r="Z21" s="330">
        <v>0</v>
      </c>
      <c r="AA21" s="334"/>
      <c r="AB21" s="329">
        <v>246470</v>
      </c>
      <c r="AC21" s="329">
        <v>239785</v>
      </c>
      <c r="AD21" s="329">
        <v>686220</v>
      </c>
      <c r="AE21" s="329">
        <v>903400</v>
      </c>
      <c r="AF21" s="329">
        <v>312680</v>
      </c>
      <c r="AG21" s="332">
        <v>2388555</v>
      </c>
      <c r="AH21" s="333">
        <v>2388555</v>
      </c>
      <c r="AI21" s="328">
        <v>0</v>
      </c>
      <c r="AJ21" s="329">
        <v>0</v>
      </c>
      <c r="AK21" s="330">
        <v>0</v>
      </c>
      <c r="AL21" s="334"/>
      <c r="AM21" s="329">
        <v>0</v>
      </c>
      <c r="AN21" s="329">
        <v>0</v>
      </c>
      <c r="AO21" s="329">
        <v>0</v>
      </c>
      <c r="AP21" s="329">
        <v>0</v>
      </c>
      <c r="AQ21" s="329">
        <v>70990</v>
      </c>
      <c r="AR21" s="332">
        <v>70990</v>
      </c>
      <c r="AS21" s="333">
        <v>70990</v>
      </c>
      <c r="AT21" s="328">
        <v>0</v>
      </c>
      <c r="AU21" s="329">
        <v>0</v>
      </c>
      <c r="AV21" s="330">
        <v>0</v>
      </c>
      <c r="AW21" s="334"/>
      <c r="AX21" s="329">
        <v>0</v>
      </c>
      <c r="AY21" s="329">
        <v>0</v>
      </c>
      <c r="AZ21" s="329">
        <v>0</v>
      </c>
      <c r="BA21" s="329">
        <v>27280</v>
      </c>
      <c r="BB21" s="329">
        <v>142920</v>
      </c>
      <c r="BC21" s="332">
        <v>170200</v>
      </c>
      <c r="BD21" s="333">
        <v>170200</v>
      </c>
      <c r="BE21" s="328">
        <v>0</v>
      </c>
      <c r="BF21" s="329">
        <v>0</v>
      </c>
      <c r="BG21" s="330">
        <v>0</v>
      </c>
      <c r="BH21" s="334"/>
      <c r="BI21" s="329">
        <v>0</v>
      </c>
      <c r="BJ21" s="329">
        <v>17690</v>
      </c>
      <c r="BK21" s="329">
        <v>13175</v>
      </c>
      <c r="BL21" s="329">
        <v>81220</v>
      </c>
      <c r="BM21" s="329">
        <v>37975</v>
      </c>
      <c r="BN21" s="332">
        <v>150060</v>
      </c>
      <c r="BO21" s="333">
        <v>150060</v>
      </c>
      <c r="BP21" s="328">
        <v>12160</v>
      </c>
      <c r="BQ21" s="329">
        <v>0</v>
      </c>
      <c r="BR21" s="330">
        <v>12160</v>
      </c>
      <c r="BS21" s="331">
        <v>0</v>
      </c>
      <c r="BT21" s="329">
        <v>45535</v>
      </c>
      <c r="BU21" s="329">
        <v>129781</v>
      </c>
      <c r="BV21" s="329">
        <v>284680</v>
      </c>
      <c r="BW21" s="329">
        <v>198661</v>
      </c>
      <c r="BX21" s="329">
        <v>158674</v>
      </c>
      <c r="BY21" s="332">
        <v>817331</v>
      </c>
      <c r="BZ21" s="333">
        <v>829491</v>
      </c>
      <c r="CA21" s="328">
        <v>0</v>
      </c>
      <c r="CB21" s="329">
        <v>0</v>
      </c>
      <c r="CC21" s="330">
        <v>0</v>
      </c>
      <c r="CD21" s="331">
        <v>0</v>
      </c>
      <c r="CE21" s="329">
        <v>1690</v>
      </c>
      <c r="CF21" s="329">
        <v>1547</v>
      </c>
      <c r="CG21" s="329">
        <v>0</v>
      </c>
      <c r="CH21" s="329">
        <v>14610</v>
      </c>
      <c r="CI21" s="329">
        <v>1995</v>
      </c>
      <c r="CJ21" s="332">
        <v>19842</v>
      </c>
      <c r="CK21" s="333">
        <v>19842</v>
      </c>
      <c r="CL21" s="328">
        <v>0</v>
      </c>
      <c r="CM21" s="329">
        <v>0</v>
      </c>
      <c r="CN21" s="330">
        <v>0</v>
      </c>
      <c r="CO21" s="331">
        <v>0</v>
      </c>
      <c r="CP21" s="329">
        <v>0</v>
      </c>
      <c r="CQ21" s="329">
        <v>0</v>
      </c>
      <c r="CR21" s="329">
        <v>0</v>
      </c>
      <c r="CS21" s="329">
        <v>0</v>
      </c>
      <c r="CT21" s="329">
        <v>0</v>
      </c>
      <c r="CU21" s="332">
        <v>0</v>
      </c>
      <c r="CV21" s="333">
        <v>0</v>
      </c>
      <c r="CW21" s="328">
        <v>0</v>
      </c>
      <c r="CX21" s="329">
        <v>0</v>
      </c>
      <c r="CY21" s="330">
        <v>0</v>
      </c>
      <c r="CZ21" s="334"/>
      <c r="DA21" s="329">
        <v>0</v>
      </c>
      <c r="DB21" s="329">
        <v>0</v>
      </c>
      <c r="DC21" s="329">
        <v>0</v>
      </c>
      <c r="DD21" s="329">
        <v>0</v>
      </c>
      <c r="DE21" s="329">
        <v>0</v>
      </c>
      <c r="DF21" s="332">
        <v>0</v>
      </c>
      <c r="DG21" s="333">
        <v>0</v>
      </c>
      <c r="DH21" s="328">
        <v>10260</v>
      </c>
      <c r="DI21" s="329">
        <v>0</v>
      </c>
      <c r="DJ21" s="330">
        <v>10260</v>
      </c>
      <c r="DK21" s="331">
        <v>0</v>
      </c>
      <c r="DL21" s="329">
        <v>208406</v>
      </c>
      <c r="DM21" s="329">
        <v>383209</v>
      </c>
      <c r="DN21" s="329">
        <v>2857505</v>
      </c>
      <c r="DO21" s="329">
        <v>4257333</v>
      </c>
      <c r="DP21" s="329">
        <v>2746940</v>
      </c>
      <c r="DQ21" s="332">
        <v>10453393</v>
      </c>
      <c r="DR21" s="335">
        <v>10463653</v>
      </c>
      <c r="DS21" s="328">
        <v>0</v>
      </c>
      <c r="DT21" s="329">
        <v>0</v>
      </c>
      <c r="DU21" s="330">
        <v>0</v>
      </c>
      <c r="DV21" s="334"/>
      <c r="DW21" s="329">
        <v>85188</v>
      </c>
      <c r="DX21" s="329">
        <v>114419</v>
      </c>
      <c r="DY21" s="329">
        <v>2062398</v>
      </c>
      <c r="DZ21" s="329">
        <v>3595007</v>
      </c>
      <c r="EA21" s="329">
        <v>2378098</v>
      </c>
      <c r="EB21" s="332">
        <v>8235110</v>
      </c>
      <c r="EC21" s="333">
        <v>8235110</v>
      </c>
      <c r="ED21" s="328">
        <v>0</v>
      </c>
      <c r="EE21" s="329">
        <v>0</v>
      </c>
      <c r="EF21" s="330">
        <v>0</v>
      </c>
      <c r="EG21" s="334"/>
      <c r="EH21" s="329">
        <v>47526</v>
      </c>
      <c r="EI21" s="329">
        <v>25823</v>
      </c>
      <c r="EJ21" s="329">
        <v>190403</v>
      </c>
      <c r="EK21" s="329">
        <v>154474</v>
      </c>
      <c r="EL21" s="329">
        <v>39276</v>
      </c>
      <c r="EM21" s="332">
        <v>457502</v>
      </c>
      <c r="EN21" s="333">
        <v>457502</v>
      </c>
      <c r="EO21" s="328">
        <v>0</v>
      </c>
      <c r="EP21" s="329">
        <v>0</v>
      </c>
      <c r="EQ21" s="330">
        <v>0</v>
      </c>
      <c r="ER21" s="334"/>
      <c r="ES21" s="329">
        <v>0</v>
      </c>
      <c r="ET21" s="329">
        <v>0</v>
      </c>
      <c r="EU21" s="329">
        <v>0</v>
      </c>
      <c r="EV21" s="329">
        <v>0</v>
      </c>
      <c r="EW21" s="329">
        <v>22940</v>
      </c>
      <c r="EX21" s="332">
        <v>22940</v>
      </c>
      <c r="EY21" s="333">
        <v>22940</v>
      </c>
      <c r="EZ21" s="328">
        <v>0</v>
      </c>
      <c r="FA21" s="329">
        <v>0</v>
      </c>
      <c r="FB21" s="330">
        <v>0</v>
      </c>
      <c r="FC21" s="334"/>
      <c r="FD21" s="329">
        <v>0</v>
      </c>
      <c r="FE21" s="329">
        <v>0</v>
      </c>
      <c r="FF21" s="329">
        <v>0</v>
      </c>
      <c r="FG21" s="329">
        <v>434</v>
      </c>
      <c r="FH21" s="329">
        <v>1736</v>
      </c>
      <c r="FI21" s="332">
        <v>2170</v>
      </c>
      <c r="FJ21" s="333">
        <v>2170</v>
      </c>
      <c r="FK21" s="328">
        <v>0</v>
      </c>
      <c r="FL21" s="329">
        <v>0</v>
      </c>
      <c r="FM21" s="330">
        <v>0</v>
      </c>
      <c r="FN21" s="334"/>
      <c r="FO21" s="329">
        <v>0</v>
      </c>
      <c r="FP21" s="329">
        <v>27278</v>
      </c>
      <c r="FQ21" s="329">
        <v>107880</v>
      </c>
      <c r="FR21" s="329">
        <v>202988</v>
      </c>
      <c r="FS21" s="329">
        <v>79918</v>
      </c>
      <c r="FT21" s="332">
        <v>418064</v>
      </c>
      <c r="FU21" s="333">
        <v>418064</v>
      </c>
      <c r="FV21" s="328">
        <v>10260</v>
      </c>
      <c r="FW21" s="329">
        <v>0</v>
      </c>
      <c r="FX21" s="330">
        <v>10260</v>
      </c>
      <c r="FY21" s="331">
        <v>0</v>
      </c>
      <c r="FZ21" s="329">
        <v>73336</v>
      </c>
      <c r="GA21" s="329">
        <v>214257</v>
      </c>
      <c r="GB21" s="329">
        <v>496824</v>
      </c>
      <c r="GC21" s="329">
        <v>299082</v>
      </c>
      <c r="GD21" s="329">
        <v>224944</v>
      </c>
      <c r="GE21" s="332">
        <v>1308443</v>
      </c>
      <c r="GF21" s="333">
        <v>1318703</v>
      </c>
      <c r="GG21" s="328">
        <v>0</v>
      </c>
      <c r="GH21" s="329">
        <v>0</v>
      </c>
      <c r="GI21" s="330">
        <v>0</v>
      </c>
      <c r="GJ21" s="331">
        <v>0</v>
      </c>
      <c r="GK21" s="329">
        <v>2356</v>
      </c>
      <c r="GL21" s="329">
        <v>1432</v>
      </c>
      <c r="GM21" s="329">
        <v>0</v>
      </c>
      <c r="GN21" s="329">
        <v>5348</v>
      </c>
      <c r="GO21" s="329">
        <v>28</v>
      </c>
      <c r="GP21" s="332">
        <v>9164</v>
      </c>
      <c r="GQ21" s="333">
        <v>9164</v>
      </c>
      <c r="GR21" s="328">
        <v>0</v>
      </c>
      <c r="GS21" s="329">
        <v>0</v>
      </c>
      <c r="GT21" s="330">
        <v>0</v>
      </c>
      <c r="GU21" s="331">
        <v>0</v>
      </c>
      <c r="GV21" s="329">
        <v>0</v>
      </c>
      <c r="GW21" s="329">
        <v>0</v>
      </c>
      <c r="GX21" s="329">
        <v>0</v>
      </c>
      <c r="GY21" s="329">
        <v>0</v>
      </c>
      <c r="GZ21" s="329">
        <v>0</v>
      </c>
      <c r="HA21" s="332">
        <v>0</v>
      </c>
      <c r="HB21" s="333">
        <v>0</v>
      </c>
      <c r="HC21" s="328">
        <v>0</v>
      </c>
      <c r="HD21" s="329">
        <v>0</v>
      </c>
      <c r="HE21" s="330">
        <v>0</v>
      </c>
      <c r="HF21" s="334"/>
      <c r="HG21" s="329">
        <v>0</v>
      </c>
      <c r="HH21" s="329">
        <v>0</v>
      </c>
      <c r="HI21" s="329">
        <v>0</v>
      </c>
      <c r="HJ21" s="329">
        <v>0</v>
      </c>
      <c r="HK21" s="329">
        <v>0</v>
      </c>
      <c r="HL21" s="332">
        <v>0</v>
      </c>
      <c r="HM21" s="333">
        <v>0</v>
      </c>
      <c r="HN21" s="328">
        <v>22420</v>
      </c>
      <c r="HO21" s="329">
        <v>0</v>
      </c>
      <c r="HP21" s="330">
        <v>22420</v>
      </c>
      <c r="HQ21" s="331">
        <v>0</v>
      </c>
      <c r="HR21" s="329">
        <v>554646</v>
      </c>
      <c r="HS21" s="329">
        <v>848547</v>
      </c>
      <c r="HT21" s="329">
        <v>5245650</v>
      </c>
      <c r="HU21" s="329">
        <v>8083084</v>
      </c>
      <c r="HV21" s="329">
        <v>5345596</v>
      </c>
      <c r="HW21" s="332">
        <v>20077523</v>
      </c>
      <c r="HX21" s="333">
        <v>20099943</v>
      </c>
    </row>
    <row r="22" spans="1:232" ht="16.5" customHeight="1" x14ac:dyDescent="0.2">
      <c r="A22" s="326" t="s">
        <v>19</v>
      </c>
      <c r="B22" s="328">
        <v>0</v>
      </c>
      <c r="C22" s="329">
        <v>0</v>
      </c>
      <c r="D22" s="330">
        <v>0</v>
      </c>
      <c r="E22" s="331">
        <v>0</v>
      </c>
      <c r="F22" s="329">
        <v>168250</v>
      </c>
      <c r="G22" s="329">
        <v>483555</v>
      </c>
      <c r="H22" s="329">
        <v>1630905</v>
      </c>
      <c r="I22" s="329">
        <v>1444476</v>
      </c>
      <c r="J22" s="329">
        <v>1137590</v>
      </c>
      <c r="K22" s="332">
        <v>4864776</v>
      </c>
      <c r="L22" s="333">
        <v>4864776</v>
      </c>
      <c r="M22" s="328">
        <v>0</v>
      </c>
      <c r="N22" s="329">
        <v>0</v>
      </c>
      <c r="O22" s="330">
        <v>0</v>
      </c>
      <c r="P22" s="334"/>
      <c r="Q22" s="329">
        <v>16880</v>
      </c>
      <c r="R22" s="329">
        <v>43245</v>
      </c>
      <c r="S22" s="329">
        <v>1104800</v>
      </c>
      <c r="T22" s="329">
        <v>1146929</v>
      </c>
      <c r="U22" s="329">
        <v>771320</v>
      </c>
      <c r="V22" s="332">
        <v>3083174</v>
      </c>
      <c r="W22" s="333">
        <v>3083174</v>
      </c>
      <c r="X22" s="328">
        <v>0</v>
      </c>
      <c r="Y22" s="329">
        <v>0</v>
      </c>
      <c r="Z22" s="330">
        <v>0</v>
      </c>
      <c r="AA22" s="334"/>
      <c r="AB22" s="329">
        <v>101515</v>
      </c>
      <c r="AC22" s="329">
        <v>296980</v>
      </c>
      <c r="AD22" s="329">
        <v>433095</v>
      </c>
      <c r="AE22" s="329">
        <v>268357</v>
      </c>
      <c r="AF22" s="329">
        <v>234165</v>
      </c>
      <c r="AG22" s="332">
        <v>1334112</v>
      </c>
      <c r="AH22" s="333">
        <v>1334112</v>
      </c>
      <c r="AI22" s="328">
        <v>0</v>
      </c>
      <c r="AJ22" s="329">
        <v>0</v>
      </c>
      <c r="AK22" s="330">
        <v>0</v>
      </c>
      <c r="AL22" s="334"/>
      <c r="AM22" s="329">
        <v>0</v>
      </c>
      <c r="AN22" s="329">
        <v>0</v>
      </c>
      <c r="AO22" s="329">
        <v>0</v>
      </c>
      <c r="AP22" s="329">
        <v>1055</v>
      </c>
      <c r="AQ22" s="329">
        <v>0</v>
      </c>
      <c r="AR22" s="332">
        <v>1055</v>
      </c>
      <c r="AS22" s="333">
        <v>1055</v>
      </c>
      <c r="AT22" s="328">
        <v>0</v>
      </c>
      <c r="AU22" s="329">
        <v>0</v>
      </c>
      <c r="AV22" s="330">
        <v>0</v>
      </c>
      <c r="AW22" s="334"/>
      <c r="AX22" s="329">
        <v>0</v>
      </c>
      <c r="AY22" s="329">
        <v>0</v>
      </c>
      <c r="AZ22" s="329">
        <v>0</v>
      </c>
      <c r="BA22" s="329">
        <v>0</v>
      </c>
      <c r="BB22" s="329">
        <v>57350</v>
      </c>
      <c r="BC22" s="332">
        <v>57350</v>
      </c>
      <c r="BD22" s="333">
        <v>57350</v>
      </c>
      <c r="BE22" s="328">
        <v>0</v>
      </c>
      <c r="BF22" s="329">
        <v>0</v>
      </c>
      <c r="BG22" s="330">
        <v>0</v>
      </c>
      <c r="BH22" s="334"/>
      <c r="BI22" s="329">
        <v>0</v>
      </c>
      <c r="BJ22" s="329">
        <v>0</v>
      </c>
      <c r="BK22" s="329">
        <v>0</v>
      </c>
      <c r="BL22" s="329">
        <v>0</v>
      </c>
      <c r="BM22" s="329">
        <v>0</v>
      </c>
      <c r="BN22" s="332">
        <v>0</v>
      </c>
      <c r="BO22" s="333">
        <v>0</v>
      </c>
      <c r="BP22" s="328">
        <v>0</v>
      </c>
      <c r="BQ22" s="329">
        <v>0</v>
      </c>
      <c r="BR22" s="330">
        <v>0</v>
      </c>
      <c r="BS22" s="331">
        <v>0</v>
      </c>
      <c r="BT22" s="329">
        <v>46990</v>
      </c>
      <c r="BU22" s="329">
        <v>141300</v>
      </c>
      <c r="BV22" s="329">
        <v>93010</v>
      </c>
      <c r="BW22" s="329">
        <v>27120</v>
      </c>
      <c r="BX22" s="329">
        <v>71075</v>
      </c>
      <c r="BY22" s="332">
        <v>379495</v>
      </c>
      <c r="BZ22" s="333">
        <v>379495</v>
      </c>
      <c r="CA22" s="328">
        <v>0</v>
      </c>
      <c r="CB22" s="329">
        <v>0</v>
      </c>
      <c r="CC22" s="330">
        <v>0</v>
      </c>
      <c r="CD22" s="331">
        <v>0</v>
      </c>
      <c r="CE22" s="329">
        <v>2865</v>
      </c>
      <c r="CF22" s="329">
        <v>2030</v>
      </c>
      <c r="CG22" s="329">
        <v>0</v>
      </c>
      <c r="CH22" s="329">
        <v>1015</v>
      </c>
      <c r="CI22" s="329">
        <v>3680</v>
      </c>
      <c r="CJ22" s="332">
        <v>9590</v>
      </c>
      <c r="CK22" s="333">
        <v>9590</v>
      </c>
      <c r="CL22" s="328">
        <v>0</v>
      </c>
      <c r="CM22" s="329">
        <v>0</v>
      </c>
      <c r="CN22" s="330">
        <v>0</v>
      </c>
      <c r="CO22" s="331">
        <v>0</v>
      </c>
      <c r="CP22" s="329">
        <v>0</v>
      </c>
      <c r="CQ22" s="329">
        <v>0</v>
      </c>
      <c r="CR22" s="329">
        <v>0</v>
      </c>
      <c r="CS22" s="329">
        <v>0</v>
      </c>
      <c r="CT22" s="329">
        <v>0</v>
      </c>
      <c r="CU22" s="332">
        <v>0</v>
      </c>
      <c r="CV22" s="333">
        <v>0</v>
      </c>
      <c r="CW22" s="328">
        <v>0</v>
      </c>
      <c r="CX22" s="329">
        <v>0</v>
      </c>
      <c r="CY22" s="330">
        <v>0</v>
      </c>
      <c r="CZ22" s="334"/>
      <c r="DA22" s="329">
        <v>0</v>
      </c>
      <c r="DB22" s="329">
        <v>0</v>
      </c>
      <c r="DC22" s="329">
        <v>0</v>
      </c>
      <c r="DD22" s="329">
        <v>0</v>
      </c>
      <c r="DE22" s="329">
        <v>0</v>
      </c>
      <c r="DF22" s="332">
        <v>0</v>
      </c>
      <c r="DG22" s="333">
        <v>0</v>
      </c>
      <c r="DH22" s="328">
        <v>0</v>
      </c>
      <c r="DI22" s="329">
        <v>0</v>
      </c>
      <c r="DJ22" s="330">
        <v>0</v>
      </c>
      <c r="DK22" s="331">
        <v>0</v>
      </c>
      <c r="DL22" s="329">
        <v>93406</v>
      </c>
      <c r="DM22" s="329">
        <v>281963</v>
      </c>
      <c r="DN22" s="329">
        <v>1552916</v>
      </c>
      <c r="DO22" s="329">
        <v>1560681</v>
      </c>
      <c r="DP22" s="329">
        <v>1177581</v>
      </c>
      <c r="DQ22" s="332">
        <v>4666547</v>
      </c>
      <c r="DR22" s="335">
        <v>4666547</v>
      </c>
      <c r="DS22" s="328">
        <v>0</v>
      </c>
      <c r="DT22" s="329">
        <v>0</v>
      </c>
      <c r="DU22" s="330">
        <v>0</v>
      </c>
      <c r="DV22" s="334"/>
      <c r="DW22" s="329">
        <v>27278</v>
      </c>
      <c r="DX22" s="329">
        <v>90644</v>
      </c>
      <c r="DY22" s="329">
        <v>1346965</v>
      </c>
      <c r="DZ22" s="329">
        <v>1465042</v>
      </c>
      <c r="EA22" s="329">
        <v>1042619</v>
      </c>
      <c r="EB22" s="332">
        <v>3972548</v>
      </c>
      <c r="EC22" s="333">
        <v>3972548</v>
      </c>
      <c r="ED22" s="328">
        <v>0</v>
      </c>
      <c r="EE22" s="329">
        <v>0</v>
      </c>
      <c r="EF22" s="330">
        <v>0</v>
      </c>
      <c r="EG22" s="334"/>
      <c r="EH22" s="329">
        <v>16352</v>
      </c>
      <c r="EI22" s="329">
        <v>48763</v>
      </c>
      <c r="EJ22" s="329">
        <v>108987</v>
      </c>
      <c r="EK22" s="329">
        <v>29203</v>
      </c>
      <c r="EL22" s="329">
        <v>36818</v>
      </c>
      <c r="EM22" s="332">
        <v>240123</v>
      </c>
      <c r="EN22" s="333">
        <v>240123</v>
      </c>
      <c r="EO22" s="328">
        <v>0</v>
      </c>
      <c r="EP22" s="329">
        <v>0</v>
      </c>
      <c r="EQ22" s="330">
        <v>0</v>
      </c>
      <c r="ER22" s="334"/>
      <c r="ES22" s="329">
        <v>0</v>
      </c>
      <c r="ET22" s="329">
        <v>0</v>
      </c>
      <c r="EU22" s="329">
        <v>0</v>
      </c>
      <c r="EV22" s="329">
        <v>14</v>
      </c>
      <c r="EW22" s="329">
        <v>0</v>
      </c>
      <c r="EX22" s="332">
        <v>14</v>
      </c>
      <c r="EY22" s="333">
        <v>14</v>
      </c>
      <c r="EZ22" s="328">
        <v>0</v>
      </c>
      <c r="FA22" s="329">
        <v>0</v>
      </c>
      <c r="FB22" s="330">
        <v>0</v>
      </c>
      <c r="FC22" s="334"/>
      <c r="FD22" s="329">
        <v>0</v>
      </c>
      <c r="FE22" s="329">
        <v>0</v>
      </c>
      <c r="FF22" s="329">
        <v>0</v>
      </c>
      <c r="FG22" s="329">
        <v>0</v>
      </c>
      <c r="FH22" s="329">
        <v>434</v>
      </c>
      <c r="FI22" s="332">
        <v>434</v>
      </c>
      <c r="FJ22" s="333">
        <v>434</v>
      </c>
      <c r="FK22" s="328">
        <v>0</v>
      </c>
      <c r="FL22" s="329">
        <v>0</v>
      </c>
      <c r="FM22" s="330">
        <v>0</v>
      </c>
      <c r="FN22" s="334"/>
      <c r="FO22" s="329">
        <v>0</v>
      </c>
      <c r="FP22" s="329">
        <v>0</v>
      </c>
      <c r="FQ22" s="329">
        <v>0</v>
      </c>
      <c r="FR22" s="329">
        <v>0</v>
      </c>
      <c r="FS22" s="329">
        <v>0</v>
      </c>
      <c r="FT22" s="332">
        <v>0</v>
      </c>
      <c r="FU22" s="333">
        <v>0</v>
      </c>
      <c r="FV22" s="328">
        <v>0</v>
      </c>
      <c r="FW22" s="329">
        <v>0</v>
      </c>
      <c r="FX22" s="330">
        <v>0</v>
      </c>
      <c r="FY22" s="331">
        <v>0</v>
      </c>
      <c r="FZ22" s="329">
        <v>45122</v>
      </c>
      <c r="GA22" s="329">
        <v>135396</v>
      </c>
      <c r="GB22" s="329">
        <v>96964</v>
      </c>
      <c r="GC22" s="329">
        <v>60694</v>
      </c>
      <c r="GD22" s="329">
        <v>96510</v>
      </c>
      <c r="GE22" s="332">
        <v>434686</v>
      </c>
      <c r="GF22" s="333">
        <v>434686</v>
      </c>
      <c r="GG22" s="328">
        <v>0</v>
      </c>
      <c r="GH22" s="329">
        <v>0</v>
      </c>
      <c r="GI22" s="330">
        <v>0</v>
      </c>
      <c r="GJ22" s="331">
        <v>0</v>
      </c>
      <c r="GK22" s="329">
        <v>4654</v>
      </c>
      <c r="GL22" s="329">
        <v>7160</v>
      </c>
      <c r="GM22" s="329">
        <v>0</v>
      </c>
      <c r="GN22" s="329">
        <v>5728</v>
      </c>
      <c r="GO22" s="329">
        <v>1200</v>
      </c>
      <c r="GP22" s="332">
        <v>18742</v>
      </c>
      <c r="GQ22" s="333">
        <v>18742</v>
      </c>
      <c r="GR22" s="328">
        <v>0</v>
      </c>
      <c r="GS22" s="329">
        <v>0</v>
      </c>
      <c r="GT22" s="330">
        <v>0</v>
      </c>
      <c r="GU22" s="331">
        <v>0</v>
      </c>
      <c r="GV22" s="329">
        <v>0</v>
      </c>
      <c r="GW22" s="329">
        <v>0</v>
      </c>
      <c r="GX22" s="329">
        <v>0</v>
      </c>
      <c r="GY22" s="329">
        <v>0</v>
      </c>
      <c r="GZ22" s="329">
        <v>0</v>
      </c>
      <c r="HA22" s="332">
        <v>0</v>
      </c>
      <c r="HB22" s="333">
        <v>0</v>
      </c>
      <c r="HC22" s="328">
        <v>0</v>
      </c>
      <c r="HD22" s="329">
        <v>0</v>
      </c>
      <c r="HE22" s="330">
        <v>0</v>
      </c>
      <c r="HF22" s="334"/>
      <c r="HG22" s="329">
        <v>0</v>
      </c>
      <c r="HH22" s="329">
        <v>0</v>
      </c>
      <c r="HI22" s="329">
        <v>0</v>
      </c>
      <c r="HJ22" s="329">
        <v>0</v>
      </c>
      <c r="HK22" s="329">
        <v>0</v>
      </c>
      <c r="HL22" s="332">
        <v>0</v>
      </c>
      <c r="HM22" s="333">
        <v>0</v>
      </c>
      <c r="HN22" s="328">
        <v>0</v>
      </c>
      <c r="HO22" s="329">
        <v>0</v>
      </c>
      <c r="HP22" s="330">
        <v>0</v>
      </c>
      <c r="HQ22" s="331">
        <v>0</v>
      </c>
      <c r="HR22" s="329">
        <v>261656</v>
      </c>
      <c r="HS22" s="329">
        <v>765518</v>
      </c>
      <c r="HT22" s="329">
        <v>3183821</v>
      </c>
      <c r="HU22" s="329">
        <v>3005157</v>
      </c>
      <c r="HV22" s="329">
        <v>2315171</v>
      </c>
      <c r="HW22" s="332">
        <v>9531323</v>
      </c>
      <c r="HX22" s="333">
        <v>9531323</v>
      </c>
    </row>
    <row r="23" spans="1:232" ht="16.5" customHeight="1" x14ac:dyDescent="0.2">
      <c r="A23" s="326" t="s">
        <v>20</v>
      </c>
      <c r="B23" s="328">
        <v>0</v>
      </c>
      <c r="C23" s="329">
        <v>3435</v>
      </c>
      <c r="D23" s="330">
        <v>3435</v>
      </c>
      <c r="E23" s="331">
        <v>0</v>
      </c>
      <c r="F23" s="329">
        <v>192190</v>
      </c>
      <c r="G23" s="329">
        <v>281818</v>
      </c>
      <c r="H23" s="329">
        <v>1331450</v>
      </c>
      <c r="I23" s="329">
        <v>1634730</v>
      </c>
      <c r="J23" s="329">
        <v>850714</v>
      </c>
      <c r="K23" s="332">
        <v>4290902</v>
      </c>
      <c r="L23" s="333">
        <v>4294337</v>
      </c>
      <c r="M23" s="328">
        <v>0</v>
      </c>
      <c r="N23" s="329">
        <v>0</v>
      </c>
      <c r="O23" s="330">
        <v>0</v>
      </c>
      <c r="P23" s="334"/>
      <c r="Q23" s="329">
        <v>54475</v>
      </c>
      <c r="R23" s="329">
        <v>162975</v>
      </c>
      <c r="S23" s="329">
        <v>1094030</v>
      </c>
      <c r="T23" s="329">
        <v>1391795</v>
      </c>
      <c r="U23" s="329">
        <v>651034</v>
      </c>
      <c r="V23" s="332">
        <v>3354309</v>
      </c>
      <c r="W23" s="333">
        <v>3354309</v>
      </c>
      <c r="X23" s="328">
        <v>0</v>
      </c>
      <c r="Y23" s="329">
        <v>0</v>
      </c>
      <c r="Z23" s="330">
        <v>0</v>
      </c>
      <c r="AA23" s="334"/>
      <c r="AB23" s="329">
        <v>95325</v>
      </c>
      <c r="AC23" s="329">
        <v>105865</v>
      </c>
      <c r="AD23" s="329">
        <v>194405</v>
      </c>
      <c r="AE23" s="329">
        <v>183095</v>
      </c>
      <c r="AF23" s="329">
        <v>79205</v>
      </c>
      <c r="AG23" s="332">
        <v>657895</v>
      </c>
      <c r="AH23" s="333">
        <v>657895</v>
      </c>
      <c r="AI23" s="328">
        <v>0</v>
      </c>
      <c r="AJ23" s="329">
        <v>0</v>
      </c>
      <c r="AK23" s="330">
        <v>0</v>
      </c>
      <c r="AL23" s="334"/>
      <c r="AM23" s="329">
        <v>0</v>
      </c>
      <c r="AN23" s="329">
        <v>0</v>
      </c>
      <c r="AO23" s="329">
        <v>0</v>
      </c>
      <c r="AP23" s="329">
        <v>0</v>
      </c>
      <c r="AQ23" s="329">
        <v>0</v>
      </c>
      <c r="AR23" s="332">
        <v>0</v>
      </c>
      <c r="AS23" s="333">
        <v>0</v>
      </c>
      <c r="AT23" s="328">
        <v>0</v>
      </c>
      <c r="AU23" s="329">
        <v>0</v>
      </c>
      <c r="AV23" s="330">
        <v>0</v>
      </c>
      <c r="AW23" s="334"/>
      <c r="AX23" s="329">
        <v>0</v>
      </c>
      <c r="AY23" s="329">
        <v>0</v>
      </c>
      <c r="AZ23" s="329">
        <v>595</v>
      </c>
      <c r="BA23" s="329">
        <v>0</v>
      </c>
      <c r="BB23" s="329">
        <v>2550</v>
      </c>
      <c r="BC23" s="332">
        <v>3145</v>
      </c>
      <c r="BD23" s="333">
        <v>3145</v>
      </c>
      <c r="BE23" s="328">
        <v>0</v>
      </c>
      <c r="BF23" s="329">
        <v>0</v>
      </c>
      <c r="BG23" s="330">
        <v>0</v>
      </c>
      <c r="BH23" s="334"/>
      <c r="BI23" s="329">
        <v>0</v>
      </c>
      <c r="BJ23" s="329">
        <v>0</v>
      </c>
      <c r="BK23" s="329">
        <v>0</v>
      </c>
      <c r="BL23" s="329">
        <v>0</v>
      </c>
      <c r="BM23" s="329">
        <v>0</v>
      </c>
      <c r="BN23" s="332">
        <v>0</v>
      </c>
      <c r="BO23" s="333">
        <v>0</v>
      </c>
      <c r="BP23" s="328">
        <v>0</v>
      </c>
      <c r="BQ23" s="329">
        <v>0</v>
      </c>
      <c r="BR23" s="330">
        <v>0</v>
      </c>
      <c r="BS23" s="331">
        <v>0</v>
      </c>
      <c r="BT23" s="329">
        <v>40805</v>
      </c>
      <c r="BU23" s="329">
        <v>12398</v>
      </c>
      <c r="BV23" s="329">
        <v>39230</v>
      </c>
      <c r="BW23" s="329">
        <v>55335</v>
      </c>
      <c r="BX23" s="329">
        <v>117925</v>
      </c>
      <c r="BY23" s="332">
        <v>265693</v>
      </c>
      <c r="BZ23" s="333">
        <v>265693</v>
      </c>
      <c r="CA23" s="328">
        <v>0</v>
      </c>
      <c r="CB23" s="329">
        <v>3435</v>
      </c>
      <c r="CC23" s="330">
        <v>3435</v>
      </c>
      <c r="CD23" s="331">
        <v>0</v>
      </c>
      <c r="CE23" s="329">
        <v>1585</v>
      </c>
      <c r="CF23" s="329">
        <v>580</v>
      </c>
      <c r="CG23" s="329">
        <v>3190</v>
      </c>
      <c r="CH23" s="329">
        <v>4505</v>
      </c>
      <c r="CI23" s="329">
        <v>0</v>
      </c>
      <c r="CJ23" s="332">
        <v>9860</v>
      </c>
      <c r="CK23" s="333">
        <v>13295</v>
      </c>
      <c r="CL23" s="328">
        <v>0</v>
      </c>
      <c r="CM23" s="329">
        <v>0</v>
      </c>
      <c r="CN23" s="330">
        <v>0</v>
      </c>
      <c r="CO23" s="331">
        <v>0</v>
      </c>
      <c r="CP23" s="329">
        <v>0</v>
      </c>
      <c r="CQ23" s="329">
        <v>0</v>
      </c>
      <c r="CR23" s="329">
        <v>0</v>
      </c>
      <c r="CS23" s="329">
        <v>0</v>
      </c>
      <c r="CT23" s="329">
        <v>0</v>
      </c>
      <c r="CU23" s="332">
        <v>0</v>
      </c>
      <c r="CV23" s="333">
        <v>0</v>
      </c>
      <c r="CW23" s="328">
        <v>0</v>
      </c>
      <c r="CX23" s="329">
        <v>0</v>
      </c>
      <c r="CY23" s="330">
        <v>0</v>
      </c>
      <c r="CZ23" s="334"/>
      <c r="DA23" s="329">
        <v>0</v>
      </c>
      <c r="DB23" s="329">
        <v>0</v>
      </c>
      <c r="DC23" s="329">
        <v>0</v>
      </c>
      <c r="DD23" s="329">
        <v>0</v>
      </c>
      <c r="DE23" s="329">
        <v>0</v>
      </c>
      <c r="DF23" s="332">
        <v>0</v>
      </c>
      <c r="DG23" s="333">
        <v>0</v>
      </c>
      <c r="DH23" s="328">
        <v>0</v>
      </c>
      <c r="DI23" s="329">
        <v>1131</v>
      </c>
      <c r="DJ23" s="330">
        <v>1131</v>
      </c>
      <c r="DK23" s="331">
        <v>0</v>
      </c>
      <c r="DL23" s="329">
        <v>154821</v>
      </c>
      <c r="DM23" s="329">
        <v>423888</v>
      </c>
      <c r="DN23" s="329">
        <v>2004761</v>
      </c>
      <c r="DO23" s="329">
        <v>2271144</v>
      </c>
      <c r="DP23" s="329">
        <v>1122687</v>
      </c>
      <c r="DQ23" s="332">
        <v>5977301</v>
      </c>
      <c r="DR23" s="335">
        <v>5978432</v>
      </c>
      <c r="DS23" s="328">
        <v>0</v>
      </c>
      <c r="DT23" s="329">
        <v>0</v>
      </c>
      <c r="DU23" s="330">
        <v>0</v>
      </c>
      <c r="DV23" s="334"/>
      <c r="DW23" s="329">
        <v>77717</v>
      </c>
      <c r="DX23" s="329">
        <v>315208</v>
      </c>
      <c r="DY23" s="329">
        <v>1685367</v>
      </c>
      <c r="DZ23" s="329">
        <v>2114161</v>
      </c>
      <c r="EA23" s="329">
        <v>946381</v>
      </c>
      <c r="EB23" s="332">
        <v>5138834</v>
      </c>
      <c r="EC23" s="333">
        <v>5138834</v>
      </c>
      <c r="ED23" s="328">
        <v>0</v>
      </c>
      <c r="EE23" s="329">
        <v>0</v>
      </c>
      <c r="EF23" s="330">
        <v>0</v>
      </c>
      <c r="EG23" s="334"/>
      <c r="EH23" s="329">
        <v>1085</v>
      </c>
      <c r="EI23" s="329">
        <v>13640</v>
      </c>
      <c r="EJ23" s="329">
        <v>35694</v>
      </c>
      <c r="EK23" s="329">
        <v>22665</v>
      </c>
      <c r="EL23" s="329">
        <v>1085</v>
      </c>
      <c r="EM23" s="332">
        <v>74169</v>
      </c>
      <c r="EN23" s="333">
        <v>74169</v>
      </c>
      <c r="EO23" s="328">
        <v>0</v>
      </c>
      <c r="EP23" s="329">
        <v>0</v>
      </c>
      <c r="EQ23" s="330">
        <v>0</v>
      </c>
      <c r="ER23" s="334"/>
      <c r="ES23" s="329">
        <v>0</v>
      </c>
      <c r="ET23" s="329">
        <v>0</v>
      </c>
      <c r="EU23" s="329">
        <v>0</v>
      </c>
      <c r="EV23" s="329">
        <v>0</v>
      </c>
      <c r="EW23" s="329">
        <v>0</v>
      </c>
      <c r="EX23" s="332">
        <v>0</v>
      </c>
      <c r="EY23" s="333">
        <v>0</v>
      </c>
      <c r="EZ23" s="328">
        <v>0</v>
      </c>
      <c r="FA23" s="329">
        <v>0</v>
      </c>
      <c r="FB23" s="330">
        <v>0</v>
      </c>
      <c r="FC23" s="334"/>
      <c r="FD23" s="329">
        <v>0</v>
      </c>
      <c r="FE23" s="329">
        <v>0</v>
      </c>
      <c r="FF23" s="329">
        <v>49</v>
      </c>
      <c r="FG23" s="329">
        <v>0</v>
      </c>
      <c r="FH23" s="329">
        <v>217</v>
      </c>
      <c r="FI23" s="332">
        <v>266</v>
      </c>
      <c r="FJ23" s="333">
        <v>266</v>
      </c>
      <c r="FK23" s="328">
        <v>0</v>
      </c>
      <c r="FL23" s="329">
        <v>0</v>
      </c>
      <c r="FM23" s="330">
        <v>0</v>
      </c>
      <c r="FN23" s="334"/>
      <c r="FO23" s="329">
        <v>0</v>
      </c>
      <c r="FP23" s="329">
        <v>0</v>
      </c>
      <c r="FQ23" s="329">
        <v>0</v>
      </c>
      <c r="FR23" s="329">
        <v>0</v>
      </c>
      <c r="FS23" s="329">
        <v>0</v>
      </c>
      <c r="FT23" s="332">
        <v>0</v>
      </c>
      <c r="FU23" s="333">
        <v>0</v>
      </c>
      <c r="FV23" s="328">
        <v>0</v>
      </c>
      <c r="FW23" s="329">
        <v>0</v>
      </c>
      <c r="FX23" s="330">
        <v>0</v>
      </c>
      <c r="FY23" s="331">
        <v>0</v>
      </c>
      <c r="FZ23" s="329">
        <v>74587</v>
      </c>
      <c r="GA23" s="329">
        <v>92892</v>
      </c>
      <c r="GB23" s="329">
        <v>277502</v>
      </c>
      <c r="GC23" s="329">
        <v>130380</v>
      </c>
      <c r="GD23" s="329">
        <v>175004</v>
      </c>
      <c r="GE23" s="332">
        <v>750365</v>
      </c>
      <c r="GF23" s="333">
        <v>750365</v>
      </c>
      <c r="GG23" s="328">
        <v>0</v>
      </c>
      <c r="GH23" s="329">
        <v>1131</v>
      </c>
      <c r="GI23" s="330">
        <v>1131</v>
      </c>
      <c r="GJ23" s="331">
        <v>0</v>
      </c>
      <c r="GK23" s="329">
        <v>1432</v>
      </c>
      <c r="GL23" s="329">
        <v>2148</v>
      </c>
      <c r="GM23" s="329">
        <v>6149</v>
      </c>
      <c r="GN23" s="329">
        <v>3938</v>
      </c>
      <c r="GO23" s="329">
        <v>0</v>
      </c>
      <c r="GP23" s="332">
        <v>13667</v>
      </c>
      <c r="GQ23" s="333">
        <v>14798</v>
      </c>
      <c r="GR23" s="328">
        <v>0</v>
      </c>
      <c r="GS23" s="329">
        <v>0</v>
      </c>
      <c r="GT23" s="330">
        <v>0</v>
      </c>
      <c r="GU23" s="331">
        <v>0</v>
      </c>
      <c r="GV23" s="329">
        <v>0</v>
      </c>
      <c r="GW23" s="329">
        <v>0</v>
      </c>
      <c r="GX23" s="329">
        <v>0</v>
      </c>
      <c r="GY23" s="329">
        <v>0</v>
      </c>
      <c r="GZ23" s="329">
        <v>0</v>
      </c>
      <c r="HA23" s="332">
        <v>0</v>
      </c>
      <c r="HB23" s="333">
        <v>0</v>
      </c>
      <c r="HC23" s="328">
        <v>0</v>
      </c>
      <c r="HD23" s="329">
        <v>0</v>
      </c>
      <c r="HE23" s="330">
        <v>0</v>
      </c>
      <c r="HF23" s="334"/>
      <c r="HG23" s="329">
        <v>0</v>
      </c>
      <c r="HH23" s="329">
        <v>0</v>
      </c>
      <c r="HI23" s="329">
        <v>0</v>
      </c>
      <c r="HJ23" s="329">
        <v>0</v>
      </c>
      <c r="HK23" s="329">
        <v>0</v>
      </c>
      <c r="HL23" s="332">
        <v>0</v>
      </c>
      <c r="HM23" s="333">
        <v>0</v>
      </c>
      <c r="HN23" s="328">
        <v>0</v>
      </c>
      <c r="HO23" s="329">
        <v>4566</v>
      </c>
      <c r="HP23" s="330">
        <v>4566</v>
      </c>
      <c r="HQ23" s="331">
        <v>0</v>
      </c>
      <c r="HR23" s="329">
        <v>347011</v>
      </c>
      <c r="HS23" s="329">
        <v>705706</v>
      </c>
      <c r="HT23" s="329">
        <v>3336211</v>
      </c>
      <c r="HU23" s="329">
        <v>3905874</v>
      </c>
      <c r="HV23" s="329">
        <v>1973401</v>
      </c>
      <c r="HW23" s="332">
        <v>10268203</v>
      </c>
      <c r="HX23" s="333">
        <v>10272769</v>
      </c>
    </row>
    <row r="24" spans="1:232" ht="16.5" customHeight="1" x14ac:dyDescent="0.2">
      <c r="A24" s="326" t="s">
        <v>21</v>
      </c>
      <c r="B24" s="328">
        <v>0</v>
      </c>
      <c r="C24" s="329">
        <v>0</v>
      </c>
      <c r="D24" s="330">
        <v>0</v>
      </c>
      <c r="E24" s="331">
        <v>0</v>
      </c>
      <c r="F24" s="329">
        <v>154327</v>
      </c>
      <c r="G24" s="329">
        <v>484300</v>
      </c>
      <c r="H24" s="329">
        <v>1714747</v>
      </c>
      <c r="I24" s="329">
        <v>2036969</v>
      </c>
      <c r="J24" s="329">
        <v>1345327</v>
      </c>
      <c r="K24" s="332">
        <v>5735670</v>
      </c>
      <c r="L24" s="333">
        <v>5735670</v>
      </c>
      <c r="M24" s="328">
        <v>0</v>
      </c>
      <c r="N24" s="329">
        <v>0</v>
      </c>
      <c r="O24" s="330">
        <v>0</v>
      </c>
      <c r="P24" s="334"/>
      <c r="Q24" s="329">
        <v>2635</v>
      </c>
      <c r="R24" s="329">
        <v>220875</v>
      </c>
      <c r="S24" s="329">
        <v>1385465</v>
      </c>
      <c r="T24" s="329">
        <v>1443402</v>
      </c>
      <c r="U24" s="329">
        <v>970172</v>
      </c>
      <c r="V24" s="332">
        <v>4022549</v>
      </c>
      <c r="W24" s="333">
        <v>4022549</v>
      </c>
      <c r="X24" s="328">
        <v>0</v>
      </c>
      <c r="Y24" s="329">
        <v>0</v>
      </c>
      <c r="Z24" s="330">
        <v>0</v>
      </c>
      <c r="AA24" s="334"/>
      <c r="AB24" s="329">
        <v>147637</v>
      </c>
      <c r="AC24" s="329">
        <v>222170</v>
      </c>
      <c r="AD24" s="329">
        <v>152775</v>
      </c>
      <c r="AE24" s="329">
        <v>311110</v>
      </c>
      <c r="AF24" s="329">
        <v>231960</v>
      </c>
      <c r="AG24" s="332">
        <v>1065652</v>
      </c>
      <c r="AH24" s="333">
        <v>1065652</v>
      </c>
      <c r="AI24" s="328">
        <v>0</v>
      </c>
      <c r="AJ24" s="329">
        <v>0</v>
      </c>
      <c r="AK24" s="330">
        <v>0</v>
      </c>
      <c r="AL24" s="334"/>
      <c r="AM24" s="329">
        <v>0</v>
      </c>
      <c r="AN24" s="329">
        <v>0</v>
      </c>
      <c r="AO24" s="329">
        <v>2635</v>
      </c>
      <c r="AP24" s="329">
        <v>5270</v>
      </c>
      <c r="AQ24" s="329">
        <v>37975</v>
      </c>
      <c r="AR24" s="332">
        <v>45880</v>
      </c>
      <c r="AS24" s="333">
        <v>45880</v>
      </c>
      <c r="AT24" s="328">
        <v>0</v>
      </c>
      <c r="AU24" s="329">
        <v>0</v>
      </c>
      <c r="AV24" s="330">
        <v>0</v>
      </c>
      <c r="AW24" s="334"/>
      <c r="AX24" s="329">
        <v>0</v>
      </c>
      <c r="AY24" s="329">
        <v>0</v>
      </c>
      <c r="AZ24" s="329">
        <v>35495</v>
      </c>
      <c r="BA24" s="329">
        <v>24645</v>
      </c>
      <c r="BB24" s="329">
        <v>26485</v>
      </c>
      <c r="BC24" s="332">
        <v>86625</v>
      </c>
      <c r="BD24" s="333">
        <v>86625</v>
      </c>
      <c r="BE24" s="328">
        <v>0</v>
      </c>
      <c r="BF24" s="329">
        <v>0</v>
      </c>
      <c r="BG24" s="330">
        <v>0</v>
      </c>
      <c r="BH24" s="334"/>
      <c r="BI24" s="329">
        <v>0</v>
      </c>
      <c r="BJ24" s="329">
        <v>0</v>
      </c>
      <c r="BK24" s="329">
        <v>0</v>
      </c>
      <c r="BL24" s="329">
        <v>0</v>
      </c>
      <c r="BM24" s="329">
        <v>0</v>
      </c>
      <c r="BN24" s="332">
        <v>0</v>
      </c>
      <c r="BO24" s="333">
        <v>0</v>
      </c>
      <c r="BP24" s="328">
        <v>0</v>
      </c>
      <c r="BQ24" s="329">
        <v>0</v>
      </c>
      <c r="BR24" s="330">
        <v>0</v>
      </c>
      <c r="BS24" s="331">
        <v>0</v>
      </c>
      <c r="BT24" s="329">
        <v>4055</v>
      </c>
      <c r="BU24" s="329">
        <v>41255</v>
      </c>
      <c r="BV24" s="329">
        <v>138377</v>
      </c>
      <c r="BW24" s="329">
        <v>252542</v>
      </c>
      <c r="BX24" s="329">
        <v>78735</v>
      </c>
      <c r="BY24" s="332">
        <v>514964</v>
      </c>
      <c r="BZ24" s="333">
        <v>514964</v>
      </c>
      <c r="CA24" s="328">
        <v>0</v>
      </c>
      <c r="CB24" s="329">
        <v>0</v>
      </c>
      <c r="CC24" s="330">
        <v>0</v>
      </c>
      <c r="CD24" s="331">
        <v>0</v>
      </c>
      <c r="CE24" s="329">
        <v>0</v>
      </c>
      <c r="CF24" s="329">
        <v>0</v>
      </c>
      <c r="CG24" s="329">
        <v>0</v>
      </c>
      <c r="CH24" s="329">
        <v>0</v>
      </c>
      <c r="CI24" s="329">
        <v>0</v>
      </c>
      <c r="CJ24" s="332">
        <v>0</v>
      </c>
      <c r="CK24" s="333">
        <v>0</v>
      </c>
      <c r="CL24" s="328">
        <v>0</v>
      </c>
      <c r="CM24" s="329">
        <v>0</v>
      </c>
      <c r="CN24" s="330">
        <v>0</v>
      </c>
      <c r="CO24" s="331">
        <v>0</v>
      </c>
      <c r="CP24" s="329">
        <v>0</v>
      </c>
      <c r="CQ24" s="329">
        <v>0</v>
      </c>
      <c r="CR24" s="329">
        <v>0</v>
      </c>
      <c r="CS24" s="329">
        <v>0</v>
      </c>
      <c r="CT24" s="329">
        <v>0</v>
      </c>
      <c r="CU24" s="332">
        <v>0</v>
      </c>
      <c r="CV24" s="333">
        <v>0</v>
      </c>
      <c r="CW24" s="328">
        <v>0</v>
      </c>
      <c r="CX24" s="329">
        <v>0</v>
      </c>
      <c r="CY24" s="330">
        <v>0</v>
      </c>
      <c r="CZ24" s="334"/>
      <c r="DA24" s="329">
        <v>0</v>
      </c>
      <c r="DB24" s="329">
        <v>0</v>
      </c>
      <c r="DC24" s="329">
        <v>0</v>
      </c>
      <c r="DD24" s="329">
        <v>0</v>
      </c>
      <c r="DE24" s="329">
        <v>0</v>
      </c>
      <c r="DF24" s="332">
        <v>0</v>
      </c>
      <c r="DG24" s="333">
        <v>0</v>
      </c>
      <c r="DH24" s="328">
        <v>0</v>
      </c>
      <c r="DI24" s="329">
        <v>0</v>
      </c>
      <c r="DJ24" s="330">
        <v>0</v>
      </c>
      <c r="DK24" s="331">
        <v>0</v>
      </c>
      <c r="DL24" s="329">
        <v>27694</v>
      </c>
      <c r="DM24" s="329">
        <v>392289</v>
      </c>
      <c r="DN24" s="329">
        <v>1997667</v>
      </c>
      <c r="DO24" s="329">
        <v>2425593</v>
      </c>
      <c r="DP24" s="329">
        <v>1419942</v>
      </c>
      <c r="DQ24" s="332">
        <v>6263185</v>
      </c>
      <c r="DR24" s="335">
        <v>6263185</v>
      </c>
      <c r="DS24" s="328">
        <v>0</v>
      </c>
      <c r="DT24" s="329">
        <v>0</v>
      </c>
      <c r="DU24" s="330">
        <v>0</v>
      </c>
      <c r="DV24" s="334"/>
      <c r="DW24" s="329">
        <v>15035</v>
      </c>
      <c r="DX24" s="329">
        <v>242637</v>
      </c>
      <c r="DY24" s="329">
        <v>1767360</v>
      </c>
      <c r="DZ24" s="329">
        <v>1997211</v>
      </c>
      <c r="EA24" s="329">
        <v>1247580</v>
      </c>
      <c r="EB24" s="332">
        <v>5269823</v>
      </c>
      <c r="EC24" s="333">
        <v>5269823</v>
      </c>
      <c r="ED24" s="328">
        <v>0</v>
      </c>
      <c r="EE24" s="329">
        <v>0</v>
      </c>
      <c r="EF24" s="330">
        <v>0</v>
      </c>
      <c r="EG24" s="334"/>
      <c r="EH24" s="329">
        <v>2219</v>
      </c>
      <c r="EI24" s="329">
        <v>53069</v>
      </c>
      <c r="EJ24" s="329">
        <v>29138</v>
      </c>
      <c r="EK24" s="329">
        <v>38217</v>
      </c>
      <c r="EL24" s="329">
        <v>24633</v>
      </c>
      <c r="EM24" s="332">
        <v>147276</v>
      </c>
      <c r="EN24" s="333">
        <v>147276</v>
      </c>
      <c r="EO24" s="328">
        <v>0</v>
      </c>
      <c r="EP24" s="329">
        <v>0</v>
      </c>
      <c r="EQ24" s="330">
        <v>0</v>
      </c>
      <c r="ER24" s="334"/>
      <c r="ES24" s="329">
        <v>0</v>
      </c>
      <c r="ET24" s="329">
        <v>0</v>
      </c>
      <c r="EU24" s="329">
        <v>217</v>
      </c>
      <c r="EV24" s="329">
        <v>434</v>
      </c>
      <c r="EW24" s="329">
        <v>434</v>
      </c>
      <c r="EX24" s="332">
        <v>1085</v>
      </c>
      <c r="EY24" s="333">
        <v>1085</v>
      </c>
      <c r="EZ24" s="328">
        <v>0</v>
      </c>
      <c r="FA24" s="329">
        <v>0</v>
      </c>
      <c r="FB24" s="330">
        <v>0</v>
      </c>
      <c r="FC24" s="334"/>
      <c r="FD24" s="329">
        <v>0</v>
      </c>
      <c r="FE24" s="329">
        <v>0</v>
      </c>
      <c r="FF24" s="329">
        <v>11687</v>
      </c>
      <c r="FG24" s="329">
        <v>217</v>
      </c>
      <c r="FH24" s="329">
        <v>427</v>
      </c>
      <c r="FI24" s="332">
        <v>12331</v>
      </c>
      <c r="FJ24" s="333">
        <v>12331</v>
      </c>
      <c r="FK24" s="328">
        <v>0</v>
      </c>
      <c r="FL24" s="329">
        <v>0</v>
      </c>
      <c r="FM24" s="330">
        <v>0</v>
      </c>
      <c r="FN24" s="334"/>
      <c r="FO24" s="329">
        <v>0</v>
      </c>
      <c r="FP24" s="329">
        <v>0</v>
      </c>
      <c r="FQ24" s="329">
        <v>0</v>
      </c>
      <c r="FR24" s="329">
        <v>0</v>
      </c>
      <c r="FS24" s="329">
        <v>0</v>
      </c>
      <c r="FT24" s="332">
        <v>0</v>
      </c>
      <c r="FU24" s="333">
        <v>0</v>
      </c>
      <c r="FV24" s="328">
        <v>0</v>
      </c>
      <c r="FW24" s="329">
        <v>0</v>
      </c>
      <c r="FX24" s="330">
        <v>0</v>
      </c>
      <c r="FY24" s="331">
        <v>0</v>
      </c>
      <c r="FZ24" s="329">
        <v>10440</v>
      </c>
      <c r="GA24" s="329">
        <v>96583</v>
      </c>
      <c r="GB24" s="329">
        <v>189265</v>
      </c>
      <c r="GC24" s="329">
        <v>389514</v>
      </c>
      <c r="GD24" s="329">
        <v>146868</v>
      </c>
      <c r="GE24" s="332">
        <v>832670</v>
      </c>
      <c r="GF24" s="333">
        <v>832670</v>
      </c>
      <c r="GG24" s="328">
        <v>0</v>
      </c>
      <c r="GH24" s="329">
        <v>0</v>
      </c>
      <c r="GI24" s="330">
        <v>0</v>
      </c>
      <c r="GJ24" s="331">
        <v>0</v>
      </c>
      <c r="GK24" s="329">
        <v>0</v>
      </c>
      <c r="GL24" s="329">
        <v>0</v>
      </c>
      <c r="GM24" s="329">
        <v>0</v>
      </c>
      <c r="GN24" s="329">
        <v>0</v>
      </c>
      <c r="GO24" s="329">
        <v>0</v>
      </c>
      <c r="GP24" s="332">
        <v>0</v>
      </c>
      <c r="GQ24" s="333">
        <v>0</v>
      </c>
      <c r="GR24" s="328">
        <v>0</v>
      </c>
      <c r="GS24" s="329">
        <v>0</v>
      </c>
      <c r="GT24" s="330">
        <v>0</v>
      </c>
      <c r="GU24" s="331">
        <v>0</v>
      </c>
      <c r="GV24" s="329">
        <v>0</v>
      </c>
      <c r="GW24" s="329">
        <v>0</v>
      </c>
      <c r="GX24" s="329">
        <v>0</v>
      </c>
      <c r="GY24" s="329">
        <v>0</v>
      </c>
      <c r="GZ24" s="329">
        <v>0</v>
      </c>
      <c r="HA24" s="332">
        <v>0</v>
      </c>
      <c r="HB24" s="333">
        <v>0</v>
      </c>
      <c r="HC24" s="328">
        <v>0</v>
      </c>
      <c r="HD24" s="329">
        <v>0</v>
      </c>
      <c r="HE24" s="330">
        <v>0</v>
      </c>
      <c r="HF24" s="334"/>
      <c r="HG24" s="329">
        <v>0</v>
      </c>
      <c r="HH24" s="329">
        <v>0</v>
      </c>
      <c r="HI24" s="329">
        <v>0</v>
      </c>
      <c r="HJ24" s="329">
        <v>0</v>
      </c>
      <c r="HK24" s="329">
        <v>0</v>
      </c>
      <c r="HL24" s="332">
        <v>0</v>
      </c>
      <c r="HM24" s="333">
        <v>0</v>
      </c>
      <c r="HN24" s="328">
        <v>0</v>
      </c>
      <c r="HO24" s="329">
        <v>0</v>
      </c>
      <c r="HP24" s="330">
        <v>0</v>
      </c>
      <c r="HQ24" s="331">
        <v>0</v>
      </c>
      <c r="HR24" s="329">
        <v>182021</v>
      </c>
      <c r="HS24" s="329">
        <v>876589</v>
      </c>
      <c r="HT24" s="329">
        <v>3712414</v>
      </c>
      <c r="HU24" s="329">
        <v>4462562</v>
      </c>
      <c r="HV24" s="329">
        <v>2765269</v>
      </c>
      <c r="HW24" s="332">
        <v>11998855</v>
      </c>
      <c r="HX24" s="333">
        <v>11998855</v>
      </c>
    </row>
    <row r="25" spans="1:232" ht="16.5" customHeight="1" x14ac:dyDescent="0.2">
      <c r="A25" s="326" t="s">
        <v>22</v>
      </c>
      <c r="B25" s="328">
        <v>0</v>
      </c>
      <c r="C25" s="329">
        <v>0</v>
      </c>
      <c r="D25" s="330">
        <v>0</v>
      </c>
      <c r="E25" s="331">
        <v>0</v>
      </c>
      <c r="F25" s="329">
        <v>62190</v>
      </c>
      <c r="G25" s="329">
        <v>383224</v>
      </c>
      <c r="H25" s="329">
        <v>778091</v>
      </c>
      <c r="I25" s="329">
        <v>949330</v>
      </c>
      <c r="J25" s="329">
        <v>605410</v>
      </c>
      <c r="K25" s="332">
        <v>2778245</v>
      </c>
      <c r="L25" s="333">
        <v>2778245</v>
      </c>
      <c r="M25" s="328">
        <v>0</v>
      </c>
      <c r="N25" s="329">
        <v>0</v>
      </c>
      <c r="O25" s="330">
        <v>0</v>
      </c>
      <c r="P25" s="334"/>
      <c r="Q25" s="329">
        <v>0</v>
      </c>
      <c r="R25" s="329">
        <v>91105</v>
      </c>
      <c r="S25" s="329">
        <v>607561</v>
      </c>
      <c r="T25" s="329">
        <v>629001</v>
      </c>
      <c r="U25" s="329">
        <v>299515</v>
      </c>
      <c r="V25" s="332">
        <v>1627182</v>
      </c>
      <c r="W25" s="333">
        <v>1627182</v>
      </c>
      <c r="X25" s="328">
        <v>0</v>
      </c>
      <c r="Y25" s="329">
        <v>0</v>
      </c>
      <c r="Z25" s="330">
        <v>0</v>
      </c>
      <c r="AA25" s="334"/>
      <c r="AB25" s="329">
        <v>41175</v>
      </c>
      <c r="AC25" s="329">
        <v>294345</v>
      </c>
      <c r="AD25" s="329">
        <v>117370</v>
      </c>
      <c r="AE25" s="329">
        <v>165850</v>
      </c>
      <c r="AF25" s="329">
        <v>230845</v>
      </c>
      <c r="AG25" s="332">
        <v>849585</v>
      </c>
      <c r="AH25" s="333">
        <v>849585</v>
      </c>
      <c r="AI25" s="328">
        <v>0</v>
      </c>
      <c r="AJ25" s="329">
        <v>0</v>
      </c>
      <c r="AK25" s="330">
        <v>0</v>
      </c>
      <c r="AL25" s="334"/>
      <c r="AM25" s="329">
        <v>0</v>
      </c>
      <c r="AN25" s="329">
        <v>0</v>
      </c>
      <c r="AO25" s="329">
        <v>0</v>
      </c>
      <c r="AP25" s="329">
        <v>0</v>
      </c>
      <c r="AQ25" s="329">
        <v>27280</v>
      </c>
      <c r="AR25" s="332">
        <v>27280</v>
      </c>
      <c r="AS25" s="333">
        <v>27280</v>
      </c>
      <c r="AT25" s="328">
        <v>0</v>
      </c>
      <c r="AU25" s="329">
        <v>0</v>
      </c>
      <c r="AV25" s="330">
        <v>0</v>
      </c>
      <c r="AW25" s="334"/>
      <c r="AX25" s="329">
        <v>0</v>
      </c>
      <c r="AY25" s="329">
        <v>0</v>
      </c>
      <c r="AZ25" s="329">
        <v>0</v>
      </c>
      <c r="BA25" s="329">
        <v>20570</v>
      </c>
      <c r="BB25" s="329">
        <v>24645</v>
      </c>
      <c r="BC25" s="332">
        <v>45215</v>
      </c>
      <c r="BD25" s="333">
        <v>45215</v>
      </c>
      <c r="BE25" s="328">
        <v>0</v>
      </c>
      <c r="BF25" s="329">
        <v>0</v>
      </c>
      <c r="BG25" s="330">
        <v>0</v>
      </c>
      <c r="BH25" s="334"/>
      <c r="BI25" s="329">
        <v>0</v>
      </c>
      <c r="BJ25" s="329">
        <v>0</v>
      </c>
      <c r="BK25" s="329">
        <v>0</v>
      </c>
      <c r="BL25" s="329">
        <v>120640</v>
      </c>
      <c r="BM25" s="329">
        <v>5270</v>
      </c>
      <c r="BN25" s="332">
        <v>125910</v>
      </c>
      <c r="BO25" s="333">
        <v>125910</v>
      </c>
      <c r="BP25" s="328">
        <v>0</v>
      </c>
      <c r="BQ25" s="329">
        <v>0</v>
      </c>
      <c r="BR25" s="330">
        <v>0</v>
      </c>
      <c r="BS25" s="331">
        <v>0</v>
      </c>
      <c r="BT25" s="329">
        <v>13495</v>
      </c>
      <c r="BU25" s="329">
        <v>-2226</v>
      </c>
      <c r="BV25" s="329">
        <v>53160</v>
      </c>
      <c r="BW25" s="329">
        <v>7524</v>
      </c>
      <c r="BX25" s="329">
        <v>16520</v>
      </c>
      <c r="BY25" s="332">
        <v>88473</v>
      </c>
      <c r="BZ25" s="333">
        <v>88473</v>
      </c>
      <c r="CA25" s="328">
        <v>0</v>
      </c>
      <c r="CB25" s="329">
        <v>0</v>
      </c>
      <c r="CC25" s="330">
        <v>0</v>
      </c>
      <c r="CD25" s="331">
        <v>0</v>
      </c>
      <c r="CE25" s="329">
        <v>7520</v>
      </c>
      <c r="CF25" s="329">
        <v>0</v>
      </c>
      <c r="CG25" s="329">
        <v>0</v>
      </c>
      <c r="CH25" s="329">
        <v>5745</v>
      </c>
      <c r="CI25" s="329">
        <v>1335</v>
      </c>
      <c r="CJ25" s="332">
        <v>14600</v>
      </c>
      <c r="CK25" s="333">
        <v>14600</v>
      </c>
      <c r="CL25" s="328">
        <v>0</v>
      </c>
      <c r="CM25" s="329">
        <v>0</v>
      </c>
      <c r="CN25" s="330">
        <v>0</v>
      </c>
      <c r="CO25" s="331">
        <v>0</v>
      </c>
      <c r="CP25" s="329">
        <v>0</v>
      </c>
      <c r="CQ25" s="329">
        <v>0</v>
      </c>
      <c r="CR25" s="329">
        <v>0</v>
      </c>
      <c r="CS25" s="329">
        <v>0</v>
      </c>
      <c r="CT25" s="329">
        <v>0</v>
      </c>
      <c r="CU25" s="332">
        <v>0</v>
      </c>
      <c r="CV25" s="333">
        <v>0</v>
      </c>
      <c r="CW25" s="328">
        <v>0</v>
      </c>
      <c r="CX25" s="329">
        <v>0</v>
      </c>
      <c r="CY25" s="330">
        <v>0</v>
      </c>
      <c r="CZ25" s="334"/>
      <c r="DA25" s="329">
        <v>0</v>
      </c>
      <c r="DB25" s="329">
        <v>0</v>
      </c>
      <c r="DC25" s="329">
        <v>0</v>
      </c>
      <c r="DD25" s="329">
        <v>0</v>
      </c>
      <c r="DE25" s="329">
        <v>0</v>
      </c>
      <c r="DF25" s="332">
        <v>0</v>
      </c>
      <c r="DG25" s="333">
        <v>0</v>
      </c>
      <c r="DH25" s="328">
        <v>0</v>
      </c>
      <c r="DI25" s="329">
        <v>0</v>
      </c>
      <c r="DJ25" s="330">
        <v>0</v>
      </c>
      <c r="DK25" s="331">
        <v>0</v>
      </c>
      <c r="DL25" s="329">
        <v>15941</v>
      </c>
      <c r="DM25" s="329">
        <v>112585</v>
      </c>
      <c r="DN25" s="329">
        <v>687292</v>
      </c>
      <c r="DO25" s="329">
        <v>969939</v>
      </c>
      <c r="DP25" s="329">
        <v>416032</v>
      </c>
      <c r="DQ25" s="332">
        <v>2201789</v>
      </c>
      <c r="DR25" s="335">
        <v>2201789</v>
      </c>
      <c r="DS25" s="328">
        <v>0</v>
      </c>
      <c r="DT25" s="329">
        <v>0</v>
      </c>
      <c r="DU25" s="330">
        <v>0</v>
      </c>
      <c r="DV25" s="334"/>
      <c r="DW25" s="329">
        <v>0</v>
      </c>
      <c r="DX25" s="329">
        <v>78650</v>
      </c>
      <c r="DY25" s="329">
        <v>595592</v>
      </c>
      <c r="DZ25" s="329">
        <v>738512</v>
      </c>
      <c r="EA25" s="329">
        <v>288791</v>
      </c>
      <c r="EB25" s="332">
        <v>1701545</v>
      </c>
      <c r="EC25" s="333">
        <v>1701545</v>
      </c>
      <c r="ED25" s="328">
        <v>0</v>
      </c>
      <c r="EE25" s="329">
        <v>0</v>
      </c>
      <c r="EF25" s="330">
        <v>0</v>
      </c>
      <c r="EG25" s="334"/>
      <c r="EH25" s="329">
        <v>541</v>
      </c>
      <c r="EI25" s="329">
        <v>25730</v>
      </c>
      <c r="EJ25" s="329">
        <v>12743</v>
      </c>
      <c r="EK25" s="329">
        <v>2604</v>
      </c>
      <c r="EL25" s="329">
        <v>49500</v>
      </c>
      <c r="EM25" s="332">
        <v>91118</v>
      </c>
      <c r="EN25" s="333">
        <v>91118</v>
      </c>
      <c r="EO25" s="328">
        <v>0</v>
      </c>
      <c r="EP25" s="329">
        <v>0</v>
      </c>
      <c r="EQ25" s="330">
        <v>0</v>
      </c>
      <c r="ER25" s="334"/>
      <c r="ES25" s="329">
        <v>0</v>
      </c>
      <c r="ET25" s="329">
        <v>0</v>
      </c>
      <c r="EU25" s="329">
        <v>0</v>
      </c>
      <c r="EV25" s="329">
        <v>0</v>
      </c>
      <c r="EW25" s="329">
        <v>434</v>
      </c>
      <c r="EX25" s="332">
        <v>434</v>
      </c>
      <c r="EY25" s="333">
        <v>434</v>
      </c>
      <c r="EZ25" s="328">
        <v>0</v>
      </c>
      <c r="FA25" s="329">
        <v>0</v>
      </c>
      <c r="FB25" s="330">
        <v>0</v>
      </c>
      <c r="FC25" s="334"/>
      <c r="FD25" s="329">
        <v>0</v>
      </c>
      <c r="FE25" s="329">
        <v>0</v>
      </c>
      <c r="FF25" s="329">
        <v>0</v>
      </c>
      <c r="FG25" s="329">
        <v>336</v>
      </c>
      <c r="FH25" s="329">
        <v>11098</v>
      </c>
      <c r="FI25" s="332">
        <v>11434</v>
      </c>
      <c r="FJ25" s="333">
        <v>11434</v>
      </c>
      <c r="FK25" s="328">
        <v>0</v>
      </c>
      <c r="FL25" s="329">
        <v>0</v>
      </c>
      <c r="FM25" s="330">
        <v>0</v>
      </c>
      <c r="FN25" s="334"/>
      <c r="FO25" s="329">
        <v>0</v>
      </c>
      <c r="FP25" s="329">
        <v>0</v>
      </c>
      <c r="FQ25" s="329">
        <v>0</v>
      </c>
      <c r="FR25" s="329">
        <v>202530</v>
      </c>
      <c r="FS25" s="329">
        <v>42780</v>
      </c>
      <c r="FT25" s="332">
        <v>245310</v>
      </c>
      <c r="FU25" s="333">
        <v>245310</v>
      </c>
      <c r="FV25" s="328">
        <v>0</v>
      </c>
      <c r="FW25" s="329">
        <v>0</v>
      </c>
      <c r="FX25" s="330">
        <v>0</v>
      </c>
      <c r="FY25" s="331">
        <v>0</v>
      </c>
      <c r="FZ25" s="329">
        <v>15281</v>
      </c>
      <c r="GA25" s="329">
        <v>8205</v>
      </c>
      <c r="GB25" s="329">
        <v>78957</v>
      </c>
      <c r="GC25" s="329">
        <v>25908</v>
      </c>
      <c r="GD25" s="329">
        <v>23408</v>
      </c>
      <c r="GE25" s="332">
        <v>151759</v>
      </c>
      <c r="GF25" s="333">
        <v>151759</v>
      </c>
      <c r="GG25" s="328">
        <v>0</v>
      </c>
      <c r="GH25" s="329">
        <v>0</v>
      </c>
      <c r="GI25" s="330">
        <v>0</v>
      </c>
      <c r="GJ25" s="331">
        <v>0</v>
      </c>
      <c r="GK25" s="329">
        <v>119</v>
      </c>
      <c r="GL25" s="329">
        <v>0</v>
      </c>
      <c r="GM25" s="329">
        <v>0</v>
      </c>
      <c r="GN25" s="329">
        <v>49</v>
      </c>
      <c r="GO25" s="329">
        <v>21</v>
      </c>
      <c r="GP25" s="332">
        <v>189</v>
      </c>
      <c r="GQ25" s="333">
        <v>189</v>
      </c>
      <c r="GR25" s="328">
        <v>0</v>
      </c>
      <c r="GS25" s="329">
        <v>0</v>
      </c>
      <c r="GT25" s="330">
        <v>0</v>
      </c>
      <c r="GU25" s="331">
        <v>0</v>
      </c>
      <c r="GV25" s="329">
        <v>0</v>
      </c>
      <c r="GW25" s="329">
        <v>0</v>
      </c>
      <c r="GX25" s="329">
        <v>0</v>
      </c>
      <c r="GY25" s="329">
        <v>0</v>
      </c>
      <c r="GZ25" s="329">
        <v>0</v>
      </c>
      <c r="HA25" s="332">
        <v>0</v>
      </c>
      <c r="HB25" s="333">
        <v>0</v>
      </c>
      <c r="HC25" s="328">
        <v>0</v>
      </c>
      <c r="HD25" s="329">
        <v>0</v>
      </c>
      <c r="HE25" s="330">
        <v>0</v>
      </c>
      <c r="HF25" s="334"/>
      <c r="HG25" s="329">
        <v>0</v>
      </c>
      <c r="HH25" s="329">
        <v>0</v>
      </c>
      <c r="HI25" s="329">
        <v>0</v>
      </c>
      <c r="HJ25" s="329">
        <v>0</v>
      </c>
      <c r="HK25" s="329">
        <v>0</v>
      </c>
      <c r="HL25" s="332">
        <v>0</v>
      </c>
      <c r="HM25" s="333">
        <v>0</v>
      </c>
      <c r="HN25" s="328">
        <v>0</v>
      </c>
      <c r="HO25" s="329">
        <v>0</v>
      </c>
      <c r="HP25" s="330">
        <v>0</v>
      </c>
      <c r="HQ25" s="331">
        <v>0</v>
      </c>
      <c r="HR25" s="329">
        <v>78131</v>
      </c>
      <c r="HS25" s="329">
        <v>495809</v>
      </c>
      <c r="HT25" s="329">
        <v>1465383</v>
      </c>
      <c r="HU25" s="329">
        <v>1919269</v>
      </c>
      <c r="HV25" s="329">
        <v>1021442</v>
      </c>
      <c r="HW25" s="332">
        <v>4980034</v>
      </c>
      <c r="HX25" s="333">
        <v>4980034</v>
      </c>
    </row>
    <row r="26" spans="1:232" ht="16.5" customHeight="1" x14ac:dyDescent="0.2">
      <c r="A26" s="326" t="s">
        <v>23</v>
      </c>
      <c r="B26" s="328">
        <v>0</v>
      </c>
      <c r="C26" s="329">
        <v>0</v>
      </c>
      <c r="D26" s="330">
        <v>0</v>
      </c>
      <c r="E26" s="331">
        <v>0</v>
      </c>
      <c r="F26" s="329">
        <v>110765</v>
      </c>
      <c r="G26" s="329">
        <v>491544</v>
      </c>
      <c r="H26" s="329">
        <v>1029953</v>
      </c>
      <c r="I26" s="329">
        <v>1401951</v>
      </c>
      <c r="J26" s="329">
        <v>692980</v>
      </c>
      <c r="K26" s="332">
        <v>3727193</v>
      </c>
      <c r="L26" s="333">
        <v>3727193</v>
      </c>
      <c r="M26" s="328">
        <v>0</v>
      </c>
      <c r="N26" s="329">
        <v>0</v>
      </c>
      <c r="O26" s="330">
        <v>0</v>
      </c>
      <c r="P26" s="334"/>
      <c r="Q26" s="329">
        <v>35340</v>
      </c>
      <c r="R26" s="329">
        <v>174065</v>
      </c>
      <c r="S26" s="329">
        <v>729110</v>
      </c>
      <c r="T26" s="329">
        <v>1094455</v>
      </c>
      <c r="U26" s="329">
        <v>491745</v>
      </c>
      <c r="V26" s="332">
        <v>2524715</v>
      </c>
      <c r="W26" s="333">
        <v>2524715</v>
      </c>
      <c r="X26" s="328">
        <v>0</v>
      </c>
      <c r="Y26" s="329">
        <v>0</v>
      </c>
      <c r="Z26" s="330">
        <v>0</v>
      </c>
      <c r="AA26" s="334"/>
      <c r="AB26" s="329">
        <v>59985</v>
      </c>
      <c r="AC26" s="329">
        <v>231480</v>
      </c>
      <c r="AD26" s="329">
        <v>258170</v>
      </c>
      <c r="AE26" s="329">
        <v>190581</v>
      </c>
      <c r="AF26" s="329">
        <v>109775</v>
      </c>
      <c r="AG26" s="332">
        <v>849991</v>
      </c>
      <c r="AH26" s="333">
        <v>849991</v>
      </c>
      <c r="AI26" s="328">
        <v>0</v>
      </c>
      <c r="AJ26" s="329">
        <v>0</v>
      </c>
      <c r="AK26" s="330">
        <v>0</v>
      </c>
      <c r="AL26" s="334"/>
      <c r="AM26" s="329">
        <v>0</v>
      </c>
      <c r="AN26" s="329">
        <v>0</v>
      </c>
      <c r="AO26" s="329">
        <v>0</v>
      </c>
      <c r="AP26" s="329">
        <v>35340</v>
      </c>
      <c r="AQ26" s="329">
        <v>24645</v>
      </c>
      <c r="AR26" s="332">
        <v>59985</v>
      </c>
      <c r="AS26" s="333">
        <v>59985</v>
      </c>
      <c r="AT26" s="328">
        <v>0</v>
      </c>
      <c r="AU26" s="329">
        <v>0</v>
      </c>
      <c r="AV26" s="330">
        <v>0</v>
      </c>
      <c r="AW26" s="334"/>
      <c r="AX26" s="329">
        <v>0</v>
      </c>
      <c r="AY26" s="329">
        <v>0</v>
      </c>
      <c r="AZ26" s="329">
        <v>0</v>
      </c>
      <c r="BA26" s="329">
        <v>24645</v>
      </c>
      <c r="BB26" s="329">
        <v>2635</v>
      </c>
      <c r="BC26" s="332">
        <v>27280</v>
      </c>
      <c r="BD26" s="333">
        <v>27280</v>
      </c>
      <c r="BE26" s="328">
        <v>0</v>
      </c>
      <c r="BF26" s="329">
        <v>0</v>
      </c>
      <c r="BG26" s="330">
        <v>0</v>
      </c>
      <c r="BH26" s="334"/>
      <c r="BI26" s="329">
        <v>0</v>
      </c>
      <c r="BJ26" s="329">
        <v>0</v>
      </c>
      <c r="BK26" s="329">
        <v>0</v>
      </c>
      <c r="BL26" s="329">
        <v>0</v>
      </c>
      <c r="BM26" s="329">
        <v>0</v>
      </c>
      <c r="BN26" s="332">
        <v>0</v>
      </c>
      <c r="BO26" s="333">
        <v>0</v>
      </c>
      <c r="BP26" s="328">
        <v>0</v>
      </c>
      <c r="BQ26" s="329">
        <v>0</v>
      </c>
      <c r="BR26" s="330">
        <v>0</v>
      </c>
      <c r="BS26" s="331">
        <v>0</v>
      </c>
      <c r="BT26" s="329">
        <v>15440</v>
      </c>
      <c r="BU26" s="329">
        <v>76190</v>
      </c>
      <c r="BV26" s="329">
        <v>42673</v>
      </c>
      <c r="BW26" s="329">
        <v>56930</v>
      </c>
      <c r="BX26" s="329">
        <v>64180</v>
      </c>
      <c r="BY26" s="332">
        <v>255413</v>
      </c>
      <c r="BZ26" s="333">
        <v>255413</v>
      </c>
      <c r="CA26" s="328">
        <v>0</v>
      </c>
      <c r="CB26" s="329">
        <v>0</v>
      </c>
      <c r="CC26" s="330">
        <v>0</v>
      </c>
      <c r="CD26" s="331">
        <v>0</v>
      </c>
      <c r="CE26" s="329">
        <v>0</v>
      </c>
      <c r="CF26" s="329">
        <v>9809</v>
      </c>
      <c r="CG26" s="329">
        <v>0</v>
      </c>
      <c r="CH26" s="329">
        <v>0</v>
      </c>
      <c r="CI26" s="329">
        <v>0</v>
      </c>
      <c r="CJ26" s="332">
        <v>9809</v>
      </c>
      <c r="CK26" s="333">
        <v>9809</v>
      </c>
      <c r="CL26" s="328">
        <v>0</v>
      </c>
      <c r="CM26" s="329">
        <v>0</v>
      </c>
      <c r="CN26" s="330">
        <v>0</v>
      </c>
      <c r="CO26" s="331">
        <v>0</v>
      </c>
      <c r="CP26" s="329">
        <v>0</v>
      </c>
      <c r="CQ26" s="329">
        <v>0</v>
      </c>
      <c r="CR26" s="329">
        <v>0</v>
      </c>
      <c r="CS26" s="329">
        <v>0</v>
      </c>
      <c r="CT26" s="329">
        <v>0</v>
      </c>
      <c r="CU26" s="332">
        <v>0</v>
      </c>
      <c r="CV26" s="333">
        <v>0</v>
      </c>
      <c r="CW26" s="328">
        <v>0</v>
      </c>
      <c r="CX26" s="329">
        <v>0</v>
      </c>
      <c r="CY26" s="330">
        <v>0</v>
      </c>
      <c r="CZ26" s="334"/>
      <c r="DA26" s="329">
        <v>0</v>
      </c>
      <c r="DB26" s="329">
        <v>0</v>
      </c>
      <c r="DC26" s="329">
        <v>0</v>
      </c>
      <c r="DD26" s="329">
        <v>0</v>
      </c>
      <c r="DE26" s="329">
        <v>0</v>
      </c>
      <c r="DF26" s="332">
        <v>0</v>
      </c>
      <c r="DG26" s="333">
        <v>0</v>
      </c>
      <c r="DH26" s="328">
        <v>4176</v>
      </c>
      <c r="DI26" s="329">
        <v>0</v>
      </c>
      <c r="DJ26" s="330">
        <v>4176</v>
      </c>
      <c r="DK26" s="331">
        <v>0</v>
      </c>
      <c r="DL26" s="329">
        <v>65897</v>
      </c>
      <c r="DM26" s="329">
        <v>202400</v>
      </c>
      <c r="DN26" s="329">
        <v>829633</v>
      </c>
      <c r="DO26" s="329">
        <v>1311978</v>
      </c>
      <c r="DP26" s="329">
        <v>774999</v>
      </c>
      <c r="DQ26" s="332">
        <v>3184907</v>
      </c>
      <c r="DR26" s="335">
        <v>3189083</v>
      </c>
      <c r="DS26" s="328">
        <v>0</v>
      </c>
      <c r="DT26" s="329">
        <v>0</v>
      </c>
      <c r="DU26" s="330">
        <v>0</v>
      </c>
      <c r="DV26" s="334"/>
      <c r="DW26" s="329">
        <v>33046</v>
      </c>
      <c r="DX26" s="329">
        <v>149265</v>
      </c>
      <c r="DY26" s="329">
        <v>787280</v>
      </c>
      <c r="DZ26" s="329">
        <v>1211646</v>
      </c>
      <c r="EA26" s="329">
        <v>744164</v>
      </c>
      <c r="EB26" s="332">
        <v>2925401</v>
      </c>
      <c r="EC26" s="333">
        <v>2925401</v>
      </c>
      <c r="ED26" s="328">
        <v>0</v>
      </c>
      <c r="EE26" s="329">
        <v>0</v>
      </c>
      <c r="EF26" s="330">
        <v>0</v>
      </c>
      <c r="EG26" s="334"/>
      <c r="EH26" s="329">
        <v>651</v>
      </c>
      <c r="EI26" s="329">
        <v>4151</v>
      </c>
      <c r="EJ26" s="329">
        <v>3486</v>
      </c>
      <c r="EK26" s="329">
        <v>25270</v>
      </c>
      <c r="EL26" s="329">
        <v>1484</v>
      </c>
      <c r="EM26" s="332">
        <v>35042</v>
      </c>
      <c r="EN26" s="333">
        <v>35042</v>
      </c>
      <c r="EO26" s="328">
        <v>0</v>
      </c>
      <c r="EP26" s="329">
        <v>0</v>
      </c>
      <c r="EQ26" s="330">
        <v>0</v>
      </c>
      <c r="ER26" s="334"/>
      <c r="ES26" s="329">
        <v>0</v>
      </c>
      <c r="ET26" s="329">
        <v>0</v>
      </c>
      <c r="EU26" s="329">
        <v>0</v>
      </c>
      <c r="EV26" s="329">
        <v>434</v>
      </c>
      <c r="EW26" s="329">
        <v>217</v>
      </c>
      <c r="EX26" s="332">
        <v>651</v>
      </c>
      <c r="EY26" s="333">
        <v>651</v>
      </c>
      <c r="EZ26" s="328">
        <v>0</v>
      </c>
      <c r="FA26" s="329">
        <v>0</v>
      </c>
      <c r="FB26" s="330">
        <v>0</v>
      </c>
      <c r="FC26" s="334"/>
      <c r="FD26" s="329">
        <v>0</v>
      </c>
      <c r="FE26" s="329">
        <v>0</v>
      </c>
      <c r="FF26" s="329">
        <v>0</v>
      </c>
      <c r="FG26" s="329">
        <v>217</v>
      </c>
      <c r="FH26" s="329">
        <v>217</v>
      </c>
      <c r="FI26" s="332">
        <v>434</v>
      </c>
      <c r="FJ26" s="333">
        <v>434</v>
      </c>
      <c r="FK26" s="328">
        <v>0</v>
      </c>
      <c r="FL26" s="329">
        <v>0</v>
      </c>
      <c r="FM26" s="330">
        <v>0</v>
      </c>
      <c r="FN26" s="334"/>
      <c r="FO26" s="329">
        <v>0</v>
      </c>
      <c r="FP26" s="329">
        <v>0</v>
      </c>
      <c r="FQ26" s="329">
        <v>0</v>
      </c>
      <c r="FR26" s="329">
        <v>0</v>
      </c>
      <c r="FS26" s="329">
        <v>0</v>
      </c>
      <c r="FT26" s="332">
        <v>0</v>
      </c>
      <c r="FU26" s="333">
        <v>0</v>
      </c>
      <c r="FV26" s="328">
        <v>4176</v>
      </c>
      <c r="FW26" s="329">
        <v>0</v>
      </c>
      <c r="FX26" s="330">
        <v>4176</v>
      </c>
      <c r="FY26" s="331">
        <v>0</v>
      </c>
      <c r="FZ26" s="329">
        <v>32200</v>
      </c>
      <c r="GA26" s="329">
        <v>48886</v>
      </c>
      <c r="GB26" s="329">
        <v>38867</v>
      </c>
      <c r="GC26" s="329">
        <v>74411</v>
      </c>
      <c r="GD26" s="329">
        <v>28917</v>
      </c>
      <c r="GE26" s="332">
        <v>223281</v>
      </c>
      <c r="GF26" s="333">
        <v>227457</v>
      </c>
      <c r="GG26" s="328">
        <v>0</v>
      </c>
      <c r="GH26" s="329">
        <v>0</v>
      </c>
      <c r="GI26" s="330">
        <v>0</v>
      </c>
      <c r="GJ26" s="331">
        <v>0</v>
      </c>
      <c r="GK26" s="329">
        <v>0</v>
      </c>
      <c r="GL26" s="329">
        <v>98</v>
      </c>
      <c r="GM26" s="329">
        <v>0</v>
      </c>
      <c r="GN26" s="329">
        <v>0</v>
      </c>
      <c r="GO26" s="329">
        <v>0</v>
      </c>
      <c r="GP26" s="332">
        <v>98</v>
      </c>
      <c r="GQ26" s="333">
        <v>98</v>
      </c>
      <c r="GR26" s="328">
        <v>0</v>
      </c>
      <c r="GS26" s="329">
        <v>0</v>
      </c>
      <c r="GT26" s="330">
        <v>0</v>
      </c>
      <c r="GU26" s="331">
        <v>0</v>
      </c>
      <c r="GV26" s="329">
        <v>0</v>
      </c>
      <c r="GW26" s="329">
        <v>0</v>
      </c>
      <c r="GX26" s="329">
        <v>0</v>
      </c>
      <c r="GY26" s="329">
        <v>0</v>
      </c>
      <c r="GZ26" s="329">
        <v>0</v>
      </c>
      <c r="HA26" s="332">
        <v>0</v>
      </c>
      <c r="HB26" s="333">
        <v>0</v>
      </c>
      <c r="HC26" s="328">
        <v>0</v>
      </c>
      <c r="HD26" s="329">
        <v>0</v>
      </c>
      <c r="HE26" s="330">
        <v>0</v>
      </c>
      <c r="HF26" s="334"/>
      <c r="HG26" s="329">
        <v>0</v>
      </c>
      <c r="HH26" s="329">
        <v>0</v>
      </c>
      <c r="HI26" s="329">
        <v>0</v>
      </c>
      <c r="HJ26" s="329">
        <v>0</v>
      </c>
      <c r="HK26" s="329">
        <v>0</v>
      </c>
      <c r="HL26" s="332">
        <v>0</v>
      </c>
      <c r="HM26" s="333">
        <v>0</v>
      </c>
      <c r="HN26" s="328">
        <v>4176</v>
      </c>
      <c r="HO26" s="329">
        <v>0</v>
      </c>
      <c r="HP26" s="330">
        <v>4176</v>
      </c>
      <c r="HQ26" s="331">
        <v>0</v>
      </c>
      <c r="HR26" s="329">
        <v>176662</v>
      </c>
      <c r="HS26" s="329">
        <v>693944</v>
      </c>
      <c r="HT26" s="329">
        <v>1859586</v>
      </c>
      <c r="HU26" s="329">
        <v>2713929</v>
      </c>
      <c r="HV26" s="329">
        <v>1467979</v>
      </c>
      <c r="HW26" s="332">
        <v>6912100</v>
      </c>
      <c r="HX26" s="333">
        <v>6916276</v>
      </c>
    </row>
    <row r="27" spans="1:232" ht="16.5" customHeight="1" x14ac:dyDescent="0.2">
      <c r="A27" s="326" t="s">
        <v>24</v>
      </c>
      <c r="B27" s="328">
        <v>0</v>
      </c>
      <c r="C27" s="329">
        <v>0</v>
      </c>
      <c r="D27" s="330">
        <v>0</v>
      </c>
      <c r="E27" s="331">
        <v>0</v>
      </c>
      <c r="F27" s="329">
        <v>58225</v>
      </c>
      <c r="G27" s="329">
        <v>66347</v>
      </c>
      <c r="H27" s="329">
        <v>556248</v>
      </c>
      <c r="I27" s="329">
        <v>489885</v>
      </c>
      <c r="J27" s="329">
        <v>430290</v>
      </c>
      <c r="K27" s="332">
        <v>1600995</v>
      </c>
      <c r="L27" s="333">
        <v>1600995</v>
      </c>
      <c r="M27" s="328">
        <v>0</v>
      </c>
      <c r="N27" s="329">
        <v>0</v>
      </c>
      <c r="O27" s="330">
        <v>0</v>
      </c>
      <c r="P27" s="334"/>
      <c r="Q27" s="329">
        <v>0</v>
      </c>
      <c r="R27" s="329">
        <v>1445</v>
      </c>
      <c r="S27" s="329">
        <v>214520</v>
      </c>
      <c r="T27" s="329">
        <v>421290</v>
      </c>
      <c r="U27" s="329">
        <v>274845</v>
      </c>
      <c r="V27" s="332">
        <v>912100</v>
      </c>
      <c r="W27" s="333">
        <v>912100</v>
      </c>
      <c r="X27" s="328">
        <v>0</v>
      </c>
      <c r="Y27" s="329">
        <v>0</v>
      </c>
      <c r="Z27" s="330">
        <v>0</v>
      </c>
      <c r="AA27" s="334"/>
      <c r="AB27" s="329">
        <v>56555</v>
      </c>
      <c r="AC27" s="329">
        <v>19890</v>
      </c>
      <c r="AD27" s="329">
        <v>313255</v>
      </c>
      <c r="AE27" s="329">
        <v>45795</v>
      </c>
      <c r="AF27" s="329">
        <v>118390</v>
      </c>
      <c r="AG27" s="332">
        <v>553885</v>
      </c>
      <c r="AH27" s="333">
        <v>553885</v>
      </c>
      <c r="AI27" s="328">
        <v>0</v>
      </c>
      <c r="AJ27" s="329">
        <v>0</v>
      </c>
      <c r="AK27" s="330">
        <v>0</v>
      </c>
      <c r="AL27" s="334"/>
      <c r="AM27" s="329">
        <v>0</v>
      </c>
      <c r="AN27" s="329">
        <v>0</v>
      </c>
      <c r="AO27" s="329">
        <v>0</v>
      </c>
      <c r="AP27" s="329">
        <v>0</v>
      </c>
      <c r="AQ27" s="329">
        <v>32705</v>
      </c>
      <c r="AR27" s="332">
        <v>32705</v>
      </c>
      <c r="AS27" s="333">
        <v>32705</v>
      </c>
      <c r="AT27" s="328">
        <v>0</v>
      </c>
      <c r="AU27" s="329">
        <v>0</v>
      </c>
      <c r="AV27" s="330">
        <v>0</v>
      </c>
      <c r="AW27" s="334"/>
      <c r="AX27" s="329">
        <v>0</v>
      </c>
      <c r="AY27" s="329">
        <v>0</v>
      </c>
      <c r="AZ27" s="329">
        <v>0</v>
      </c>
      <c r="BA27" s="329">
        <v>0</v>
      </c>
      <c r="BB27" s="329">
        <v>0</v>
      </c>
      <c r="BC27" s="332">
        <v>0</v>
      </c>
      <c r="BD27" s="333">
        <v>0</v>
      </c>
      <c r="BE27" s="328">
        <v>0</v>
      </c>
      <c r="BF27" s="329">
        <v>0</v>
      </c>
      <c r="BG27" s="330">
        <v>0</v>
      </c>
      <c r="BH27" s="334"/>
      <c r="BI27" s="329">
        <v>0</v>
      </c>
      <c r="BJ27" s="329">
        <v>0</v>
      </c>
      <c r="BK27" s="329">
        <v>0</v>
      </c>
      <c r="BL27" s="329">
        <v>0</v>
      </c>
      <c r="BM27" s="329">
        <v>0</v>
      </c>
      <c r="BN27" s="332">
        <v>0</v>
      </c>
      <c r="BO27" s="333">
        <v>0</v>
      </c>
      <c r="BP27" s="328">
        <v>0</v>
      </c>
      <c r="BQ27" s="329">
        <v>0</v>
      </c>
      <c r="BR27" s="330">
        <v>0</v>
      </c>
      <c r="BS27" s="331">
        <v>0</v>
      </c>
      <c r="BT27" s="329">
        <v>805</v>
      </c>
      <c r="BU27" s="329">
        <v>45012</v>
      </c>
      <c r="BV27" s="329">
        <v>26383</v>
      </c>
      <c r="BW27" s="329">
        <v>22800</v>
      </c>
      <c r="BX27" s="329">
        <v>4350</v>
      </c>
      <c r="BY27" s="332">
        <v>99350</v>
      </c>
      <c r="BZ27" s="333">
        <v>99350</v>
      </c>
      <c r="CA27" s="328">
        <v>0</v>
      </c>
      <c r="CB27" s="329">
        <v>0</v>
      </c>
      <c r="CC27" s="330">
        <v>0</v>
      </c>
      <c r="CD27" s="331">
        <v>0</v>
      </c>
      <c r="CE27" s="329">
        <v>865</v>
      </c>
      <c r="CF27" s="329">
        <v>0</v>
      </c>
      <c r="CG27" s="329">
        <v>2090</v>
      </c>
      <c r="CH27" s="329">
        <v>0</v>
      </c>
      <c r="CI27" s="329">
        <v>0</v>
      </c>
      <c r="CJ27" s="332">
        <v>2955</v>
      </c>
      <c r="CK27" s="333">
        <v>2955</v>
      </c>
      <c r="CL27" s="328">
        <v>0</v>
      </c>
      <c r="CM27" s="329">
        <v>0</v>
      </c>
      <c r="CN27" s="330">
        <v>0</v>
      </c>
      <c r="CO27" s="331">
        <v>0</v>
      </c>
      <c r="CP27" s="329">
        <v>0</v>
      </c>
      <c r="CQ27" s="329">
        <v>0</v>
      </c>
      <c r="CR27" s="329">
        <v>0</v>
      </c>
      <c r="CS27" s="329">
        <v>0</v>
      </c>
      <c r="CT27" s="329">
        <v>0</v>
      </c>
      <c r="CU27" s="332">
        <v>0</v>
      </c>
      <c r="CV27" s="333">
        <v>0</v>
      </c>
      <c r="CW27" s="328">
        <v>0</v>
      </c>
      <c r="CX27" s="329">
        <v>0</v>
      </c>
      <c r="CY27" s="330">
        <v>0</v>
      </c>
      <c r="CZ27" s="334"/>
      <c r="DA27" s="329">
        <v>0</v>
      </c>
      <c r="DB27" s="329">
        <v>0</v>
      </c>
      <c r="DC27" s="329">
        <v>0</v>
      </c>
      <c r="DD27" s="329">
        <v>0</v>
      </c>
      <c r="DE27" s="329">
        <v>0</v>
      </c>
      <c r="DF27" s="332">
        <v>0</v>
      </c>
      <c r="DG27" s="333">
        <v>0</v>
      </c>
      <c r="DH27" s="328">
        <v>0</v>
      </c>
      <c r="DI27" s="329">
        <v>0</v>
      </c>
      <c r="DJ27" s="330">
        <v>0</v>
      </c>
      <c r="DK27" s="331">
        <v>0</v>
      </c>
      <c r="DL27" s="329">
        <v>3231</v>
      </c>
      <c r="DM27" s="329">
        <v>95060</v>
      </c>
      <c r="DN27" s="329">
        <v>448123</v>
      </c>
      <c r="DO27" s="329">
        <v>694239</v>
      </c>
      <c r="DP27" s="329">
        <v>549466</v>
      </c>
      <c r="DQ27" s="332">
        <v>1790119</v>
      </c>
      <c r="DR27" s="335">
        <v>1790119</v>
      </c>
      <c r="DS27" s="328">
        <v>0</v>
      </c>
      <c r="DT27" s="329">
        <v>0</v>
      </c>
      <c r="DU27" s="330">
        <v>0</v>
      </c>
      <c r="DV27" s="334"/>
      <c r="DW27" s="329">
        <v>0</v>
      </c>
      <c r="DX27" s="329">
        <v>5967</v>
      </c>
      <c r="DY27" s="329">
        <v>325190</v>
      </c>
      <c r="DZ27" s="329">
        <v>624216</v>
      </c>
      <c r="EA27" s="329">
        <v>480624</v>
      </c>
      <c r="EB27" s="332">
        <v>1435997</v>
      </c>
      <c r="EC27" s="333">
        <v>1435997</v>
      </c>
      <c r="ED27" s="328">
        <v>0</v>
      </c>
      <c r="EE27" s="329">
        <v>0</v>
      </c>
      <c r="EF27" s="330">
        <v>0</v>
      </c>
      <c r="EG27" s="334"/>
      <c r="EH27" s="329">
        <v>1129</v>
      </c>
      <c r="EI27" s="329">
        <v>50323</v>
      </c>
      <c r="EJ27" s="329">
        <v>58590</v>
      </c>
      <c r="EK27" s="329">
        <v>18143</v>
      </c>
      <c r="EL27" s="329">
        <v>54075</v>
      </c>
      <c r="EM27" s="332">
        <v>182260</v>
      </c>
      <c r="EN27" s="333">
        <v>182260</v>
      </c>
      <c r="EO27" s="328">
        <v>0</v>
      </c>
      <c r="EP27" s="329">
        <v>0</v>
      </c>
      <c r="EQ27" s="330">
        <v>0</v>
      </c>
      <c r="ER27" s="334"/>
      <c r="ES27" s="329">
        <v>0</v>
      </c>
      <c r="ET27" s="329">
        <v>0</v>
      </c>
      <c r="EU27" s="329">
        <v>0</v>
      </c>
      <c r="EV27" s="329">
        <v>0</v>
      </c>
      <c r="EW27" s="329">
        <v>217</v>
      </c>
      <c r="EX27" s="332">
        <v>217</v>
      </c>
      <c r="EY27" s="333">
        <v>217</v>
      </c>
      <c r="EZ27" s="328">
        <v>0</v>
      </c>
      <c r="FA27" s="329">
        <v>0</v>
      </c>
      <c r="FB27" s="330">
        <v>0</v>
      </c>
      <c r="FC27" s="334"/>
      <c r="FD27" s="329">
        <v>0</v>
      </c>
      <c r="FE27" s="329">
        <v>0</v>
      </c>
      <c r="FF27" s="329">
        <v>0</v>
      </c>
      <c r="FG27" s="329">
        <v>0</v>
      </c>
      <c r="FH27" s="329">
        <v>0</v>
      </c>
      <c r="FI27" s="332">
        <v>0</v>
      </c>
      <c r="FJ27" s="333">
        <v>0</v>
      </c>
      <c r="FK27" s="328">
        <v>0</v>
      </c>
      <c r="FL27" s="329">
        <v>0</v>
      </c>
      <c r="FM27" s="330">
        <v>0</v>
      </c>
      <c r="FN27" s="334"/>
      <c r="FO27" s="329">
        <v>0</v>
      </c>
      <c r="FP27" s="329">
        <v>0</v>
      </c>
      <c r="FQ27" s="329">
        <v>0</v>
      </c>
      <c r="FR27" s="329">
        <v>0</v>
      </c>
      <c r="FS27" s="329">
        <v>0</v>
      </c>
      <c r="FT27" s="332">
        <v>0</v>
      </c>
      <c r="FU27" s="333">
        <v>0</v>
      </c>
      <c r="FV27" s="328">
        <v>0</v>
      </c>
      <c r="FW27" s="329">
        <v>0</v>
      </c>
      <c r="FX27" s="330">
        <v>0</v>
      </c>
      <c r="FY27" s="331">
        <v>0</v>
      </c>
      <c r="FZ27" s="329">
        <v>2088</v>
      </c>
      <c r="GA27" s="329">
        <v>38770</v>
      </c>
      <c r="GB27" s="329">
        <v>64301</v>
      </c>
      <c r="GC27" s="329">
        <v>51880</v>
      </c>
      <c r="GD27" s="329">
        <v>14550</v>
      </c>
      <c r="GE27" s="332">
        <v>171589</v>
      </c>
      <c r="GF27" s="333">
        <v>171589</v>
      </c>
      <c r="GG27" s="328">
        <v>0</v>
      </c>
      <c r="GH27" s="329">
        <v>0</v>
      </c>
      <c r="GI27" s="330">
        <v>0</v>
      </c>
      <c r="GJ27" s="331">
        <v>0</v>
      </c>
      <c r="GK27" s="329">
        <v>14</v>
      </c>
      <c r="GL27" s="329">
        <v>0</v>
      </c>
      <c r="GM27" s="329">
        <v>42</v>
      </c>
      <c r="GN27" s="329">
        <v>0</v>
      </c>
      <c r="GO27" s="329">
        <v>0</v>
      </c>
      <c r="GP27" s="332">
        <v>56</v>
      </c>
      <c r="GQ27" s="333">
        <v>56</v>
      </c>
      <c r="GR27" s="328">
        <v>0</v>
      </c>
      <c r="GS27" s="329">
        <v>0</v>
      </c>
      <c r="GT27" s="330">
        <v>0</v>
      </c>
      <c r="GU27" s="331">
        <v>0</v>
      </c>
      <c r="GV27" s="329">
        <v>0</v>
      </c>
      <c r="GW27" s="329">
        <v>0</v>
      </c>
      <c r="GX27" s="329">
        <v>0</v>
      </c>
      <c r="GY27" s="329">
        <v>0</v>
      </c>
      <c r="GZ27" s="329">
        <v>0</v>
      </c>
      <c r="HA27" s="332">
        <v>0</v>
      </c>
      <c r="HB27" s="333">
        <v>0</v>
      </c>
      <c r="HC27" s="328">
        <v>0</v>
      </c>
      <c r="HD27" s="329">
        <v>0</v>
      </c>
      <c r="HE27" s="330">
        <v>0</v>
      </c>
      <c r="HF27" s="334"/>
      <c r="HG27" s="329">
        <v>0</v>
      </c>
      <c r="HH27" s="329">
        <v>0</v>
      </c>
      <c r="HI27" s="329">
        <v>0</v>
      </c>
      <c r="HJ27" s="329">
        <v>0</v>
      </c>
      <c r="HK27" s="329">
        <v>0</v>
      </c>
      <c r="HL27" s="332">
        <v>0</v>
      </c>
      <c r="HM27" s="333">
        <v>0</v>
      </c>
      <c r="HN27" s="328">
        <v>0</v>
      </c>
      <c r="HO27" s="329">
        <v>0</v>
      </c>
      <c r="HP27" s="330">
        <v>0</v>
      </c>
      <c r="HQ27" s="331">
        <v>0</v>
      </c>
      <c r="HR27" s="329">
        <v>61456</v>
      </c>
      <c r="HS27" s="329">
        <v>161407</v>
      </c>
      <c r="HT27" s="329">
        <v>1004371</v>
      </c>
      <c r="HU27" s="329">
        <v>1184124</v>
      </c>
      <c r="HV27" s="329">
        <v>979756</v>
      </c>
      <c r="HW27" s="332">
        <v>3391114</v>
      </c>
      <c r="HX27" s="333">
        <v>3391114</v>
      </c>
    </row>
    <row r="28" spans="1:232" ht="16.5" customHeight="1" x14ac:dyDescent="0.2">
      <c r="A28" s="326" t="s">
        <v>25</v>
      </c>
      <c r="B28" s="328">
        <v>0</v>
      </c>
      <c r="C28" s="329">
        <v>0</v>
      </c>
      <c r="D28" s="330">
        <v>0</v>
      </c>
      <c r="E28" s="331">
        <v>0</v>
      </c>
      <c r="F28" s="329">
        <v>137849</v>
      </c>
      <c r="G28" s="329">
        <v>148858</v>
      </c>
      <c r="H28" s="329">
        <v>744760</v>
      </c>
      <c r="I28" s="329">
        <v>975672</v>
      </c>
      <c r="J28" s="329">
        <v>614493</v>
      </c>
      <c r="K28" s="332">
        <v>2621632</v>
      </c>
      <c r="L28" s="333">
        <v>2621632</v>
      </c>
      <c r="M28" s="328">
        <v>0</v>
      </c>
      <c r="N28" s="329">
        <v>0</v>
      </c>
      <c r="O28" s="330">
        <v>0</v>
      </c>
      <c r="P28" s="334"/>
      <c r="Q28" s="329">
        <v>54560</v>
      </c>
      <c r="R28" s="329">
        <v>45880</v>
      </c>
      <c r="S28" s="329">
        <v>627585</v>
      </c>
      <c r="T28" s="329">
        <v>671675</v>
      </c>
      <c r="U28" s="329">
        <v>422840</v>
      </c>
      <c r="V28" s="332">
        <v>1822540</v>
      </c>
      <c r="W28" s="333">
        <v>1822540</v>
      </c>
      <c r="X28" s="328">
        <v>0</v>
      </c>
      <c r="Y28" s="329">
        <v>0</v>
      </c>
      <c r="Z28" s="330">
        <v>0</v>
      </c>
      <c r="AA28" s="334"/>
      <c r="AB28" s="329">
        <v>65889</v>
      </c>
      <c r="AC28" s="329">
        <v>87265</v>
      </c>
      <c r="AD28" s="329">
        <v>103825</v>
      </c>
      <c r="AE28" s="329">
        <v>279453</v>
      </c>
      <c r="AF28" s="329">
        <v>159763</v>
      </c>
      <c r="AG28" s="332">
        <v>696195</v>
      </c>
      <c r="AH28" s="333">
        <v>696195</v>
      </c>
      <c r="AI28" s="328">
        <v>0</v>
      </c>
      <c r="AJ28" s="329">
        <v>0</v>
      </c>
      <c r="AK28" s="330">
        <v>0</v>
      </c>
      <c r="AL28" s="334"/>
      <c r="AM28" s="329">
        <v>0</v>
      </c>
      <c r="AN28" s="329">
        <v>0</v>
      </c>
      <c r="AO28" s="329">
        <v>0</v>
      </c>
      <c r="AP28" s="329">
        <v>2295</v>
      </c>
      <c r="AQ28" s="329">
        <v>0</v>
      </c>
      <c r="AR28" s="332">
        <v>2295</v>
      </c>
      <c r="AS28" s="333">
        <v>2295</v>
      </c>
      <c r="AT28" s="328">
        <v>0</v>
      </c>
      <c r="AU28" s="329">
        <v>0</v>
      </c>
      <c r="AV28" s="330">
        <v>0</v>
      </c>
      <c r="AW28" s="334"/>
      <c r="AX28" s="329">
        <v>0</v>
      </c>
      <c r="AY28" s="329">
        <v>0</v>
      </c>
      <c r="AZ28" s="329">
        <v>0</v>
      </c>
      <c r="BA28" s="329">
        <v>0</v>
      </c>
      <c r="BB28" s="329">
        <v>0</v>
      </c>
      <c r="BC28" s="332">
        <v>0</v>
      </c>
      <c r="BD28" s="333">
        <v>0</v>
      </c>
      <c r="BE28" s="328">
        <v>0</v>
      </c>
      <c r="BF28" s="329">
        <v>0</v>
      </c>
      <c r="BG28" s="330">
        <v>0</v>
      </c>
      <c r="BH28" s="334"/>
      <c r="BI28" s="329">
        <v>0</v>
      </c>
      <c r="BJ28" s="329">
        <v>0</v>
      </c>
      <c r="BK28" s="329">
        <v>0</v>
      </c>
      <c r="BL28" s="329">
        <v>0</v>
      </c>
      <c r="BM28" s="329">
        <v>0</v>
      </c>
      <c r="BN28" s="332">
        <v>0</v>
      </c>
      <c r="BO28" s="333">
        <v>0</v>
      </c>
      <c r="BP28" s="328">
        <v>0</v>
      </c>
      <c r="BQ28" s="329">
        <v>0</v>
      </c>
      <c r="BR28" s="330">
        <v>0</v>
      </c>
      <c r="BS28" s="331">
        <v>0</v>
      </c>
      <c r="BT28" s="329">
        <v>14720</v>
      </c>
      <c r="BU28" s="329">
        <v>15713</v>
      </c>
      <c r="BV28" s="329">
        <v>12905</v>
      </c>
      <c r="BW28" s="329">
        <v>10889</v>
      </c>
      <c r="BX28" s="329">
        <v>31890</v>
      </c>
      <c r="BY28" s="332">
        <v>86117</v>
      </c>
      <c r="BZ28" s="333">
        <v>86117</v>
      </c>
      <c r="CA28" s="328">
        <v>0</v>
      </c>
      <c r="CB28" s="329">
        <v>0</v>
      </c>
      <c r="CC28" s="330">
        <v>0</v>
      </c>
      <c r="CD28" s="331">
        <v>0</v>
      </c>
      <c r="CE28" s="329">
        <v>2680</v>
      </c>
      <c r="CF28" s="329">
        <v>0</v>
      </c>
      <c r="CG28" s="329">
        <v>445</v>
      </c>
      <c r="CH28" s="329">
        <v>11360</v>
      </c>
      <c r="CI28" s="329">
        <v>0</v>
      </c>
      <c r="CJ28" s="332">
        <v>14485</v>
      </c>
      <c r="CK28" s="333">
        <v>14485</v>
      </c>
      <c r="CL28" s="328">
        <v>0</v>
      </c>
      <c r="CM28" s="329">
        <v>0</v>
      </c>
      <c r="CN28" s="330">
        <v>0</v>
      </c>
      <c r="CO28" s="331">
        <v>0</v>
      </c>
      <c r="CP28" s="329">
        <v>0</v>
      </c>
      <c r="CQ28" s="329">
        <v>0</v>
      </c>
      <c r="CR28" s="329">
        <v>0</v>
      </c>
      <c r="CS28" s="329">
        <v>0</v>
      </c>
      <c r="CT28" s="329">
        <v>0</v>
      </c>
      <c r="CU28" s="332">
        <v>0</v>
      </c>
      <c r="CV28" s="333">
        <v>0</v>
      </c>
      <c r="CW28" s="328">
        <v>0</v>
      </c>
      <c r="CX28" s="329">
        <v>0</v>
      </c>
      <c r="CY28" s="330">
        <v>0</v>
      </c>
      <c r="CZ28" s="334"/>
      <c r="DA28" s="329">
        <v>0</v>
      </c>
      <c r="DB28" s="329">
        <v>0</v>
      </c>
      <c r="DC28" s="329">
        <v>0</v>
      </c>
      <c r="DD28" s="329">
        <v>0</v>
      </c>
      <c r="DE28" s="329">
        <v>0</v>
      </c>
      <c r="DF28" s="332">
        <v>0</v>
      </c>
      <c r="DG28" s="333">
        <v>0</v>
      </c>
      <c r="DH28" s="328">
        <v>0</v>
      </c>
      <c r="DI28" s="329">
        <v>0</v>
      </c>
      <c r="DJ28" s="330">
        <v>0</v>
      </c>
      <c r="DK28" s="331">
        <v>0</v>
      </c>
      <c r="DL28" s="329">
        <v>105791</v>
      </c>
      <c r="DM28" s="329">
        <v>148411</v>
      </c>
      <c r="DN28" s="329">
        <v>794899</v>
      </c>
      <c r="DO28" s="329">
        <v>805949</v>
      </c>
      <c r="DP28" s="329">
        <v>369790</v>
      </c>
      <c r="DQ28" s="332">
        <v>2224840</v>
      </c>
      <c r="DR28" s="335">
        <v>2224840</v>
      </c>
      <c r="DS28" s="328">
        <v>0</v>
      </c>
      <c r="DT28" s="329">
        <v>0</v>
      </c>
      <c r="DU28" s="330">
        <v>0</v>
      </c>
      <c r="DV28" s="334"/>
      <c r="DW28" s="329">
        <v>86304</v>
      </c>
      <c r="DX28" s="329">
        <v>118079</v>
      </c>
      <c r="DY28" s="329">
        <v>729041</v>
      </c>
      <c r="DZ28" s="329">
        <v>731670</v>
      </c>
      <c r="EA28" s="329">
        <v>326748</v>
      </c>
      <c r="EB28" s="332">
        <v>1991842</v>
      </c>
      <c r="EC28" s="333">
        <v>1991842</v>
      </c>
      <c r="ED28" s="328">
        <v>0</v>
      </c>
      <c r="EE28" s="329">
        <v>0</v>
      </c>
      <c r="EF28" s="330">
        <v>0</v>
      </c>
      <c r="EG28" s="334"/>
      <c r="EH28" s="329">
        <v>8372</v>
      </c>
      <c r="EI28" s="329">
        <v>434</v>
      </c>
      <c r="EJ28" s="329">
        <v>1085</v>
      </c>
      <c r="EK28" s="329">
        <v>36377</v>
      </c>
      <c r="EL28" s="329">
        <v>16632</v>
      </c>
      <c r="EM28" s="332">
        <v>62900</v>
      </c>
      <c r="EN28" s="333">
        <v>62900</v>
      </c>
      <c r="EO28" s="328">
        <v>0</v>
      </c>
      <c r="EP28" s="329">
        <v>0</v>
      </c>
      <c r="EQ28" s="330">
        <v>0</v>
      </c>
      <c r="ER28" s="334"/>
      <c r="ES28" s="329">
        <v>0</v>
      </c>
      <c r="ET28" s="329">
        <v>0</v>
      </c>
      <c r="EU28" s="329">
        <v>0</v>
      </c>
      <c r="EV28" s="329">
        <v>217</v>
      </c>
      <c r="EW28" s="329">
        <v>0</v>
      </c>
      <c r="EX28" s="332">
        <v>217</v>
      </c>
      <c r="EY28" s="333">
        <v>217</v>
      </c>
      <c r="EZ28" s="328">
        <v>0</v>
      </c>
      <c r="FA28" s="329">
        <v>0</v>
      </c>
      <c r="FB28" s="330">
        <v>0</v>
      </c>
      <c r="FC28" s="334"/>
      <c r="FD28" s="329">
        <v>0</v>
      </c>
      <c r="FE28" s="329">
        <v>0</v>
      </c>
      <c r="FF28" s="329">
        <v>0</v>
      </c>
      <c r="FG28" s="329">
        <v>0</v>
      </c>
      <c r="FH28" s="329">
        <v>0</v>
      </c>
      <c r="FI28" s="332">
        <v>0</v>
      </c>
      <c r="FJ28" s="333">
        <v>0</v>
      </c>
      <c r="FK28" s="328">
        <v>0</v>
      </c>
      <c r="FL28" s="329">
        <v>0</v>
      </c>
      <c r="FM28" s="330">
        <v>0</v>
      </c>
      <c r="FN28" s="334"/>
      <c r="FO28" s="329">
        <v>0</v>
      </c>
      <c r="FP28" s="329">
        <v>0</v>
      </c>
      <c r="FQ28" s="329">
        <v>0</v>
      </c>
      <c r="FR28" s="329">
        <v>0</v>
      </c>
      <c r="FS28" s="329">
        <v>0</v>
      </c>
      <c r="FT28" s="332">
        <v>0</v>
      </c>
      <c r="FU28" s="333">
        <v>0</v>
      </c>
      <c r="FV28" s="328">
        <v>0</v>
      </c>
      <c r="FW28" s="329">
        <v>0</v>
      </c>
      <c r="FX28" s="330">
        <v>0</v>
      </c>
      <c r="FY28" s="331">
        <v>0</v>
      </c>
      <c r="FZ28" s="329">
        <v>11115</v>
      </c>
      <c r="GA28" s="329">
        <v>29898</v>
      </c>
      <c r="GB28" s="329">
        <v>64752</v>
      </c>
      <c r="GC28" s="329">
        <v>37685</v>
      </c>
      <c r="GD28" s="329">
        <v>26410</v>
      </c>
      <c r="GE28" s="332">
        <v>169860</v>
      </c>
      <c r="GF28" s="333">
        <v>169860</v>
      </c>
      <c r="GG28" s="328">
        <v>0</v>
      </c>
      <c r="GH28" s="329">
        <v>0</v>
      </c>
      <c r="GI28" s="330">
        <v>0</v>
      </c>
      <c r="GJ28" s="331">
        <v>0</v>
      </c>
      <c r="GK28" s="329">
        <v>0</v>
      </c>
      <c r="GL28" s="329">
        <v>0</v>
      </c>
      <c r="GM28" s="329">
        <v>21</v>
      </c>
      <c r="GN28" s="329">
        <v>0</v>
      </c>
      <c r="GO28" s="329">
        <v>0</v>
      </c>
      <c r="GP28" s="332">
        <v>21</v>
      </c>
      <c r="GQ28" s="333">
        <v>21</v>
      </c>
      <c r="GR28" s="328">
        <v>0</v>
      </c>
      <c r="GS28" s="329">
        <v>0</v>
      </c>
      <c r="GT28" s="330">
        <v>0</v>
      </c>
      <c r="GU28" s="331">
        <v>0</v>
      </c>
      <c r="GV28" s="329">
        <v>0</v>
      </c>
      <c r="GW28" s="329">
        <v>0</v>
      </c>
      <c r="GX28" s="329">
        <v>0</v>
      </c>
      <c r="GY28" s="329">
        <v>0</v>
      </c>
      <c r="GZ28" s="329">
        <v>0</v>
      </c>
      <c r="HA28" s="332">
        <v>0</v>
      </c>
      <c r="HB28" s="333">
        <v>0</v>
      </c>
      <c r="HC28" s="328">
        <v>0</v>
      </c>
      <c r="HD28" s="329">
        <v>0</v>
      </c>
      <c r="HE28" s="330">
        <v>0</v>
      </c>
      <c r="HF28" s="334"/>
      <c r="HG28" s="329">
        <v>0</v>
      </c>
      <c r="HH28" s="329">
        <v>0</v>
      </c>
      <c r="HI28" s="329">
        <v>0</v>
      </c>
      <c r="HJ28" s="329">
        <v>0</v>
      </c>
      <c r="HK28" s="329">
        <v>0</v>
      </c>
      <c r="HL28" s="332">
        <v>0</v>
      </c>
      <c r="HM28" s="333">
        <v>0</v>
      </c>
      <c r="HN28" s="328">
        <v>0</v>
      </c>
      <c r="HO28" s="329">
        <v>0</v>
      </c>
      <c r="HP28" s="330">
        <v>0</v>
      </c>
      <c r="HQ28" s="331">
        <v>0</v>
      </c>
      <c r="HR28" s="329">
        <v>243640</v>
      </c>
      <c r="HS28" s="329">
        <v>297269</v>
      </c>
      <c r="HT28" s="329">
        <v>1539659</v>
      </c>
      <c r="HU28" s="329">
        <v>1781621</v>
      </c>
      <c r="HV28" s="329">
        <v>984283</v>
      </c>
      <c r="HW28" s="332">
        <v>4846472</v>
      </c>
      <c r="HX28" s="333">
        <v>4846472</v>
      </c>
    </row>
    <row r="29" spans="1:232" ht="16.5" customHeight="1" x14ac:dyDescent="0.2">
      <c r="A29" s="326" t="s">
        <v>26</v>
      </c>
      <c r="B29" s="328">
        <v>0</v>
      </c>
      <c r="C29" s="329">
        <v>0</v>
      </c>
      <c r="D29" s="330">
        <v>0</v>
      </c>
      <c r="E29" s="331">
        <v>0</v>
      </c>
      <c r="F29" s="329">
        <v>72589</v>
      </c>
      <c r="G29" s="329">
        <v>222456</v>
      </c>
      <c r="H29" s="329">
        <v>441721</v>
      </c>
      <c r="I29" s="329">
        <v>703655</v>
      </c>
      <c r="J29" s="329">
        <v>502000</v>
      </c>
      <c r="K29" s="332">
        <v>1942421</v>
      </c>
      <c r="L29" s="333">
        <v>1942421</v>
      </c>
      <c r="M29" s="328">
        <v>0</v>
      </c>
      <c r="N29" s="329">
        <v>0</v>
      </c>
      <c r="O29" s="330">
        <v>0</v>
      </c>
      <c r="P29" s="334"/>
      <c r="Q29" s="329">
        <v>0</v>
      </c>
      <c r="R29" s="329">
        <v>33945</v>
      </c>
      <c r="S29" s="329">
        <v>255750</v>
      </c>
      <c r="T29" s="329">
        <v>556175</v>
      </c>
      <c r="U29" s="329">
        <v>432055</v>
      </c>
      <c r="V29" s="332">
        <v>1277925</v>
      </c>
      <c r="W29" s="333">
        <v>1277925</v>
      </c>
      <c r="X29" s="328">
        <v>0</v>
      </c>
      <c r="Y29" s="329">
        <v>0</v>
      </c>
      <c r="Z29" s="330">
        <v>0</v>
      </c>
      <c r="AA29" s="334"/>
      <c r="AB29" s="329">
        <v>68045</v>
      </c>
      <c r="AC29" s="329">
        <v>176622</v>
      </c>
      <c r="AD29" s="329">
        <v>138725</v>
      </c>
      <c r="AE29" s="329">
        <v>136245</v>
      </c>
      <c r="AF29" s="329">
        <v>65410</v>
      </c>
      <c r="AG29" s="332">
        <v>585047</v>
      </c>
      <c r="AH29" s="333">
        <v>585047</v>
      </c>
      <c r="AI29" s="328">
        <v>0</v>
      </c>
      <c r="AJ29" s="329">
        <v>0</v>
      </c>
      <c r="AK29" s="330">
        <v>0</v>
      </c>
      <c r="AL29" s="334"/>
      <c r="AM29" s="329">
        <v>0</v>
      </c>
      <c r="AN29" s="329">
        <v>0</v>
      </c>
      <c r="AO29" s="329">
        <v>0</v>
      </c>
      <c r="AP29" s="329">
        <v>2635</v>
      </c>
      <c r="AQ29" s="329">
        <v>0</v>
      </c>
      <c r="AR29" s="332">
        <v>2635</v>
      </c>
      <c r="AS29" s="333">
        <v>2635</v>
      </c>
      <c r="AT29" s="328">
        <v>0</v>
      </c>
      <c r="AU29" s="329">
        <v>0</v>
      </c>
      <c r="AV29" s="330">
        <v>0</v>
      </c>
      <c r="AW29" s="334"/>
      <c r="AX29" s="329">
        <v>0</v>
      </c>
      <c r="AY29" s="329">
        <v>0</v>
      </c>
      <c r="AZ29" s="329">
        <v>0</v>
      </c>
      <c r="BA29" s="329">
        <v>0</v>
      </c>
      <c r="BB29" s="329">
        <v>2635</v>
      </c>
      <c r="BC29" s="332">
        <v>2635</v>
      </c>
      <c r="BD29" s="333">
        <v>2635</v>
      </c>
      <c r="BE29" s="328">
        <v>0</v>
      </c>
      <c r="BF29" s="329">
        <v>0</v>
      </c>
      <c r="BG29" s="330">
        <v>0</v>
      </c>
      <c r="BH29" s="334"/>
      <c r="BI29" s="329">
        <v>0</v>
      </c>
      <c r="BJ29" s="329">
        <v>0</v>
      </c>
      <c r="BK29" s="329">
        <v>0</v>
      </c>
      <c r="BL29" s="329">
        <v>0</v>
      </c>
      <c r="BM29" s="329">
        <v>0</v>
      </c>
      <c r="BN29" s="332">
        <v>0</v>
      </c>
      <c r="BO29" s="333">
        <v>0</v>
      </c>
      <c r="BP29" s="328">
        <v>0</v>
      </c>
      <c r="BQ29" s="329">
        <v>0</v>
      </c>
      <c r="BR29" s="330">
        <v>0</v>
      </c>
      <c r="BS29" s="331">
        <v>0</v>
      </c>
      <c r="BT29" s="329">
        <v>2289</v>
      </c>
      <c r="BU29" s="329">
        <v>11154</v>
      </c>
      <c r="BV29" s="329">
        <v>41611</v>
      </c>
      <c r="BW29" s="329">
        <v>7610</v>
      </c>
      <c r="BX29" s="329">
        <v>1900</v>
      </c>
      <c r="BY29" s="332">
        <v>64564</v>
      </c>
      <c r="BZ29" s="333">
        <v>64564</v>
      </c>
      <c r="CA29" s="328">
        <v>0</v>
      </c>
      <c r="CB29" s="329">
        <v>0</v>
      </c>
      <c r="CC29" s="330">
        <v>0</v>
      </c>
      <c r="CD29" s="331">
        <v>0</v>
      </c>
      <c r="CE29" s="329">
        <v>2255</v>
      </c>
      <c r="CF29" s="329">
        <v>735</v>
      </c>
      <c r="CG29" s="329">
        <v>5635</v>
      </c>
      <c r="CH29" s="329">
        <v>990</v>
      </c>
      <c r="CI29" s="329">
        <v>0</v>
      </c>
      <c r="CJ29" s="332">
        <v>9615</v>
      </c>
      <c r="CK29" s="333">
        <v>9615</v>
      </c>
      <c r="CL29" s="328">
        <v>0</v>
      </c>
      <c r="CM29" s="329">
        <v>0</v>
      </c>
      <c r="CN29" s="330">
        <v>0</v>
      </c>
      <c r="CO29" s="331">
        <v>0</v>
      </c>
      <c r="CP29" s="329">
        <v>0</v>
      </c>
      <c r="CQ29" s="329">
        <v>0</v>
      </c>
      <c r="CR29" s="329">
        <v>0</v>
      </c>
      <c r="CS29" s="329">
        <v>0</v>
      </c>
      <c r="CT29" s="329">
        <v>0</v>
      </c>
      <c r="CU29" s="332">
        <v>0</v>
      </c>
      <c r="CV29" s="333">
        <v>0</v>
      </c>
      <c r="CW29" s="328">
        <v>0</v>
      </c>
      <c r="CX29" s="329">
        <v>0</v>
      </c>
      <c r="CY29" s="330">
        <v>0</v>
      </c>
      <c r="CZ29" s="334"/>
      <c r="DA29" s="329">
        <v>0</v>
      </c>
      <c r="DB29" s="329">
        <v>0</v>
      </c>
      <c r="DC29" s="329">
        <v>0</v>
      </c>
      <c r="DD29" s="329">
        <v>0</v>
      </c>
      <c r="DE29" s="329">
        <v>0</v>
      </c>
      <c r="DF29" s="332">
        <v>0</v>
      </c>
      <c r="DG29" s="333">
        <v>0</v>
      </c>
      <c r="DH29" s="328">
        <v>0</v>
      </c>
      <c r="DI29" s="329">
        <v>0</v>
      </c>
      <c r="DJ29" s="330">
        <v>0</v>
      </c>
      <c r="DK29" s="331">
        <v>0</v>
      </c>
      <c r="DL29" s="329">
        <v>2127</v>
      </c>
      <c r="DM29" s="329">
        <v>142237</v>
      </c>
      <c r="DN29" s="329">
        <v>530792</v>
      </c>
      <c r="DO29" s="329">
        <v>698216</v>
      </c>
      <c r="DP29" s="329">
        <v>547403</v>
      </c>
      <c r="DQ29" s="332">
        <v>1920775</v>
      </c>
      <c r="DR29" s="335">
        <v>1920775</v>
      </c>
      <c r="DS29" s="328">
        <v>0</v>
      </c>
      <c r="DT29" s="329">
        <v>0</v>
      </c>
      <c r="DU29" s="330">
        <v>0</v>
      </c>
      <c r="DV29" s="334"/>
      <c r="DW29" s="329">
        <v>0</v>
      </c>
      <c r="DX29" s="329">
        <v>77686</v>
      </c>
      <c r="DY29" s="329">
        <v>372899</v>
      </c>
      <c r="DZ29" s="329">
        <v>663824</v>
      </c>
      <c r="EA29" s="329">
        <v>530100</v>
      </c>
      <c r="EB29" s="332">
        <v>1644509</v>
      </c>
      <c r="EC29" s="333">
        <v>1644509</v>
      </c>
      <c r="ED29" s="328">
        <v>0</v>
      </c>
      <c r="EE29" s="329">
        <v>0</v>
      </c>
      <c r="EF29" s="330">
        <v>0</v>
      </c>
      <c r="EG29" s="334"/>
      <c r="EH29" s="329">
        <v>651</v>
      </c>
      <c r="EI29" s="329">
        <v>46658</v>
      </c>
      <c r="EJ29" s="329">
        <v>49724</v>
      </c>
      <c r="EK29" s="329">
        <v>22568</v>
      </c>
      <c r="EL29" s="329">
        <v>434</v>
      </c>
      <c r="EM29" s="332">
        <v>120035</v>
      </c>
      <c r="EN29" s="333">
        <v>120035</v>
      </c>
      <c r="EO29" s="328">
        <v>0</v>
      </c>
      <c r="EP29" s="329">
        <v>0</v>
      </c>
      <c r="EQ29" s="330">
        <v>0</v>
      </c>
      <c r="ER29" s="334"/>
      <c r="ES29" s="329">
        <v>0</v>
      </c>
      <c r="ET29" s="329">
        <v>0</v>
      </c>
      <c r="EU29" s="329">
        <v>0</v>
      </c>
      <c r="EV29" s="329">
        <v>217</v>
      </c>
      <c r="EW29" s="329">
        <v>0</v>
      </c>
      <c r="EX29" s="332">
        <v>217</v>
      </c>
      <c r="EY29" s="333">
        <v>217</v>
      </c>
      <c r="EZ29" s="328">
        <v>0</v>
      </c>
      <c r="FA29" s="329">
        <v>0</v>
      </c>
      <c r="FB29" s="330">
        <v>0</v>
      </c>
      <c r="FC29" s="334"/>
      <c r="FD29" s="329">
        <v>0</v>
      </c>
      <c r="FE29" s="329">
        <v>0</v>
      </c>
      <c r="FF29" s="329">
        <v>0</v>
      </c>
      <c r="FG29" s="329">
        <v>0</v>
      </c>
      <c r="FH29" s="329">
        <v>217</v>
      </c>
      <c r="FI29" s="332">
        <v>217</v>
      </c>
      <c r="FJ29" s="333">
        <v>217</v>
      </c>
      <c r="FK29" s="328">
        <v>0</v>
      </c>
      <c r="FL29" s="329">
        <v>0</v>
      </c>
      <c r="FM29" s="330">
        <v>0</v>
      </c>
      <c r="FN29" s="334"/>
      <c r="FO29" s="329">
        <v>0</v>
      </c>
      <c r="FP29" s="329">
        <v>0</v>
      </c>
      <c r="FQ29" s="329">
        <v>0</v>
      </c>
      <c r="FR29" s="329">
        <v>0</v>
      </c>
      <c r="FS29" s="329">
        <v>0</v>
      </c>
      <c r="FT29" s="332">
        <v>0</v>
      </c>
      <c r="FU29" s="333">
        <v>0</v>
      </c>
      <c r="FV29" s="328">
        <v>0</v>
      </c>
      <c r="FW29" s="329">
        <v>0</v>
      </c>
      <c r="FX29" s="330">
        <v>0</v>
      </c>
      <c r="FY29" s="331">
        <v>0</v>
      </c>
      <c r="FZ29" s="329">
        <v>1455</v>
      </c>
      <c r="GA29" s="329">
        <v>17830</v>
      </c>
      <c r="GB29" s="329">
        <v>108120</v>
      </c>
      <c r="GC29" s="329">
        <v>11495</v>
      </c>
      <c r="GD29" s="329">
        <v>16652</v>
      </c>
      <c r="GE29" s="332">
        <v>155552</v>
      </c>
      <c r="GF29" s="333">
        <v>155552</v>
      </c>
      <c r="GG29" s="328">
        <v>0</v>
      </c>
      <c r="GH29" s="329">
        <v>0</v>
      </c>
      <c r="GI29" s="330">
        <v>0</v>
      </c>
      <c r="GJ29" s="331">
        <v>0</v>
      </c>
      <c r="GK29" s="329">
        <v>21</v>
      </c>
      <c r="GL29" s="329">
        <v>63</v>
      </c>
      <c r="GM29" s="329">
        <v>49</v>
      </c>
      <c r="GN29" s="329">
        <v>112</v>
      </c>
      <c r="GO29" s="329">
        <v>0</v>
      </c>
      <c r="GP29" s="332">
        <v>245</v>
      </c>
      <c r="GQ29" s="333">
        <v>245</v>
      </c>
      <c r="GR29" s="328">
        <v>0</v>
      </c>
      <c r="GS29" s="329">
        <v>0</v>
      </c>
      <c r="GT29" s="330">
        <v>0</v>
      </c>
      <c r="GU29" s="331">
        <v>0</v>
      </c>
      <c r="GV29" s="329">
        <v>0</v>
      </c>
      <c r="GW29" s="329">
        <v>0</v>
      </c>
      <c r="GX29" s="329">
        <v>0</v>
      </c>
      <c r="GY29" s="329">
        <v>0</v>
      </c>
      <c r="GZ29" s="329">
        <v>0</v>
      </c>
      <c r="HA29" s="332">
        <v>0</v>
      </c>
      <c r="HB29" s="333">
        <v>0</v>
      </c>
      <c r="HC29" s="328">
        <v>0</v>
      </c>
      <c r="HD29" s="329">
        <v>0</v>
      </c>
      <c r="HE29" s="330">
        <v>0</v>
      </c>
      <c r="HF29" s="334"/>
      <c r="HG29" s="329">
        <v>0</v>
      </c>
      <c r="HH29" s="329">
        <v>0</v>
      </c>
      <c r="HI29" s="329">
        <v>0</v>
      </c>
      <c r="HJ29" s="329">
        <v>0</v>
      </c>
      <c r="HK29" s="329">
        <v>0</v>
      </c>
      <c r="HL29" s="332">
        <v>0</v>
      </c>
      <c r="HM29" s="333">
        <v>0</v>
      </c>
      <c r="HN29" s="328">
        <v>0</v>
      </c>
      <c r="HO29" s="329">
        <v>0</v>
      </c>
      <c r="HP29" s="330">
        <v>0</v>
      </c>
      <c r="HQ29" s="331">
        <v>0</v>
      </c>
      <c r="HR29" s="329">
        <v>74716</v>
      </c>
      <c r="HS29" s="329">
        <v>364693</v>
      </c>
      <c r="HT29" s="329">
        <v>972513</v>
      </c>
      <c r="HU29" s="329">
        <v>1401871</v>
      </c>
      <c r="HV29" s="329">
        <v>1049403</v>
      </c>
      <c r="HW29" s="332">
        <v>3863196</v>
      </c>
      <c r="HX29" s="333">
        <v>3863196</v>
      </c>
    </row>
    <row r="30" spans="1:232" ht="16.5" customHeight="1" x14ac:dyDescent="0.2">
      <c r="A30" s="326" t="s">
        <v>27</v>
      </c>
      <c r="B30" s="328">
        <v>0</v>
      </c>
      <c r="C30" s="329">
        <v>0</v>
      </c>
      <c r="D30" s="330">
        <v>0</v>
      </c>
      <c r="E30" s="331">
        <v>0</v>
      </c>
      <c r="F30" s="329">
        <v>67920</v>
      </c>
      <c r="G30" s="329">
        <v>198710</v>
      </c>
      <c r="H30" s="329">
        <v>745650</v>
      </c>
      <c r="I30" s="329">
        <v>689535</v>
      </c>
      <c r="J30" s="329">
        <v>343755</v>
      </c>
      <c r="K30" s="332">
        <v>2045570</v>
      </c>
      <c r="L30" s="333">
        <v>2045570</v>
      </c>
      <c r="M30" s="328">
        <v>0</v>
      </c>
      <c r="N30" s="329">
        <v>0</v>
      </c>
      <c r="O30" s="330">
        <v>0</v>
      </c>
      <c r="P30" s="334"/>
      <c r="Q30" s="329">
        <v>35340</v>
      </c>
      <c r="R30" s="329">
        <v>32705</v>
      </c>
      <c r="S30" s="329">
        <v>461260</v>
      </c>
      <c r="T30" s="329">
        <v>537355</v>
      </c>
      <c r="U30" s="329">
        <v>222305</v>
      </c>
      <c r="V30" s="332">
        <v>1288965</v>
      </c>
      <c r="W30" s="333">
        <v>1288965</v>
      </c>
      <c r="X30" s="328">
        <v>0</v>
      </c>
      <c r="Y30" s="329">
        <v>0</v>
      </c>
      <c r="Z30" s="330">
        <v>0</v>
      </c>
      <c r="AA30" s="334"/>
      <c r="AB30" s="329">
        <v>27280</v>
      </c>
      <c r="AC30" s="329">
        <v>166005</v>
      </c>
      <c r="AD30" s="329">
        <v>135935</v>
      </c>
      <c r="AE30" s="329">
        <v>97605</v>
      </c>
      <c r="AF30" s="329">
        <v>35340</v>
      </c>
      <c r="AG30" s="332">
        <v>462165</v>
      </c>
      <c r="AH30" s="333">
        <v>462165</v>
      </c>
      <c r="AI30" s="328">
        <v>0</v>
      </c>
      <c r="AJ30" s="329">
        <v>0</v>
      </c>
      <c r="AK30" s="330">
        <v>0</v>
      </c>
      <c r="AL30" s="334"/>
      <c r="AM30" s="329">
        <v>0</v>
      </c>
      <c r="AN30" s="329">
        <v>0</v>
      </c>
      <c r="AO30" s="329">
        <v>0</v>
      </c>
      <c r="AP30" s="329">
        <v>0</v>
      </c>
      <c r="AQ30" s="329">
        <v>0</v>
      </c>
      <c r="AR30" s="332">
        <v>0</v>
      </c>
      <c r="AS30" s="333">
        <v>0</v>
      </c>
      <c r="AT30" s="328">
        <v>0</v>
      </c>
      <c r="AU30" s="329">
        <v>0</v>
      </c>
      <c r="AV30" s="330">
        <v>0</v>
      </c>
      <c r="AW30" s="334"/>
      <c r="AX30" s="329">
        <v>0</v>
      </c>
      <c r="AY30" s="329">
        <v>0</v>
      </c>
      <c r="AZ30" s="329">
        <v>24645</v>
      </c>
      <c r="BA30" s="329">
        <v>0</v>
      </c>
      <c r="BB30" s="329">
        <v>0</v>
      </c>
      <c r="BC30" s="332">
        <v>24645</v>
      </c>
      <c r="BD30" s="333">
        <v>24645</v>
      </c>
      <c r="BE30" s="328">
        <v>0</v>
      </c>
      <c r="BF30" s="329">
        <v>0</v>
      </c>
      <c r="BG30" s="330">
        <v>0</v>
      </c>
      <c r="BH30" s="334"/>
      <c r="BI30" s="329">
        <v>0</v>
      </c>
      <c r="BJ30" s="329">
        <v>0</v>
      </c>
      <c r="BK30" s="329">
        <v>89900</v>
      </c>
      <c r="BL30" s="329">
        <v>30065</v>
      </c>
      <c r="BM30" s="329">
        <v>68045</v>
      </c>
      <c r="BN30" s="332">
        <v>188010</v>
      </c>
      <c r="BO30" s="333">
        <v>188010</v>
      </c>
      <c r="BP30" s="328">
        <v>0</v>
      </c>
      <c r="BQ30" s="329">
        <v>0</v>
      </c>
      <c r="BR30" s="330">
        <v>0</v>
      </c>
      <c r="BS30" s="331">
        <v>0</v>
      </c>
      <c r="BT30" s="329">
        <v>5300</v>
      </c>
      <c r="BU30" s="329">
        <v>0</v>
      </c>
      <c r="BV30" s="329">
        <v>31780</v>
      </c>
      <c r="BW30" s="329">
        <v>24075</v>
      </c>
      <c r="BX30" s="329">
        <v>4210</v>
      </c>
      <c r="BY30" s="332">
        <v>65365</v>
      </c>
      <c r="BZ30" s="333">
        <v>65365</v>
      </c>
      <c r="CA30" s="328">
        <v>0</v>
      </c>
      <c r="CB30" s="329">
        <v>0</v>
      </c>
      <c r="CC30" s="330">
        <v>0</v>
      </c>
      <c r="CD30" s="331">
        <v>0</v>
      </c>
      <c r="CE30" s="329">
        <v>0</v>
      </c>
      <c r="CF30" s="329">
        <v>0</v>
      </c>
      <c r="CG30" s="329">
        <v>2130</v>
      </c>
      <c r="CH30" s="329">
        <v>435</v>
      </c>
      <c r="CI30" s="329">
        <v>13855</v>
      </c>
      <c r="CJ30" s="332">
        <v>16420</v>
      </c>
      <c r="CK30" s="333">
        <v>16420</v>
      </c>
      <c r="CL30" s="328">
        <v>0</v>
      </c>
      <c r="CM30" s="329">
        <v>0</v>
      </c>
      <c r="CN30" s="330">
        <v>0</v>
      </c>
      <c r="CO30" s="331">
        <v>0</v>
      </c>
      <c r="CP30" s="329">
        <v>0</v>
      </c>
      <c r="CQ30" s="329">
        <v>0</v>
      </c>
      <c r="CR30" s="329">
        <v>0</v>
      </c>
      <c r="CS30" s="329">
        <v>0</v>
      </c>
      <c r="CT30" s="329">
        <v>0</v>
      </c>
      <c r="CU30" s="332">
        <v>0</v>
      </c>
      <c r="CV30" s="333">
        <v>0</v>
      </c>
      <c r="CW30" s="328">
        <v>0</v>
      </c>
      <c r="CX30" s="329">
        <v>0</v>
      </c>
      <c r="CY30" s="330">
        <v>0</v>
      </c>
      <c r="CZ30" s="334"/>
      <c r="DA30" s="329">
        <v>0</v>
      </c>
      <c r="DB30" s="329">
        <v>0</v>
      </c>
      <c r="DC30" s="329">
        <v>0</v>
      </c>
      <c r="DD30" s="329">
        <v>0</v>
      </c>
      <c r="DE30" s="329">
        <v>0</v>
      </c>
      <c r="DF30" s="332">
        <v>0</v>
      </c>
      <c r="DG30" s="333">
        <v>0</v>
      </c>
      <c r="DH30" s="328">
        <v>0</v>
      </c>
      <c r="DI30" s="329">
        <v>0</v>
      </c>
      <c r="DJ30" s="330">
        <v>0</v>
      </c>
      <c r="DK30" s="331">
        <v>0</v>
      </c>
      <c r="DL30" s="329">
        <v>60548</v>
      </c>
      <c r="DM30" s="329">
        <v>158782</v>
      </c>
      <c r="DN30" s="329">
        <v>652921</v>
      </c>
      <c r="DO30" s="329">
        <v>676719</v>
      </c>
      <c r="DP30" s="329">
        <v>397756</v>
      </c>
      <c r="DQ30" s="332">
        <v>1946726</v>
      </c>
      <c r="DR30" s="335">
        <v>1946726</v>
      </c>
      <c r="DS30" s="328">
        <v>0</v>
      </c>
      <c r="DT30" s="329">
        <v>0</v>
      </c>
      <c r="DU30" s="330">
        <v>0</v>
      </c>
      <c r="DV30" s="334"/>
      <c r="DW30" s="329">
        <v>30070</v>
      </c>
      <c r="DX30" s="329">
        <v>15035</v>
      </c>
      <c r="DY30" s="329">
        <v>391953</v>
      </c>
      <c r="DZ30" s="329">
        <v>529820</v>
      </c>
      <c r="EA30" s="329">
        <v>299178</v>
      </c>
      <c r="EB30" s="332">
        <v>1266056</v>
      </c>
      <c r="EC30" s="333">
        <v>1266056</v>
      </c>
      <c r="ED30" s="328">
        <v>0</v>
      </c>
      <c r="EE30" s="329">
        <v>0</v>
      </c>
      <c r="EF30" s="330">
        <v>0</v>
      </c>
      <c r="EG30" s="334"/>
      <c r="EH30" s="329">
        <v>21793</v>
      </c>
      <c r="EI30" s="329">
        <v>143747</v>
      </c>
      <c r="EJ30" s="329">
        <v>81623</v>
      </c>
      <c r="EK30" s="329">
        <v>58703</v>
      </c>
      <c r="EL30" s="329">
        <v>434</v>
      </c>
      <c r="EM30" s="332">
        <v>306300</v>
      </c>
      <c r="EN30" s="333">
        <v>306300</v>
      </c>
      <c r="EO30" s="328">
        <v>0</v>
      </c>
      <c r="EP30" s="329">
        <v>0</v>
      </c>
      <c r="EQ30" s="330">
        <v>0</v>
      </c>
      <c r="ER30" s="334"/>
      <c r="ES30" s="329">
        <v>0</v>
      </c>
      <c r="ET30" s="329">
        <v>0</v>
      </c>
      <c r="EU30" s="329">
        <v>0</v>
      </c>
      <c r="EV30" s="329">
        <v>0</v>
      </c>
      <c r="EW30" s="329">
        <v>0</v>
      </c>
      <c r="EX30" s="332">
        <v>0</v>
      </c>
      <c r="EY30" s="333">
        <v>0</v>
      </c>
      <c r="EZ30" s="328">
        <v>0</v>
      </c>
      <c r="FA30" s="329">
        <v>0</v>
      </c>
      <c r="FB30" s="330">
        <v>0</v>
      </c>
      <c r="FC30" s="334"/>
      <c r="FD30" s="329">
        <v>0</v>
      </c>
      <c r="FE30" s="329">
        <v>0</v>
      </c>
      <c r="FF30" s="329">
        <v>217</v>
      </c>
      <c r="FG30" s="329">
        <v>0</v>
      </c>
      <c r="FH30" s="329">
        <v>0</v>
      </c>
      <c r="FI30" s="332">
        <v>217</v>
      </c>
      <c r="FJ30" s="333">
        <v>217</v>
      </c>
      <c r="FK30" s="328">
        <v>0</v>
      </c>
      <c r="FL30" s="329">
        <v>0</v>
      </c>
      <c r="FM30" s="330">
        <v>0</v>
      </c>
      <c r="FN30" s="334"/>
      <c r="FO30" s="329">
        <v>0</v>
      </c>
      <c r="FP30" s="329">
        <v>0</v>
      </c>
      <c r="FQ30" s="329">
        <v>144646</v>
      </c>
      <c r="FR30" s="329">
        <v>52412</v>
      </c>
      <c r="FS30" s="329">
        <v>95108</v>
      </c>
      <c r="FT30" s="332">
        <v>292166</v>
      </c>
      <c r="FU30" s="333">
        <v>292166</v>
      </c>
      <c r="FV30" s="328">
        <v>0</v>
      </c>
      <c r="FW30" s="329">
        <v>0</v>
      </c>
      <c r="FX30" s="330">
        <v>0</v>
      </c>
      <c r="FY30" s="331">
        <v>0</v>
      </c>
      <c r="FZ30" s="329">
        <v>8685</v>
      </c>
      <c r="GA30" s="329">
        <v>0</v>
      </c>
      <c r="GB30" s="329">
        <v>34370</v>
      </c>
      <c r="GC30" s="329">
        <v>34352</v>
      </c>
      <c r="GD30" s="329">
        <v>2910</v>
      </c>
      <c r="GE30" s="332">
        <v>80317</v>
      </c>
      <c r="GF30" s="333">
        <v>80317</v>
      </c>
      <c r="GG30" s="328">
        <v>0</v>
      </c>
      <c r="GH30" s="329">
        <v>0</v>
      </c>
      <c r="GI30" s="330">
        <v>0</v>
      </c>
      <c r="GJ30" s="331">
        <v>0</v>
      </c>
      <c r="GK30" s="329">
        <v>0</v>
      </c>
      <c r="GL30" s="329">
        <v>0</v>
      </c>
      <c r="GM30" s="329">
        <v>112</v>
      </c>
      <c r="GN30" s="329">
        <v>1432</v>
      </c>
      <c r="GO30" s="329">
        <v>126</v>
      </c>
      <c r="GP30" s="332">
        <v>1670</v>
      </c>
      <c r="GQ30" s="333">
        <v>1670</v>
      </c>
      <c r="GR30" s="328">
        <v>0</v>
      </c>
      <c r="GS30" s="329">
        <v>0</v>
      </c>
      <c r="GT30" s="330">
        <v>0</v>
      </c>
      <c r="GU30" s="331">
        <v>0</v>
      </c>
      <c r="GV30" s="329">
        <v>0</v>
      </c>
      <c r="GW30" s="329">
        <v>0</v>
      </c>
      <c r="GX30" s="329">
        <v>0</v>
      </c>
      <c r="GY30" s="329">
        <v>0</v>
      </c>
      <c r="GZ30" s="329">
        <v>0</v>
      </c>
      <c r="HA30" s="332">
        <v>0</v>
      </c>
      <c r="HB30" s="333">
        <v>0</v>
      </c>
      <c r="HC30" s="328">
        <v>0</v>
      </c>
      <c r="HD30" s="329">
        <v>0</v>
      </c>
      <c r="HE30" s="330">
        <v>0</v>
      </c>
      <c r="HF30" s="334"/>
      <c r="HG30" s="329">
        <v>0</v>
      </c>
      <c r="HH30" s="329">
        <v>0</v>
      </c>
      <c r="HI30" s="329">
        <v>0</v>
      </c>
      <c r="HJ30" s="329">
        <v>0</v>
      </c>
      <c r="HK30" s="329">
        <v>0</v>
      </c>
      <c r="HL30" s="332">
        <v>0</v>
      </c>
      <c r="HM30" s="333">
        <v>0</v>
      </c>
      <c r="HN30" s="328">
        <v>0</v>
      </c>
      <c r="HO30" s="329">
        <v>0</v>
      </c>
      <c r="HP30" s="330">
        <v>0</v>
      </c>
      <c r="HQ30" s="331">
        <v>0</v>
      </c>
      <c r="HR30" s="329">
        <v>128468</v>
      </c>
      <c r="HS30" s="329">
        <v>357492</v>
      </c>
      <c r="HT30" s="329">
        <v>1398571</v>
      </c>
      <c r="HU30" s="329">
        <v>1366254</v>
      </c>
      <c r="HV30" s="329">
        <v>741511</v>
      </c>
      <c r="HW30" s="332">
        <v>3992296</v>
      </c>
      <c r="HX30" s="333">
        <v>3992296</v>
      </c>
    </row>
    <row r="31" spans="1:232" ht="16.5" customHeight="1" x14ac:dyDescent="0.2">
      <c r="A31" s="326" t="s">
        <v>28</v>
      </c>
      <c r="B31" s="328">
        <v>0</v>
      </c>
      <c r="C31" s="329">
        <v>0</v>
      </c>
      <c r="D31" s="330">
        <v>0</v>
      </c>
      <c r="E31" s="331">
        <v>0</v>
      </c>
      <c r="F31" s="329">
        <v>0</v>
      </c>
      <c r="G31" s="329">
        <v>35960</v>
      </c>
      <c r="H31" s="329">
        <v>126709</v>
      </c>
      <c r="I31" s="329">
        <v>202780</v>
      </c>
      <c r="J31" s="329">
        <v>152730</v>
      </c>
      <c r="K31" s="332">
        <v>518179</v>
      </c>
      <c r="L31" s="333">
        <v>518179</v>
      </c>
      <c r="M31" s="328">
        <v>0</v>
      </c>
      <c r="N31" s="329">
        <v>0</v>
      </c>
      <c r="O31" s="330">
        <v>0</v>
      </c>
      <c r="P31" s="334"/>
      <c r="Q31" s="329">
        <v>0</v>
      </c>
      <c r="R31" s="329">
        <v>30690</v>
      </c>
      <c r="S31" s="329">
        <v>37251</v>
      </c>
      <c r="T31" s="329">
        <v>149885</v>
      </c>
      <c r="U31" s="329">
        <v>94240</v>
      </c>
      <c r="V31" s="332">
        <v>312066</v>
      </c>
      <c r="W31" s="333">
        <v>312066</v>
      </c>
      <c r="X31" s="328">
        <v>0</v>
      </c>
      <c r="Y31" s="329">
        <v>0</v>
      </c>
      <c r="Z31" s="330">
        <v>0</v>
      </c>
      <c r="AA31" s="334"/>
      <c r="AB31" s="329">
        <v>0</v>
      </c>
      <c r="AC31" s="329">
        <v>5270</v>
      </c>
      <c r="AD31" s="329">
        <v>32705</v>
      </c>
      <c r="AE31" s="329">
        <v>40795</v>
      </c>
      <c r="AF31" s="329">
        <v>57350</v>
      </c>
      <c r="AG31" s="332">
        <v>136120</v>
      </c>
      <c r="AH31" s="333">
        <v>136120</v>
      </c>
      <c r="AI31" s="328">
        <v>0</v>
      </c>
      <c r="AJ31" s="329">
        <v>0</v>
      </c>
      <c r="AK31" s="330">
        <v>0</v>
      </c>
      <c r="AL31" s="334"/>
      <c r="AM31" s="329">
        <v>0</v>
      </c>
      <c r="AN31" s="329">
        <v>0</v>
      </c>
      <c r="AO31" s="329">
        <v>0</v>
      </c>
      <c r="AP31" s="329">
        <v>0</v>
      </c>
      <c r="AQ31" s="329">
        <v>0</v>
      </c>
      <c r="AR31" s="332">
        <v>0</v>
      </c>
      <c r="AS31" s="333">
        <v>0</v>
      </c>
      <c r="AT31" s="328">
        <v>0</v>
      </c>
      <c r="AU31" s="329">
        <v>0</v>
      </c>
      <c r="AV31" s="330">
        <v>0</v>
      </c>
      <c r="AW31" s="334"/>
      <c r="AX31" s="329">
        <v>0</v>
      </c>
      <c r="AY31" s="329">
        <v>0</v>
      </c>
      <c r="AZ31" s="329">
        <v>0</v>
      </c>
      <c r="BA31" s="329">
        <v>0</v>
      </c>
      <c r="BB31" s="329">
        <v>0</v>
      </c>
      <c r="BC31" s="332">
        <v>0</v>
      </c>
      <c r="BD31" s="333">
        <v>0</v>
      </c>
      <c r="BE31" s="328">
        <v>0</v>
      </c>
      <c r="BF31" s="329">
        <v>0</v>
      </c>
      <c r="BG31" s="330">
        <v>0</v>
      </c>
      <c r="BH31" s="334"/>
      <c r="BI31" s="329">
        <v>0</v>
      </c>
      <c r="BJ31" s="329">
        <v>0</v>
      </c>
      <c r="BK31" s="329">
        <v>56753</v>
      </c>
      <c r="BL31" s="329">
        <v>0</v>
      </c>
      <c r="BM31" s="329">
        <v>0</v>
      </c>
      <c r="BN31" s="332">
        <v>56753</v>
      </c>
      <c r="BO31" s="333">
        <v>56753</v>
      </c>
      <c r="BP31" s="328">
        <v>0</v>
      </c>
      <c r="BQ31" s="329">
        <v>0</v>
      </c>
      <c r="BR31" s="330">
        <v>0</v>
      </c>
      <c r="BS31" s="331">
        <v>0</v>
      </c>
      <c r="BT31" s="329">
        <v>0</v>
      </c>
      <c r="BU31" s="329">
        <v>0</v>
      </c>
      <c r="BV31" s="329">
        <v>0</v>
      </c>
      <c r="BW31" s="329">
        <v>12100</v>
      </c>
      <c r="BX31" s="329">
        <v>0</v>
      </c>
      <c r="BY31" s="332">
        <v>12100</v>
      </c>
      <c r="BZ31" s="333">
        <v>12100</v>
      </c>
      <c r="CA31" s="328">
        <v>0</v>
      </c>
      <c r="CB31" s="329">
        <v>0</v>
      </c>
      <c r="CC31" s="330">
        <v>0</v>
      </c>
      <c r="CD31" s="331">
        <v>0</v>
      </c>
      <c r="CE31" s="329">
        <v>0</v>
      </c>
      <c r="CF31" s="329">
        <v>0</v>
      </c>
      <c r="CG31" s="329">
        <v>0</v>
      </c>
      <c r="CH31" s="329">
        <v>0</v>
      </c>
      <c r="CI31" s="329">
        <v>1140</v>
      </c>
      <c r="CJ31" s="332">
        <v>1140</v>
      </c>
      <c r="CK31" s="333">
        <v>1140</v>
      </c>
      <c r="CL31" s="328">
        <v>0</v>
      </c>
      <c r="CM31" s="329">
        <v>0</v>
      </c>
      <c r="CN31" s="330">
        <v>0</v>
      </c>
      <c r="CO31" s="331">
        <v>0</v>
      </c>
      <c r="CP31" s="329">
        <v>0</v>
      </c>
      <c r="CQ31" s="329">
        <v>0</v>
      </c>
      <c r="CR31" s="329">
        <v>0</v>
      </c>
      <c r="CS31" s="329">
        <v>0</v>
      </c>
      <c r="CT31" s="329">
        <v>0</v>
      </c>
      <c r="CU31" s="332">
        <v>0</v>
      </c>
      <c r="CV31" s="333">
        <v>0</v>
      </c>
      <c r="CW31" s="328">
        <v>0</v>
      </c>
      <c r="CX31" s="329">
        <v>0</v>
      </c>
      <c r="CY31" s="330">
        <v>0</v>
      </c>
      <c r="CZ31" s="334"/>
      <c r="DA31" s="329">
        <v>0</v>
      </c>
      <c r="DB31" s="329">
        <v>0</v>
      </c>
      <c r="DC31" s="329">
        <v>0</v>
      </c>
      <c r="DD31" s="329">
        <v>0</v>
      </c>
      <c r="DE31" s="329">
        <v>0</v>
      </c>
      <c r="DF31" s="332">
        <v>0</v>
      </c>
      <c r="DG31" s="333">
        <v>0</v>
      </c>
      <c r="DH31" s="328">
        <v>0</v>
      </c>
      <c r="DI31" s="329">
        <v>0</v>
      </c>
      <c r="DJ31" s="330">
        <v>0</v>
      </c>
      <c r="DK31" s="331">
        <v>0</v>
      </c>
      <c r="DL31" s="329">
        <v>0</v>
      </c>
      <c r="DM31" s="329">
        <v>47244</v>
      </c>
      <c r="DN31" s="329">
        <v>16731</v>
      </c>
      <c r="DO31" s="329">
        <v>219537</v>
      </c>
      <c r="DP31" s="329">
        <v>83658</v>
      </c>
      <c r="DQ31" s="332">
        <v>367170</v>
      </c>
      <c r="DR31" s="335">
        <v>367170</v>
      </c>
      <c r="DS31" s="328">
        <v>0</v>
      </c>
      <c r="DT31" s="329">
        <v>0</v>
      </c>
      <c r="DU31" s="330">
        <v>0</v>
      </c>
      <c r="DV31" s="334"/>
      <c r="DW31" s="329">
        <v>0</v>
      </c>
      <c r="DX31" s="329">
        <v>14570</v>
      </c>
      <c r="DY31" s="329">
        <v>-48716</v>
      </c>
      <c r="DZ31" s="329">
        <v>174375</v>
      </c>
      <c r="EA31" s="329">
        <v>82150</v>
      </c>
      <c r="EB31" s="332">
        <v>222379</v>
      </c>
      <c r="EC31" s="333">
        <v>222379</v>
      </c>
      <c r="ED31" s="328">
        <v>0</v>
      </c>
      <c r="EE31" s="329">
        <v>0</v>
      </c>
      <c r="EF31" s="330">
        <v>0</v>
      </c>
      <c r="EG31" s="334"/>
      <c r="EH31" s="329">
        <v>0</v>
      </c>
      <c r="EI31" s="329">
        <v>32674</v>
      </c>
      <c r="EJ31" s="329">
        <v>217</v>
      </c>
      <c r="EK31" s="329">
        <v>28282</v>
      </c>
      <c r="EL31" s="329">
        <v>434</v>
      </c>
      <c r="EM31" s="332">
        <v>61607</v>
      </c>
      <c r="EN31" s="333">
        <v>61607</v>
      </c>
      <c r="EO31" s="328">
        <v>0</v>
      </c>
      <c r="EP31" s="329">
        <v>0</v>
      </c>
      <c r="EQ31" s="330">
        <v>0</v>
      </c>
      <c r="ER31" s="334"/>
      <c r="ES31" s="329">
        <v>0</v>
      </c>
      <c r="ET31" s="329">
        <v>0</v>
      </c>
      <c r="EU31" s="329">
        <v>0</v>
      </c>
      <c r="EV31" s="329">
        <v>0</v>
      </c>
      <c r="EW31" s="329">
        <v>0</v>
      </c>
      <c r="EX31" s="332">
        <v>0</v>
      </c>
      <c r="EY31" s="333">
        <v>0</v>
      </c>
      <c r="EZ31" s="328">
        <v>0</v>
      </c>
      <c r="FA31" s="329">
        <v>0</v>
      </c>
      <c r="FB31" s="330">
        <v>0</v>
      </c>
      <c r="FC31" s="334"/>
      <c r="FD31" s="329">
        <v>0</v>
      </c>
      <c r="FE31" s="329">
        <v>0</v>
      </c>
      <c r="FF31" s="329">
        <v>0</v>
      </c>
      <c r="FG31" s="329">
        <v>0</v>
      </c>
      <c r="FH31" s="329">
        <v>0</v>
      </c>
      <c r="FI31" s="332">
        <v>0</v>
      </c>
      <c r="FJ31" s="333">
        <v>0</v>
      </c>
      <c r="FK31" s="328">
        <v>0</v>
      </c>
      <c r="FL31" s="329">
        <v>0</v>
      </c>
      <c r="FM31" s="330">
        <v>0</v>
      </c>
      <c r="FN31" s="334"/>
      <c r="FO31" s="329">
        <v>0</v>
      </c>
      <c r="FP31" s="329">
        <v>0</v>
      </c>
      <c r="FQ31" s="329">
        <v>65230</v>
      </c>
      <c r="FR31" s="329">
        <v>0</v>
      </c>
      <c r="FS31" s="329">
        <v>0</v>
      </c>
      <c r="FT31" s="332">
        <v>65230</v>
      </c>
      <c r="FU31" s="333">
        <v>65230</v>
      </c>
      <c r="FV31" s="328">
        <v>0</v>
      </c>
      <c r="FW31" s="329">
        <v>0</v>
      </c>
      <c r="FX31" s="330">
        <v>0</v>
      </c>
      <c r="FY31" s="331">
        <v>0</v>
      </c>
      <c r="FZ31" s="329">
        <v>0</v>
      </c>
      <c r="GA31" s="329">
        <v>0</v>
      </c>
      <c r="GB31" s="329">
        <v>0</v>
      </c>
      <c r="GC31" s="329">
        <v>16880</v>
      </c>
      <c r="GD31" s="329">
        <v>0</v>
      </c>
      <c r="GE31" s="332">
        <v>16880</v>
      </c>
      <c r="GF31" s="333">
        <v>16880</v>
      </c>
      <c r="GG31" s="328">
        <v>0</v>
      </c>
      <c r="GH31" s="329">
        <v>0</v>
      </c>
      <c r="GI31" s="330">
        <v>0</v>
      </c>
      <c r="GJ31" s="331">
        <v>0</v>
      </c>
      <c r="GK31" s="329">
        <v>0</v>
      </c>
      <c r="GL31" s="329">
        <v>0</v>
      </c>
      <c r="GM31" s="329">
        <v>0</v>
      </c>
      <c r="GN31" s="329">
        <v>0</v>
      </c>
      <c r="GO31" s="329">
        <v>1074</v>
      </c>
      <c r="GP31" s="332">
        <v>1074</v>
      </c>
      <c r="GQ31" s="333">
        <v>1074</v>
      </c>
      <c r="GR31" s="328">
        <v>0</v>
      </c>
      <c r="GS31" s="329">
        <v>0</v>
      </c>
      <c r="GT31" s="330">
        <v>0</v>
      </c>
      <c r="GU31" s="331">
        <v>0</v>
      </c>
      <c r="GV31" s="329">
        <v>0</v>
      </c>
      <c r="GW31" s="329">
        <v>0</v>
      </c>
      <c r="GX31" s="329">
        <v>0</v>
      </c>
      <c r="GY31" s="329">
        <v>0</v>
      </c>
      <c r="GZ31" s="329">
        <v>0</v>
      </c>
      <c r="HA31" s="332">
        <v>0</v>
      </c>
      <c r="HB31" s="333">
        <v>0</v>
      </c>
      <c r="HC31" s="328">
        <v>0</v>
      </c>
      <c r="HD31" s="329">
        <v>0</v>
      </c>
      <c r="HE31" s="330">
        <v>0</v>
      </c>
      <c r="HF31" s="334"/>
      <c r="HG31" s="329">
        <v>0</v>
      </c>
      <c r="HH31" s="329">
        <v>0</v>
      </c>
      <c r="HI31" s="329">
        <v>0</v>
      </c>
      <c r="HJ31" s="329">
        <v>0</v>
      </c>
      <c r="HK31" s="329">
        <v>0</v>
      </c>
      <c r="HL31" s="332">
        <v>0</v>
      </c>
      <c r="HM31" s="333">
        <v>0</v>
      </c>
      <c r="HN31" s="328">
        <v>0</v>
      </c>
      <c r="HO31" s="329">
        <v>0</v>
      </c>
      <c r="HP31" s="330">
        <v>0</v>
      </c>
      <c r="HQ31" s="331">
        <v>0</v>
      </c>
      <c r="HR31" s="329">
        <v>0</v>
      </c>
      <c r="HS31" s="329">
        <v>83204</v>
      </c>
      <c r="HT31" s="329">
        <v>143440</v>
      </c>
      <c r="HU31" s="329">
        <v>422317</v>
      </c>
      <c r="HV31" s="329">
        <v>236388</v>
      </c>
      <c r="HW31" s="332">
        <v>885349</v>
      </c>
      <c r="HX31" s="333">
        <v>885349</v>
      </c>
    </row>
    <row r="32" spans="1:232" ht="16.5" customHeight="1" x14ac:dyDescent="0.2">
      <c r="A32" s="326" t="s">
        <v>29</v>
      </c>
      <c r="B32" s="328">
        <v>0</v>
      </c>
      <c r="C32" s="329">
        <v>0</v>
      </c>
      <c r="D32" s="330">
        <v>0</v>
      </c>
      <c r="E32" s="331">
        <v>0</v>
      </c>
      <c r="F32" s="329">
        <v>8365</v>
      </c>
      <c r="G32" s="329">
        <v>129505</v>
      </c>
      <c r="H32" s="329">
        <v>194395</v>
      </c>
      <c r="I32" s="329">
        <v>428655</v>
      </c>
      <c r="J32" s="329">
        <v>296927</v>
      </c>
      <c r="K32" s="332">
        <v>1057847</v>
      </c>
      <c r="L32" s="333">
        <v>1057847</v>
      </c>
      <c r="M32" s="328">
        <v>0</v>
      </c>
      <c r="N32" s="329">
        <v>0</v>
      </c>
      <c r="O32" s="330">
        <v>0</v>
      </c>
      <c r="P32" s="334"/>
      <c r="Q32" s="329">
        <v>0</v>
      </c>
      <c r="R32" s="329">
        <v>0</v>
      </c>
      <c r="S32" s="329">
        <v>146073</v>
      </c>
      <c r="T32" s="329">
        <v>354310</v>
      </c>
      <c r="U32" s="329">
        <v>210390</v>
      </c>
      <c r="V32" s="332">
        <v>710773</v>
      </c>
      <c r="W32" s="333">
        <v>710773</v>
      </c>
      <c r="X32" s="328">
        <v>0</v>
      </c>
      <c r="Y32" s="329">
        <v>0</v>
      </c>
      <c r="Z32" s="330">
        <v>0</v>
      </c>
      <c r="AA32" s="334"/>
      <c r="AB32" s="329">
        <v>2635</v>
      </c>
      <c r="AC32" s="329">
        <v>117335</v>
      </c>
      <c r="AD32" s="329">
        <v>0</v>
      </c>
      <c r="AE32" s="329">
        <v>62910</v>
      </c>
      <c r="AF32" s="329">
        <v>52237</v>
      </c>
      <c r="AG32" s="332">
        <v>235117</v>
      </c>
      <c r="AH32" s="333">
        <v>235117</v>
      </c>
      <c r="AI32" s="328">
        <v>0</v>
      </c>
      <c r="AJ32" s="329">
        <v>0</v>
      </c>
      <c r="AK32" s="330">
        <v>0</v>
      </c>
      <c r="AL32" s="334"/>
      <c r="AM32" s="329">
        <v>0</v>
      </c>
      <c r="AN32" s="329">
        <v>0</v>
      </c>
      <c r="AO32" s="329">
        <v>0</v>
      </c>
      <c r="AP32" s="329">
        <v>0</v>
      </c>
      <c r="AQ32" s="329">
        <v>0</v>
      </c>
      <c r="AR32" s="332">
        <v>0</v>
      </c>
      <c r="AS32" s="333">
        <v>0</v>
      </c>
      <c r="AT32" s="328">
        <v>0</v>
      </c>
      <c r="AU32" s="329">
        <v>0</v>
      </c>
      <c r="AV32" s="330">
        <v>0</v>
      </c>
      <c r="AW32" s="334"/>
      <c r="AX32" s="329">
        <v>0</v>
      </c>
      <c r="AY32" s="329">
        <v>0</v>
      </c>
      <c r="AZ32" s="329">
        <v>0</v>
      </c>
      <c r="BA32" s="329">
        <v>0</v>
      </c>
      <c r="BB32" s="329">
        <v>0</v>
      </c>
      <c r="BC32" s="332">
        <v>0</v>
      </c>
      <c r="BD32" s="333">
        <v>0</v>
      </c>
      <c r="BE32" s="328">
        <v>0</v>
      </c>
      <c r="BF32" s="329">
        <v>0</v>
      </c>
      <c r="BG32" s="330">
        <v>0</v>
      </c>
      <c r="BH32" s="334"/>
      <c r="BI32" s="329">
        <v>0</v>
      </c>
      <c r="BJ32" s="329">
        <v>0</v>
      </c>
      <c r="BK32" s="329">
        <v>5270</v>
      </c>
      <c r="BL32" s="329">
        <v>0</v>
      </c>
      <c r="BM32" s="329">
        <v>32705</v>
      </c>
      <c r="BN32" s="332">
        <v>37975</v>
      </c>
      <c r="BO32" s="333">
        <v>37975</v>
      </c>
      <c r="BP32" s="328">
        <v>0</v>
      </c>
      <c r="BQ32" s="329">
        <v>0</v>
      </c>
      <c r="BR32" s="330">
        <v>0</v>
      </c>
      <c r="BS32" s="331">
        <v>0</v>
      </c>
      <c r="BT32" s="329">
        <v>3390</v>
      </c>
      <c r="BU32" s="329">
        <v>11300</v>
      </c>
      <c r="BV32" s="329">
        <v>38257</v>
      </c>
      <c r="BW32" s="329">
        <v>11435</v>
      </c>
      <c r="BX32" s="329">
        <v>1595</v>
      </c>
      <c r="BY32" s="332">
        <v>65977</v>
      </c>
      <c r="BZ32" s="333">
        <v>65977</v>
      </c>
      <c r="CA32" s="328">
        <v>0</v>
      </c>
      <c r="CB32" s="329">
        <v>0</v>
      </c>
      <c r="CC32" s="330">
        <v>0</v>
      </c>
      <c r="CD32" s="331">
        <v>0</v>
      </c>
      <c r="CE32" s="329">
        <v>2340</v>
      </c>
      <c r="CF32" s="329">
        <v>870</v>
      </c>
      <c r="CG32" s="329">
        <v>4795</v>
      </c>
      <c r="CH32" s="329">
        <v>0</v>
      </c>
      <c r="CI32" s="329">
        <v>0</v>
      </c>
      <c r="CJ32" s="332">
        <v>8005</v>
      </c>
      <c r="CK32" s="333">
        <v>8005</v>
      </c>
      <c r="CL32" s="328">
        <v>0</v>
      </c>
      <c r="CM32" s="329">
        <v>0</v>
      </c>
      <c r="CN32" s="330">
        <v>0</v>
      </c>
      <c r="CO32" s="331">
        <v>0</v>
      </c>
      <c r="CP32" s="329">
        <v>0</v>
      </c>
      <c r="CQ32" s="329">
        <v>0</v>
      </c>
      <c r="CR32" s="329">
        <v>0</v>
      </c>
      <c r="CS32" s="329">
        <v>0</v>
      </c>
      <c r="CT32" s="329">
        <v>0</v>
      </c>
      <c r="CU32" s="332">
        <v>0</v>
      </c>
      <c r="CV32" s="333">
        <v>0</v>
      </c>
      <c r="CW32" s="328">
        <v>0</v>
      </c>
      <c r="CX32" s="329">
        <v>0</v>
      </c>
      <c r="CY32" s="330">
        <v>0</v>
      </c>
      <c r="CZ32" s="334"/>
      <c r="DA32" s="329">
        <v>0</v>
      </c>
      <c r="DB32" s="329">
        <v>0</v>
      </c>
      <c r="DC32" s="329">
        <v>0</v>
      </c>
      <c r="DD32" s="329">
        <v>0</v>
      </c>
      <c r="DE32" s="329">
        <v>0</v>
      </c>
      <c r="DF32" s="332">
        <v>0</v>
      </c>
      <c r="DG32" s="333">
        <v>0</v>
      </c>
      <c r="DH32" s="328">
        <v>0</v>
      </c>
      <c r="DI32" s="329">
        <v>0</v>
      </c>
      <c r="DJ32" s="330">
        <v>0</v>
      </c>
      <c r="DK32" s="331">
        <v>0</v>
      </c>
      <c r="DL32" s="329">
        <v>3148</v>
      </c>
      <c r="DM32" s="329">
        <v>58981</v>
      </c>
      <c r="DN32" s="329">
        <v>233287</v>
      </c>
      <c r="DO32" s="329">
        <v>338913</v>
      </c>
      <c r="DP32" s="329">
        <v>192338</v>
      </c>
      <c r="DQ32" s="332">
        <v>826667</v>
      </c>
      <c r="DR32" s="335">
        <v>826667</v>
      </c>
      <c r="DS32" s="328">
        <v>0</v>
      </c>
      <c r="DT32" s="329">
        <v>0</v>
      </c>
      <c r="DU32" s="330">
        <v>0</v>
      </c>
      <c r="DV32" s="334"/>
      <c r="DW32" s="329">
        <v>0</v>
      </c>
      <c r="DX32" s="329">
        <v>0</v>
      </c>
      <c r="DY32" s="329">
        <v>157373</v>
      </c>
      <c r="DZ32" s="329">
        <v>323540</v>
      </c>
      <c r="EA32" s="329">
        <v>150291</v>
      </c>
      <c r="EB32" s="332">
        <v>631204</v>
      </c>
      <c r="EC32" s="333">
        <v>631204</v>
      </c>
      <c r="ED32" s="328">
        <v>0</v>
      </c>
      <c r="EE32" s="329">
        <v>0</v>
      </c>
      <c r="EF32" s="330">
        <v>0</v>
      </c>
      <c r="EG32" s="334"/>
      <c r="EH32" s="329">
        <v>217</v>
      </c>
      <c r="EI32" s="329">
        <v>48267</v>
      </c>
      <c r="EJ32" s="329">
        <v>0</v>
      </c>
      <c r="EK32" s="329">
        <v>749</v>
      </c>
      <c r="EL32" s="329">
        <v>367</v>
      </c>
      <c r="EM32" s="332">
        <v>49600</v>
      </c>
      <c r="EN32" s="333">
        <v>49600</v>
      </c>
      <c r="EO32" s="328">
        <v>0</v>
      </c>
      <c r="EP32" s="329">
        <v>0</v>
      </c>
      <c r="EQ32" s="330">
        <v>0</v>
      </c>
      <c r="ER32" s="334"/>
      <c r="ES32" s="329">
        <v>0</v>
      </c>
      <c r="ET32" s="329">
        <v>0</v>
      </c>
      <c r="EU32" s="329">
        <v>0</v>
      </c>
      <c r="EV32" s="329">
        <v>0</v>
      </c>
      <c r="EW32" s="329">
        <v>0</v>
      </c>
      <c r="EX32" s="332">
        <v>0</v>
      </c>
      <c r="EY32" s="333">
        <v>0</v>
      </c>
      <c r="EZ32" s="328">
        <v>0</v>
      </c>
      <c r="FA32" s="329">
        <v>0</v>
      </c>
      <c r="FB32" s="330">
        <v>0</v>
      </c>
      <c r="FC32" s="334"/>
      <c r="FD32" s="329">
        <v>0</v>
      </c>
      <c r="FE32" s="329">
        <v>0</v>
      </c>
      <c r="FF32" s="329">
        <v>0</v>
      </c>
      <c r="FG32" s="329">
        <v>0</v>
      </c>
      <c r="FH32" s="329">
        <v>0</v>
      </c>
      <c r="FI32" s="332">
        <v>0</v>
      </c>
      <c r="FJ32" s="333">
        <v>0</v>
      </c>
      <c r="FK32" s="328">
        <v>0</v>
      </c>
      <c r="FL32" s="329">
        <v>0</v>
      </c>
      <c r="FM32" s="330">
        <v>0</v>
      </c>
      <c r="FN32" s="334"/>
      <c r="FO32" s="329">
        <v>0</v>
      </c>
      <c r="FP32" s="329">
        <v>0</v>
      </c>
      <c r="FQ32" s="329">
        <v>43152</v>
      </c>
      <c r="FR32" s="329">
        <v>0</v>
      </c>
      <c r="FS32" s="329">
        <v>36766</v>
      </c>
      <c r="FT32" s="332">
        <v>79918</v>
      </c>
      <c r="FU32" s="333">
        <v>79918</v>
      </c>
      <c r="FV32" s="328">
        <v>0</v>
      </c>
      <c r="FW32" s="329">
        <v>0</v>
      </c>
      <c r="FX32" s="330">
        <v>0</v>
      </c>
      <c r="FY32" s="331">
        <v>0</v>
      </c>
      <c r="FZ32" s="329">
        <v>2910</v>
      </c>
      <c r="GA32" s="329">
        <v>7492</v>
      </c>
      <c r="GB32" s="329">
        <v>31955</v>
      </c>
      <c r="GC32" s="329">
        <v>14624</v>
      </c>
      <c r="GD32" s="329">
        <v>4914</v>
      </c>
      <c r="GE32" s="332">
        <v>61895</v>
      </c>
      <c r="GF32" s="333">
        <v>61895</v>
      </c>
      <c r="GG32" s="328">
        <v>0</v>
      </c>
      <c r="GH32" s="329">
        <v>0</v>
      </c>
      <c r="GI32" s="330">
        <v>0</v>
      </c>
      <c r="GJ32" s="331">
        <v>0</v>
      </c>
      <c r="GK32" s="329">
        <v>21</v>
      </c>
      <c r="GL32" s="329">
        <v>3222</v>
      </c>
      <c r="GM32" s="329">
        <v>807</v>
      </c>
      <c r="GN32" s="329">
        <v>0</v>
      </c>
      <c r="GO32" s="329">
        <v>0</v>
      </c>
      <c r="GP32" s="332">
        <v>4050</v>
      </c>
      <c r="GQ32" s="333">
        <v>4050</v>
      </c>
      <c r="GR32" s="328">
        <v>0</v>
      </c>
      <c r="GS32" s="329">
        <v>0</v>
      </c>
      <c r="GT32" s="330">
        <v>0</v>
      </c>
      <c r="GU32" s="331">
        <v>0</v>
      </c>
      <c r="GV32" s="329">
        <v>0</v>
      </c>
      <c r="GW32" s="329">
        <v>0</v>
      </c>
      <c r="GX32" s="329">
        <v>0</v>
      </c>
      <c r="GY32" s="329">
        <v>0</v>
      </c>
      <c r="GZ32" s="329">
        <v>0</v>
      </c>
      <c r="HA32" s="332">
        <v>0</v>
      </c>
      <c r="HB32" s="333">
        <v>0</v>
      </c>
      <c r="HC32" s="328">
        <v>0</v>
      </c>
      <c r="HD32" s="329">
        <v>0</v>
      </c>
      <c r="HE32" s="330">
        <v>0</v>
      </c>
      <c r="HF32" s="334"/>
      <c r="HG32" s="329">
        <v>0</v>
      </c>
      <c r="HH32" s="329">
        <v>0</v>
      </c>
      <c r="HI32" s="329">
        <v>0</v>
      </c>
      <c r="HJ32" s="329">
        <v>0</v>
      </c>
      <c r="HK32" s="329">
        <v>0</v>
      </c>
      <c r="HL32" s="332">
        <v>0</v>
      </c>
      <c r="HM32" s="333">
        <v>0</v>
      </c>
      <c r="HN32" s="328">
        <v>0</v>
      </c>
      <c r="HO32" s="329">
        <v>0</v>
      </c>
      <c r="HP32" s="330">
        <v>0</v>
      </c>
      <c r="HQ32" s="331">
        <v>0</v>
      </c>
      <c r="HR32" s="329">
        <v>11513</v>
      </c>
      <c r="HS32" s="329">
        <v>188486</v>
      </c>
      <c r="HT32" s="329">
        <v>427682</v>
      </c>
      <c r="HU32" s="329">
        <v>767568</v>
      </c>
      <c r="HV32" s="329">
        <v>489265</v>
      </c>
      <c r="HW32" s="332">
        <v>1884514</v>
      </c>
      <c r="HX32" s="333">
        <v>1884514</v>
      </c>
    </row>
    <row r="33" spans="1:232" ht="16.5" customHeight="1" x14ac:dyDescent="0.2">
      <c r="A33" s="326" t="s">
        <v>30</v>
      </c>
      <c r="B33" s="328">
        <v>0</v>
      </c>
      <c r="C33" s="329">
        <v>0</v>
      </c>
      <c r="D33" s="330">
        <v>0</v>
      </c>
      <c r="E33" s="331">
        <v>0</v>
      </c>
      <c r="F33" s="329">
        <v>6575</v>
      </c>
      <c r="G33" s="329">
        <v>47585</v>
      </c>
      <c r="H33" s="329">
        <v>252075</v>
      </c>
      <c r="I33" s="329">
        <v>393425</v>
      </c>
      <c r="J33" s="329">
        <v>239475</v>
      </c>
      <c r="K33" s="332">
        <v>939135</v>
      </c>
      <c r="L33" s="333">
        <v>939135</v>
      </c>
      <c r="M33" s="328">
        <v>0</v>
      </c>
      <c r="N33" s="329">
        <v>0</v>
      </c>
      <c r="O33" s="330">
        <v>0</v>
      </c>
      <c r="P33" s="334"/>
      <c r="Q33" s="329">
        <v>2635</v>
      </c>
      <c r="R33" s="329">
        <v>16945</v>
      </c>
      <c r="S33" s="329">
        <v>183450</v>
      </c>
      <c r="T33" s="329">
        <v>205425</v>
      </c>
      <c r="U33" s="329">
        <v>198865</v>
      </c>
      <c r="V33" s="332">
        <v>607320</v>
      </c>
      <c r="W33" s="333">
        <v>607320</v>
      </c>
      <c r="X33" s="328">
        <v>0</v>
      </c>
      <c r="Y33" s="329">
        <v>0</v>
      </c>
      <c r="Z33" s="330">
        <v>0</v>
      </c>
      <c r="AA33" s="334"/>
      <c r="AB33" s="329">
        <v>2635</v>
      </c>
      <c r="AC33" s="329">
        <v>29915</v>
      </c>
      <c r="AD33" s="329">
        <v>68045</v>
      </c>
      <c r="AE33" s="329">
        <v>188000</v>
      </c>
      <c r="AF33" s="329">
        <v>40610</v>
      </c>
      <c r="AG33" s="332">
        <v>329205</v>
      </c>
      <c r="AH33" s="333">
        <v>329205</v>
      </c>
      <c r="AI33" s="328">
        <v>0</v>
      </c>
      <c r="AJ33" s="329">
        <v>0</v>
      </c>
      <c r="AK33" s="330">
        <v>0</v>
      </c>
      <c r="AL33" s="334"/>
      <c r="AM33" s="329">
        <v>0</v>
      </c>
      <c r="AN33" s="329">
        <v>0</v>
      </c>
      <c r="AO33" s="329">
        <v>0</v>
      </c>
      <c r="AP33" s="329">
        <v>0</v>
      </c>
      <c r="AQ33" s="329">
        <v>0</v>
      </c>
      <c r="AR33" s="332">
        <v>0</v>
      </c>
      <c r="AS33" s="333">
        <v>0</v>
      </c>
      <c r="AT33" s="328">
        <v>0</v>
      </c>
      <c r="AU33" s="329">
        <v>0</v>
      </c>
      <c r="AV33" s="330">
        <v>0</v>
      </c>
      <c r="AW33" s="334"/>
      <c r="AX33" s="329">
        <v>0</v>
      </c>
      <c r="AY33" s="329">
        <v>0</v>
      </c>
      <c r="AZ33" s="329">
        <v>0</v>
      </c>
      <c r="BA33" s="329">
        <v>0</v>
      </c>
      <c r="BB33" s="329">
        <v>0</v>
      </c>
      <c r="BC33" s="332">
        <v>0</v>
      </c>
      <c r="BD33" s="333">
        <v>0</v>
      </c>
      <c r="BE33" s="328">
        <v>0</v>
      </c>
      <c r="BF33" s="329">
        <v>0</v>
      </c>
      <c r="BG33" s="330">
        <v>0</v>
      </c>
      <c r="BH33" s="334"/>
      <c r="BI33" s="329">
        <v>0</v>
      </c>
      <c r="BJ33" s="329">
        <v>0</v>
      </c>
      <c r="BK33" s="329">
        <v>0</v>
      </c>
      <c r="BL33" s="329">
        <v>0</v>
      </c>
      <c r="BM33" s="329">
        <v>0</v>
      </c>
      <c r="BN33" s="332">
        <v>0</v>
      </c>
      <c r="BO33" s="333">
        <v>0</v>
      </c>
      <c r="BP33" s="328">
        <v>0</v>
      </c>
      <c r="BQ33" s="329">
        <v>0</v>
      </c>
      <c r="BR33" s="330">
        <v>0</v>
      </c>
      <c r="BS33" s="331">
        <v>0</v>
      </c>
      <c r="BT33" s="329">
        <v>1305</v>
      </c>
      <c r="BU33" s="329">
        <v>725</v>
      </c>
      <c r="BV33" s="329">
        <v>580</v>
      </c>
      <c r="BW33" s="329">
        <v>0</v>
      </c>
      <c r="BX33" s="329">
        <v>0</v>
      </c>
      <c r="BY33" s="332">
        <v>2610</v>
      </c>
      <c r="BZ33" s="333">
        <v>2610</v>
      </c>
      <c r="CA33" s="328">
        <v>0</v>
      </c>
      <c r="CB33" s="329">
        <v>0</v>
      </c>
      <c r="CC33" s="330">
        <v>0</v>
      </c>
      <c r="CD33" s="331">
        <v>0</v>
      </c>
      <c r="CE33" s="329">
        <v>0</v>
      </c>
      <c r="CF33" s="329">
        <v>0</v>
      </c>
      <c r="CG33" s="329">
        <v>0</v>
      </c>
      <c r="CH33" s="329">
        <v>0</v>
      </c>
      <c r="CI33" s="329">
        <v>0</v>
      </c>
      <c r="CJ33" s="332">
        <v>0</v>
      </c>
      <c r="CK33" s="333">
        <v>0</v>
      </c>
      <c r="CL33" s="328">
        <v>0</v>
      </c>
      <c r="CM33" s="329">
        <v>0</v>
      </c>
      <c r="CN33" s="330">
        <v>0</v>
      </c>
      <c r="CO33" s="331">
        <v>0</v>
      </c>
      <c r="CP33" s="329">
        <v>0</v>
      </c>
      <c r="CQ33" s="329">
        <v>0</v>
      </c>
      <c r="CR33" s="329">
        <v>0</v>
      </c>
      <c r="CS33" s="329">
        <v>0</v>
      </c>
      <c r="CT33" s="329">
        <v>0</v>
      </c>
      <c r="CU33" s="332">
        <v>0</v>
      </c>
      <c r="CV33" s="333">
        <v>0</v>
      </c>
      <c r="CW33" s="328">
        <v>0</v>
      </c>
      <c r="CX33" s="329">
        <v>0</v>
      </c>
      <c r="CY33" s="330">
        <v>0</v>
      </c>
      <c r="CZ33" s="334"/>
      <c r="DA33" s="329">
        <v>0</v>
      </c>
      <c r="DB33" s="329">
        <v>0</v>
      </c>
      <c r="DC33" s="329">
        <v>0</v>
      </c>
      <c r="DD33" s="329">
        <v>0</v>
      </c>
      <c r="DE33" s="329">
        <v>0</v>
      </c>
      <c r="DF33" s="332">
        <v>0</v>
      </c>
      <c r="DG33" s="333">
        <v>0</v>
      </c>
      <c r="DH33" s="328">
        <v>0</v>
      </c>
      <c r="DI33" s="329">
        <v>0</v>
      </c>
      <c r="DJ33" s="330">
        <v>0</v>
      </c>
      <c r="DK33" s="331">
        <v>0</v>
      </c>
      <c r="DL33" s="329">
        <v>26707</v>
      </c>
      <c r="DM33" s="329">
        <v>57581</v>
      </c>
      <c r="DN33" s="329">
        <v>337693</v>
      </c>
      <c r="DO33" s="329">
        <v>265619</v>
      </c>
      <c r="DP33" s="329">
        <v>219418</v>
      </c>
      <c r="DQ33" s="332">
        <v>907018</v>
      </c>
      <c r="DR33" s="335">
        <v>907018</v>
      </c>
      <c r="DS33" s="328">
        <v>0</v>
      </c>
      <c r="DT33" s="329">
        <v>0</v>
      </c>
      <c r="DU33" s="330">
        <v>0</v>
      </c>
      <c r="DV33" s="334"/>
      <c r="DW33" s="329">
        <v>21576</v>
      </c>
      <c r="DX33" s="329">
        <v>30306</v>
      </c>
      <c r="DY33" s="329">
        <v>287084</v>
      </c>
      <c r="DZ33" s="329">
        <v>252442</v>
      </c>
      <c r="EA33" s="329">
        <v>196788</v>
      </c>
      <c r="EB33" s="332">
        <v>788196</v>
      </c>
      <c r="EC33" s="333">
        <v>788196</v>
      </c>
      <c r="ED33" s="328">
        <v>0</v>
      </c>
      <c r="EE33" s="329">
        <v>0</v>
      </c>
      <c r="EF33" s="330">
        <v>0</v>
      </c>
      <c r="EG33" s="334"/>
      <c r="EH33" s="329">
        <v>217</v>
      </c>
      <c r="EI33" s="329">
        <v>22010</v>
      </c>
      <c r="EJ33" s="329">
        <v>47833</v>
      </c>
      <c r="EK33" s="329">
        <v>13177</v>
      </c>
      <c r="EL33" s="329">
        <v>22630</v>
      </c>
      <c r="EM33" s="332">
        <v>105867</v>
      </c>
      <c r="EN33" s="333">
        <v>105867</v>
      </c>
      <c r="EO33" s="328">
        <v>0</v>
      </c>
      <c r="EP33" s="329">
        <v>0</v>
      </c>
      <c r="EQ33" s="330">
        <v>0</v>
      </c>
      <c r="ER33" s="334"/>
      <c r="ES33" s="329">
        <v>0</v>
      </c>
      <c r="ET33" s="329">
        <v>0</v>
      </c>
      <c r="EU33" s="329">
        <v>0</v>
      </c>
      <c r="EV33" s="329">
        <v>0</v>
      </c>
      <c r="EW33" s="329">
        <v>0</v>
      </c>
      <c r="EX33" s="332">
        <v>0</v>
      </c>
      <c r="EY33" s="333">
        <v>0</v>
      </c>
      <c r="EZ33" s="328">
        <v>0</v>
      </c>
      <c r="FA33" s="329">
        <v>0</v>
      </c>
      <c r="FB33" s="330">
        <v>0</v>
      </c>
      <c r="FC33" s="334"/>
      <c r="FD33" s="329">
        <v>0</v>
      </c>
      <c r="FE33" s="329">
        <v>0</v>
      </c>
      <c r="FF33" s="329">
        <v>0</v>
      </c>
      <c r="FG33" s="329">
        <v>0</v>
      </c>
      <c r="FH33" s="329">
        <v>0</v>
      </c>
      <c r="FI33" s="332">
        <v>0</v>
      </c>
      <c r="FJ33" s="333">
        <v>0</v>
      </c>
      <c r="FK33" s="328">
        <v>0</v>
      </c>
      <c r="FL33" s="329">
        <v>0</v>
      </c>
      <c r="FM33" s="330">
        <v>0</v>
      </c>
      <c r="FN33" s="334"/>
      <c r="FO33" s="329">
        <v>0</v>
      </c>
      <c r="FP33" s="329">
        <v>0</v>
      </c>
      <c r="FQ33" s="329">
        <v>0</v>
      </c>
      <c r="FR33" s="329">
        <v>0</v>
      </c>
      <c r="FS33" s="329">
        <v>0</v>
      </c>
      <c r="FT33" s="332">
        <v>0</v>
      </c>
      <c r="FU33" s="333">
        <v>0</v>
      </c>
      <c r="FV33" s="328">
        <v>0</v>
      </c>
      <c r="FW33" s="329">
        <v>0</v>
      </c>
      <c r="FX33" s="330">
        <v>0</v>
      </c>
      <c r="FY33" s="331">
        <v>0</v>
      </c>
      <c r="FZ33" s="329">
        <v>4914</v>
      </c>
      <c r="GA33" s="329">
        <v>5265</v>
      </c>
      <c r="GB33" s="329">
        <v>2776</v>
      </c>
      <c r="GC33" s="329">
        <v>0</v>
      </c>
      <c r="GD33" s="329">
        <v>0</v>
      </c>
      <c r="GE33" s="332">
        <v>12955</v>
      </c>
      <c r="GF33" s="333">
        <v>12955</v>
      </c>
      <c r="GG33" s="328">
        <v>0</v>
      </c>
      <c r="GH33" s="329">
        <v>0</v>
      </c>
      <c r="GI33" s="330">
        <v>0</v>
      </c>
      <c r="GJ33" s="331">
        <v>0</v>
      </c>
      <c r="GK33" s="329">
        <v>0</v>
      </c>
      <c r="GL33" s="329">
        <v>0</v>
      </c>
      <c r="GM33" s="329">
        <v>0</v>
      </c>
      <c r="GN33" s="329">
        <v>0</v>
      </c>
      <c r="GO33" s="329">
        <v>0</v>
      </c>
      <c r="GP33" s="332">
        <v>0</v>
      </c>
      <c r="GQ33" s="333">
        <v>0</v>
      </c>
      <c r="GR33" s="328">
        <v>0</v>
      </c>
      <c r="GS33" s="329">
        <v>0</v>
      </c>
      <c r="GT33" s="330">
        <v>0</v>
      </c>
      <c r="GU33" s="331">
        <v>0</v>
      </c>
      <c r="GV33" s="329">
        <v>0</v>
      </c>
      <c r="GW33" s="329">
        <v>0</v>
      </c>
      <c r="GX33" s="329">
        <v>0</v>
      </c>
      <c r="GY33" s="329">
        <v>0</v>
      </c>
      <c r="GZ33" s="329">
        <v>0</v>
      </c>
      <c r="HA33" s="332">
        <v>0</v>
      </c>
      <c r="HB33" s="333">
        <v>0</v>
      </c>
      <c r="HC33" s="328">
        <v>0</v>
      </c>
      <c r="HD33" s="329">
        <v>0</v>
      </c>
      <c r="HE33" s="330">
        <v>0</v>
      </c>
      <c r="HF33" s="334"/>
      <c r="HG33" s="329">
        <v>0</v>
      </c>
      <c r="HH33" s="329">
        <v>0</v>
      </c>
      <c r="HI33" s="329">
        <v>0</v>
      </c>
      <c r="HJ33" s="329">
        <v>0</v>
      </c>
      <c r="HK33" s="329">
        <v>0</v>
      </c>
      <c r="HL33" s="332">
        <v>0</v>
      </c>
      <c r="HM33" s="333">
        <v>0</v>
      </c>
      <c r="HN33" s="328">
        <v>0</v>
      </c>
      <c r="HO33" s="329">
        <v>0</v>
      </c>
      <c r="HP33" s="330">
        <v>0</v>
      </c>
      <c r="HQ33" s="331">
        <v>0</v>
      </c>
      <c r="HR33" s="329">
        <v>33282</v>
      </c>
      <c r="HS33" s="329">
        <v>105166</v>
      </c>
      <c r="HT33" s="329">
        <v>589768</v>
      </c>
      <c r="HU33" s="329">
        <v>659044</v>
      </c>
      <c r="HV33" s="329">
        <v>458893</v>
      </c>
      <c r="HW33" s="332">
        <v>1846153</v>
      </c>
      <c r="HX33" s="333">
        <v>1846153</v>
      </c>
    </row>
    <row r="34" spans="1:232" ht="16.5" customHeight="1" x14ac:dyDescent="0.2">
      <c r="A34" s="326" t="s">
        <v>31</v>
      </c>
      <c r="B34" s="328">
        <v>0</v>
      </c>
      <c r="C34" s="329">
        <v>0</v>
      </c>
      <c r="D34" s="330">
        <v>0</v>
      </c>
      <c r="E34" s="331">
        <v>0</v>
      </c>
      <c r="F34" s="329">
        <v>27860</v>
      </c>
      <c r="G34" s="329">
        <v>121755</v>
      </c>
      <c r="H34" s="329">
        <v>277168</v>
      </c>
      <c r="I34" s="329">
        <v>71311</v>
      </c>
      <c r="J34" s="329">
        <v>184885</v>
      </c>
      <c r="K34" s="332">
        <v>682979</v>
      </c>
      <c r="L34" s="333">
        <v>682979</v>
      </c>
      <c r="M34" s="328">
        <v>0</v>
      </c>
      <c r="N34" s="329">
        <v>0</v>
      </c>
      <c r="O34" s="330">
        <v>0</v>
      </c>
      <c r="P34" s="334"/>
      <c r="Q34" s="329">
        <v>0</v>
      </c>
      <c r="R34" s="329">
        <v>35340</v>
      </c>
      <c r="S34" s="329">
        <v>234843</v>
      </c>
      <c r="T34" s="329">
        <v>18771</v>
      </c>
      <c r="U34" s="329">
        <v>147250</v>
      </c>
      <c r="V34" s="332">
        <v>436204</v>
      </c>
      <c r="W34" s="333">
        <v>436204</v>
      </c>
      <c r="X34" s="328">
        <v>0</v>
      </c>
      <c r="Y34" s="329">
        <v>0</v>
      </c>
      <c r="Z34" s="330">
        <v>0</v>
      </c>
      <c r="AA34" s="334"/>
      <c r="AB34" s="329">
        <v>27280</v>
      </c>
      <c r="AC34" s="329">
        <v>65255</v>
      </c>
      <c r="AD34" s="329">
        <v>37975</v>
      </c>
      <c r="AE34" s="329">
        <v>43245</v>
      </c>
      <c r="AF34" s="329">
        <v>0</v>
      </c>
      <c r="AG34" s="332">
        <v>173755</v>
      </c>
      <c r="AH34" s="333">
        <v>173755</v>
      </c>
      <c r="AI34" s="328">
        <v>0</v>
      </c>
      <c r="AJ34" s="329">
        <v>0</v>
      </c>
      <c r="AK34" s="330">
        <v>0</v>
      </c>
      <c r="AL34" s="334"/>
      <c r="AM34" s="329">
        <v>0</v>
      </c>
      <c r="AN34" s="329">
        <v>0</v>
      </c>
      <c r="AO34" s="329">
        <v>0</v>
      </c>
      <c r="AP34" s="329">
        <v>0</v>
      </c>
      <c r="AQ34" s="329">
        <v>0</v>
      </c>
      <c r="AR34" s="332">
        <v>0</v>
      </c>
      <c r="AS34" s="333">
        <v>0</v>
      </c>
      <c r="AT34" s="328">
        <v>0</v>
      </c>
      <c r="AU34" s="329">
        <v>0</v>
      </c>
      <c r="AV34" s="330">
        <v>0</v>
      </c>
      <c r="AW34" s="334"/>
      <c r="AX34" s="329">
        <v>0</v>
      </c>
      <c r="AY34" s="329">
        <v>0</v>
      </c>
      <c r="AZ34" s="329">
        <v>0</v>
      </c>
      <c r="BA34" s="329">
        <v>0</v>
      </c>
      <c r="BB34" s="329">
        <v>32705</v>
      </c>
      <c r="BC34" s="332">
        <v>32705</v>
      </c>
      <c r="BD34" s="333">
        <v>32705</v>
      </c>
      <c r="BE34" s="328">
        <v>0</v>
      </c>
      <c r="BF34" s="329">
        <v>0</v>
      </c>
      <c r="BG34" s="330">
        <v>0</v>
      </c>
      <c r="BH34" s="334"/>
      <c r="BI34" s="329">
        <v>0</v>
      </c>
      <c r="BJ34" s="329">
        <v>0</v>
      </c>
      <c r="BK34" s="329">
        <v>0</v>
      </c>
      <c r="BL34" s="329">
        <v>0</v>
      </c>
      <c r="BM34" s="329">
        <v>0</v>
      </c>
      <c r="BN34" s="332">
        <v>0</v>
      </c>
      <c r="BO34" s="333">
        <v>0</v>
      </c>
      <c r="BP34" s="328">
        <v>0</v>
      </c>
      <c r="BQ34" s="329">
        <v>0</v>
      </c>
      <c r="BR34" s="330">
        <v>0</v>
      </c>
      <c r="BS34" s="331">
        <v>0</v>
      </c>
      <c r="BT34" s="329">
        <v>580</v>
      </c>
      <c r="BU34" s="329">
        <v>21160</v>
      </c>
      <c r="BV34" s="329">
        <v>4350</v>
      </c>
      <c r="BW34" s="329">
        <v>9295</v>
      </c>
      <c r="BX34" s="329">
        <v>4930</v>
      </c>
      <c r="BY34" s="332">
        <v>40315</v>
      </c>
      <c r="BZ34" s="333">
        <v>40315</v>
      </c>
      <c r="CA34" s="328">
        <v>0</v>
      </c>
      <c r="CB34" s="329">
        <v>0</v>
      </c>
      <c r="CC34" s="330">
        <v>0</v>
      </c>
      <c r="CD34" s="331">
        <v>0</v>
      </c>
      <c r="CE34" s="329">
        <v>0</v>
      </c>
      <c r="CF34" s="329">
        <v>0</v>
      </c>
      <c r="CG34" s="329">
        <v>0</v>
      </c>
      <c r="CH34" s="329">
        <v>0</v>
      </c>
      <c r="CI34" s="329">
        <v>0</v>
      </c>
      <c r="CJ34" s="332">
        <v>0</v>
      </c>
      <c r="CK34" s="333">
        <v>0</v>
      </c>
      <c r="CL34" s="328">
        <v>0</v>
      </c>
      <c r="CM34" s="329">
        <v>0</v>
      </c>
      <c r="CN34" s="330">
        <v>0</v>
      </c>
      <c r="CO34" s="331">
        <v>0</v>
      </c>
      <c r="CP34" s="329">
        <v>0</v>
      </c>
      <c r="CQ34" s="329">
        <v>0</v>
      </c>
      <c r="CR34" s="329">
        <v>0</v>
      </c>
      <c r="CS34" s="329">
        <v>0</v>
      </c>
      <c r="CT34" s="329">
        <v>0</v>
      </c>
      <c r="CU34" s="332">
        <v>0</v>
      </c>
      <c r="CV34" s="333">
        <v>0</v>
      </c>
      <c r="CW34" s="328">
        <v>0</v>
      </c>
      <c r="CX34" s="329">
        <v>0</v>
      </c>
      <c r="CY34" s="330">
        <v>0</v>
      </c>
      <c r="CZ34" s="334"/>
      <c r="DA34" s="329">
        <v>0</v>
      </c>
      <c r="DB34" s="329">
        <v>0</v>
      </c>
      <c r="DC34" s="329">
        <v>0</v>
      </c>
      <c r="DD34" s="329">
        <v>0</v>
      </c>
      <c r="DE34" s="329">
        <v>0</v>
      </c>
      <c r="DF34" s="332">
        <v>0</v>
      </c>
      <c r="DG34" s="333">
        <v>0</v>
      </c>
      <c r="DH34" s="328">
        <v>0</v>
      </c>
      <c r="DI34" s="329">
        <v>0</v>
      </c>
      <c r="DJ34" s="330">
        <v>0</v>
      </c>
      <c r="DK34" s="331">
        <v>0</v>
      </c>
      <c r="DL34" s="329">
        <v>2674</v>
      </c>
      <c r="DM34" s="329">
        <v>65102</v>
      </c>
      <c r="DN34" s="329">
        <v>323383</v>
      </c>
      <c r="DO34" s="329">
        <v>119591</v>
      </c>
      <c r="DP34" s="329">
        <v>199237</v>
      </c>
      <c r="DQ34" s="332">
        <v>709987</v>
      </c>
      <c r="DR34" s="335">
        <v>709987</v>
      </c>
      <c r="DS34" s="328">
        <v>0</v>
      </c>
      <c r="DT34" s="329">
        <v>0</v>
      </c>
      <c r="DU34" s="330">
        <v>0</v>
      </c>
      <c r="DV34" s="334"/>
      <c r="DW34" s="329">
        <v>0</v>
      </c>
      <c r="DX34" s="329">
        <v>44857</v>
      </c>
      <c r="DY34" s="329">
        <v>301883</v>
      </c>
      <c r="DZ34" s="329">
        <v>111716</v>
      </c>
      <c r="EA34" s="329">
        <v>155093</v>
      </c>
      <c r="EB34" s="332">
        <v>613549</v>
      </c>
      <c r="EC34" s="333">
        <v>613549</v>
      </c>
      <c r="ED34" s="328">
        <v>0</v>
      </c>
      <c r="EE34" s="329">
        <v>0</v>
      </c>
      <c r="EF34" s="330">
        <v>0</v>
      </c>
      <c r="EG34" s="334"/>
      <c r="EH34" s="329">
        <v>434</v>
      </c>
      <c r="EI34" s="329">
        <v>1054</v>
      </c>
      <c r="EJ34" s="329">
        <v>620</v>
      </c>
      <c r="EK34" s="329">
        <v>1085</v>
      </c>
      <c r="EL34" s="329">
        <v>0</v>
      </c>
      <c r="EM34" s="332">
        <v>3193</v>
      </c>
      <c r="EN34" s="333">
        <v>3193</v>
      </c>
      <c r="EO34" s="328">
        <v>0</v>
      </c>
      <c r="EP34" s="329">
        <v>0</v>
      </c>
      <c r="EQ34" s="330">
        <v>0</v>
      </c>
      <c r="ER34" s="334"/>
      <c r="ES34" s="329">
        <v>0</v>
      </c>
      <c r="ET34" s="329">
        <v>0</v>
      </c>
      <c r="EU34" s="329">
        <v>0</v>
      </c>
      <c r="EV34" s="329">
        <v>0</v>
      </c>
      <c r="EW34" s="329">
        <v>0</v>
      </c>
      <c r="EX34" s="332">
        <v>0</v>
      </c>
      <c r="EY34" s="333">
        <v>0</v>
      </c>
      <c r="EZ34" s="328">
        <v>0</v>
      </c>
      <c r="FA34" s="329">
        <v>0</v>
      </c>
      <c r="FB34" s="330">
        <v>0</v>
      </c>
      <c r="FC34" s="334"/>
      <c r="FD34" s="329">
        <v>0</v>
      </c>
      <c r="FE34" s="329">
        <v>0</v>
      </c>
      <c r="FF34" s="329">
        <v>0</v>
      </c>
      <c r="FG34" s="329">
        <v>0</v>
      </c>
      <c r="FH34" s="329">
        <v>36518</v>
      </c>
      <c r="FI34" s="332">
        <v>36518</v>
      </c>
      <c r="FJ34" s="333">
        <v>36518</v>
      </c>
      <c r="FK34" s="328">
        <v>0</v>
      </c>
      <c r="FL34" s="329">
        <v>0</v>
      </c>
      <c r="FM34" s="330">
        <v>0</v>
      </c>
      <c r="FN34" s="334"/>
      <c r="FO34" s="329">
        <v>0</v>
      </c>
      <c r="FP34" s="329">
        <v>0</v>
      </c>
      <c r="FQ34" s="329">
        <v>0</v>
      </c>
      <c r="FR34" s="329">
        <v>0</v>
      </c>
      <c r="FS34" s="329">
        <v>0</v>
      </c>
      <c r="FT34" s="332">
        <v>0</v>
      </c>
      <c r="FU34" s="333">
        <v>0</v>
      </c>
      <c r="FV34" s="328">
        <v>0</v>
      </c>
      <c r="FW34" s="329">
        <v>0</v>
      </c>
      <c r="FX34" s="330">
        <v>0</v>
      </c>
      <c r="FY34" s="331">
        <v>0</v>
      </c>
      <c r="FZ34" s="329">
        <v>2240</v>
      </c>
      <c r="GA34" s="329">
        <v>19191</v>
      </c>
      <c r="GB34" s="329">
        <v>20880</v>
      </c>
      <c r="GC34" s="329">
        <v>6790</v>
      </c>
      <c r="GD34" s="329">
        <v>7626</v>
      </c>
      <c r="GE34" s="332">
        <v>56727</v>
      </c>
      <c r="GF34" s="333">
        <v>56727</v>
      </c>
      <c r="GG34" s="328">
        <v>0</v>
      </c>
      <c r="GH34" s="329">
        <v>0</v>
      </c>
      <c r="GI34" s="330">
        <v>0</v>
      </c>
      <c r="GJ34" s="331">
        <v>0</v>
      </c>
      <c r="GK34" s="329">
        <v>0</v>
      </c>
      <c r="GL34" s="329">
        <v>0</v>
      </c>
      <c r="GM34" s="329">
        <v>0</v>
      </c>
      <c r="GN34" s="329">
        <v>0</v>
      </c>
      <c r="GO34" s="329">
        <v>0</v>
      </c>
      <c r="GP34" s="332">
        <v>0</v>
      </c>
      <c r="GQ34" s="333">
        <v>0</v>
      </c>
      <c r="GR34" s="328">
        <v>0</v>
      </c>
      <c r="GS34" s="329">
        <v>0</v>
      </c>
      <c r="GT34" s="330">
        <v>0</v>
      </c>
      <c r="GU34" s="331">
        <v>0</v>
      </c>
      <c r="GV34" s="329">
        <v>0</v>
      </c>
      <c r="GW34" s="329">
        <v>0</v>
      </c>
      <c r="GX34" s="329">
        <v>0</v>
      </c>
      <c r="GY34" s="329">
        <v>0</v>
      </c>
      <c r="GZ34" s="329">
        <v>0</v>
      </c>
      <c r="HA34" s="332">
        <v>0</v>
      </c>
      <c r="HB34" s="333">
        <v>0</v>
      </c>
      <c r="HC34" s="328">
        <v>0</v>
      </c>
      <c r="HD34" s="329">
        <v>0</v>
      </c>
      <c r="HE34" s="330">
        <v>0</v>
      </c>
      <c r="HF34" s="334"/>
      <c r="HG34" s="329">
        <v>0</v>
      </c>
      <c r="HH34" s="329">
        <v>0</v>
      </c>
      <c r="HI34" s="329">
        <v>0</v>
      </c>
      <c r="HJ34" s="329">
        <v>0</v>
      </c>
      <c r="HK34" s="329">
        <v>0</v>
      </c>
      <c r="HL34" s="332">
        <v>0</v>
      </c>
      <c r="HM34" s="333">
        <v>0</v>
      </c>
      <c r="HN34" s="328">
        <v>0</v>
      </c>
      <c r="HO34" s="329">
        <v>0</v>
      </c>
      <c r="HP34" s="330">
        <v>0</v>
      </c>
      <c r="HQ34" s="331">
        <v>0</v>
      </c>
      <c r="HR34" s="329">
        <v>30534</v>
      </c>
      <c r="HS34" s="329">
        <v>186857</v>
      </c>
      <c r="HT34" s="329">
        <v>600551</v>
      </c>
      <c r="HU34" s="329">
        <v>190902</v>
      </c>
      <c r="HV34" s="329">
        <v>384122</v>
      </c>
      <c r="HW34" s="332">
        <v>1392966</v>
      </c>
      <c r="HX34" s="333">
        <v>1392966</v>
      </c>
    </row>
    <row r="35" spans="1:232" ht="16.5" customHeight="1" x14ac:dyDescent="0.2">
      <c r="A35" s="326" t="s">
        <v>32</v>
      </c>
      <c r="B35" s="328">
        <v>0</v>
      </c>
      <c r="C35" s="329">
        <v>0</v>
      </c>
      <c r="D35" s="330">
        <v>0</v>
      </c>
      <c r="E35" s="331">
        <v>0</v>
      </c>
      <c r="F35" s="329">
        <v>2635</v>
      </c>
      <c r="G35" s="329">
        <v>165884</v>
      </c>
      <c r="H35" s="329">
        <v>460516</v>
      </c>
      <c r="I35" s="329">
        <v>389531</v>
      </c>
      <c r="J35" s="329">
        <v>90055</v>
      </c>
      <c r="K35" s="332">
        <v>1108621</v>
      </c>
      <c r="L35" s="333">
        <v>1108621</v>
      </c>
      <c r="M35" s="328">
        <v>0</v>
      </c>
      <c r="N35" s="329">
        <v>0</v>
      </c>
      <c r="O35" s="330">
        <v>0</v>
      </c>
      <c r="P35" s="334"/>
      <c r="Q35" s="329">
        <v>0</v>
      </c>
      <c r="R35" s="329">
        <v>6870</v>
      </c>
      <c r="S35" s="329">
        <v>203235</v>
      </c>
      <c r="T35" s="329">
        <v>196198</v>
      </c>
      <c r="U35" s="329">
        <v>24645</v>
      </c>
      <c r="V35" s="332">
        <v>430948</v>
      </c>
      <c r="W35" s="333">
        <v>430948</v>
      </c>
      <c r="X35" s="328">
        <v>0</v>
      </c>
      <c r="Y35" s="329">
        <v>0</v>
      </c>
      <c r="Z35" s="330">
        <v>0</v>
      </c>
      <c r="AA35" s="334"/>
      <c r="AB35" s="329">
        <v>2635</v>
      </c>
      <c r="AC35" s="329">
        <v>103540</v>
      </c>
      <c r="AD35" s="329">
        <v>78585</v>
      </c>
      <c r="AE35" s="329">
        <v>143510</v>
      </c>
      <c r="AF35" s="329">
        <v>35495</v>
      </c>
      <c r="AG35" s="332">
        <v>363765</v>
      </c>
      <c r="AH35" s="333">
        <v>363765</v>
      </c>
      <c r="AI35" s="328">
        <v>0</v>
      </c>
      <c r="AJ35" s="329">
        <v>0</v>
      </c>
      <c r="AK35" s="330">
        <v>0</v>
      </c>
      <c r="AL35" s="334"/>
      <c r="AM35" s="329">
        <v>0</v>
      </c>
      <c r="AN35" s="329">
        <v>0</v>
      </c>
      <c r="AO35" s="329">
        <v>0</v>
      </c>
      <c r="AP35" s="329">
        <v>0</v>
      </c>
      <c r="AQ35" s="329">
        <v>0</v>
      </c>
      <c r="AR35" s="332">
        <v>0</v>
      </c>
      <c r="AS35" s="333">
        <v>0</v>
      </c>
      <c r="AT35" s="328">
        <v>0</v>
      </c>
      <c r="AU35" s="329">
        <v>0</v>
      </c>
      <c r="AV35" s="330">
        <v>0</v>
      </c>
      <c r="AW35" s="334"/>
      <c r="AX35" s="329">
        <v>0</v>
      </c>
      <c r="AY35" s="329">
        <v>0</v>
      </c>
      <c r="AZ35" s="329">
        <v>0</v>
      </c>
      <c r="BA35" s="329">
        <v>0</v>
      </c>
      <c r="BB35" s="329">
        <v>0</v>
      </c>
      <c r="BC35" s="332">
        <v>0</v>
      </c>
      <c r="BD35" s="333">
        <v>0</v>
      </c>
      <c r="BE35" s="328">
        <v>0</v>
      </c>
      <c r="BF35" s="329">
        <v>0</v>
      </c>
      <c r="BG35" s="330">
        <v>0</v>
      </c>
      <c r="BH35" s="334"/>
      <c r="BI35" s="329">
        <v>0</v>
      </c>
      <c r="BJ35" s="329">
        <v>0</v>
      </c>
      <c r="BK35" s="329">
        <v>176191</v>
      </c>
      <c r="BL35" s="329">
        <v>32550</v>
      </c>
      <c r="BM35" s="329">
        <v>29915</v>
      </c>
      <c r="BN35" s="332">
        <v>238656</v>
      </c>
      <c r="BO35" s="333">
        <v>238656</v>
      </c>
      <c r="BP35" s="328">
        <v>0</v>
      </c>
      <c r="BQ35" s="329">
        <v>0</v>
      </c>
      <c r="BR35" s="330">
        <v>0</v>
      </c>
      <c r="BS35" s="331">
        <v>0</v>
      </c>
      <c r="BT35" s="329">
        <v>0</v>
      </c>
      <c r="BU35" s="329">
        <v>32144</v>
      </c>
      <c r="BV35" s="329">
        <v>1925</v>
      </c>
      <c r="BW35" s="329">
        <v>15848</v>
      </c>
      <c r="BX35" s="329">
        <v>0</v>
      </c>
      <c r="BY35" s="332">
        <v>49917</v>
      </c>
      <c r="BZ35" s="333">
        <v>49917</v>
      </c>
      <c r="CA35" s="328">
        <v>0</v>
      </c>
      <c r="CB35" s="329">
        <v>0</v>
      </c>
      <c r="CC35" s="330">
        <v>0</v>
      </c>
      <c r="CD35" s="331">
        <v>0</v>
      </c>
      <c r="CE35" s="329">
        <v>0</v>
      </c>
      <c r="CF35" s="329">
        <v>23330</v>
      </c>
      <c r="CG35" s="329">
        <v>580</v>
      </c>
      <c r="CH35" s="329">
        <v>1425</v>
      </c>
      <c r="CI35" s="329">
        <v>0</v>
      </c>
      <c r="CJ35" s="332">
        <v>25335</v>
      </c>
      <c r="CK35" s="333">
        <v>25335</v>
      </c>
      <c r="CL35" s="328">
        <v>0</v>
      </c>
      <c r="CM35" s="329">
        <v>0</v>
      </c>
      <c r="CN35" s="330">
        <v>0</v>
      </c>
      <c r="CO35" s="331">
        <v>0</v>
      </c>
      <c r="CP35" s="329">
        <v>0</v>
      </c>
      <c r="CQ35" s="329">
        <v>0</v>
      </c>
      <c r="CR35" s="329">
        <v>0</v>
      </c>
      <c r="CS35" s="329">
        <v>0</v>
      </c>
      <c r="CT35" s="329">
        <v>0</v>
      </c>
      <c r="CU35" s="332">
        <v>0</v>
      </c>
      <c r="CV35" s="333">
        <v>0</v>
      </c>
      <c r="CW35" s="328">
        <v>0</v>
      </c>
      <c r="CX35" s="329">
        <v>0</v>
      </c>
      <c r="CY35" s="330">
        <v>0</v>
      </c>
      <c r="CZ35" s="334"/>
      <c r="DA35" s="329">
        <v>0</v>
      </c>
      <c r="DB35" s="329">
        <v>0</v>
      </c>
      <c r="DC35" s="329">
        <v>0</v>
      </c>
      <c r="DD35" s="329">
        <v>0</v>
      </c>
      <c r="DE35" s="329">
        <v>0</v>
      </c>
      <c r="DF35" s="332">
        <v>0</v>
      </c>
      <c r="DG35" s="333">
        <v>0</v>
      </c>
      <c r="DH35" s="328">
        <v>0</v>
      </c>
      <c r="DI35" s="329">
        <v>0</v>
      </c>
      <c r="DJ35" s="330">
        <v>0</v>
      </c>
      <c r="DK35" s="331">
        <v>0</v>
      </c>
      <c r="DL35" s="329">
        <v>217</v>
      </c>
      <c r="DM35" s="329">
        <v>43914</v>
      </c>
      <c r="DN35" s="329">
        <v>407729</v>
      </c>
      <c r="DO35" s="329">
        <v>346106</v>
      </c>
      <c r="DP35" s="329">
        <v>65906</v>
      </c>
      <c r="DQ35" s="332">
        <v>863872</v>
      </c>
      <c r="DR35" s="335">
        <v>863872</v>
      </c>
      <c r="DS35" s="328">
        <v>0</v>
      </c>
      <c r="DT35" s="329">
        <v>0</v>
      </c>
      <c r="DU35" s="330">
        <v>0</v>
      </c>
      <c r="DV35" s="334"/>
      <c r="DW35" s="329">
        <v>0</v>
      </c>
      <c r="DX35" s="329">
        <v>5106</v>
      </c>
      <c r="DY35" s="329">
        <v>231159</v>
      </c>
      <c r="DZ35" s="329">
        <v>271963</v>
      </c>
      <c r="EA35" s="329">
        <v>21576</v>
      </c>
      <c r="EB35" s="332">
        <v>529804</v>
      </c>
      <c r="EC35" s="333">
        <v>529804</v>
      </c>
      <c r="ED35" s="328">
        <v>0</v>
      </c>
      <c r="EE35" s="329">
        <v>0</v>
      </c>
      <c r="EF35" s="330">
        <v>0</v>
      </c>
      <c r="EG35" s="334"/>
      <c r="EH35" s="329">
        <v>217</v>
      </c>
      <c r="EI35" s="329">
        <v>12307</v>
      </c>
      <c r="EJ35" s="329">
        <v>34162</v>
      </c>
      <c r="EK35" s="329">
        <v>12278</v>
      </c>
      <c r="EL35" s="329">
        <v>11687</v>
      </c>
      <c r="EM35" s="332">
        <v>70651</v>
      </c>
      <c r="EN35" s="333">
        <v>70651</v>
      </c>
      <c r="EO35" s="328">
        <v>0</v>
      </c>
      <c r="EP35" s="329">
        <v>0</v>
      </c>
      <c r="EQ35" s="330">
        <v>0</v>
      </c>
      <c r="ER35" s="334"/>
      <c r="ES35" s="329">
        <v>0</v>
      </c>
      <c r="ET35" s="329">
        <v>0</v>
      </c>
      <c r="EU35" s="329">
        <v>0</v>
      </c>
      <c r="EV35" s="329">
        <v>0</v>
      </c>
      <c r="EW35" s="329">
        <v>0</v>
      </c>
      <c r="EX35" s="332">
        <v>0</v>
      </c>
      <c r="EY35" s="333">
        <v>0</v>
      </c>
      <c r="EZ35" s="328">
        <v>0</v>
      </c>
      <c r="FA35" s="329">
        <v>0</v>
      </c>
      <c r="FB35" s="330">
        <v>0</v>
      </c>
      <c r="FC35" s="334"/>
      <c r="FD35" s="329">
        <v>0</v>
      </c>
      <c r="FE35" s="329">
        <v>0</v>
      </c>
      <c r="FF35" s="329">
        <v>0</v>
      </c>
      <c r="FG35" s="329">
        <v>0</v>
      </c>
      <c r="FH35" s="329">
        <v>0</v>
      </c>
      <c r="FI35" s="332">
        <v>0</v>
      </c>
      <c r="FJ35" s="333">
        <v>0</v>
      </c>
      <c r="FK35" s="328">
        <v>0</v>
      </c>
      <c r="FL35" s="329">
        <v>0</v>
      </c>
      <c r="FM35" s="330">
        <v>0</v>
      </c>
      <c r="FN35" s="334"/>
      <c r="FO35" s="329">
        <v>0</v>
      </c>
      <c r="FP35" s="329">
        <v>0</v>
      </c>
      <c r="FQ35" s="329">
        <v>138550</v>
      </c>
      <c r="FR35" s="329">
        <v>43524</v>
      </c>
      <c r="FS35" s="329">
        <v>32643</v>
      </c>
      <c r="FT35" s="332">
        <v>214717</v>
      </c>
      <c r="FU35" s="333">
        <v>214717</v>
      </c>
      <c r="FV35" s="328">
        <v>0</v>
      </c>
      <c r="FW35" s="329">
        <v>0</v>
      </c>
      <c r="FX35" s="330">
        <v>0</v>
      </c>
      <c r="FY35" s="331">
        <v>0</v>
      </c>
      <c r="FZ35" s="329">
        <v>0</v>
      </c>
      <c r="GA35" s="329">
        <v>26291</v>
      </c>
      <c r="GB35" s="329">
        <v>1710</v>
      </c>
      <c r="GC35" s="329">
        <v>14733</v>
      </c>
      <c r="GD35" s="329">
        <v>0</v>
      </c>
      <c r="GE35" s="332">
        <v>42734</v>
      </c>
      <c r="GF35" s="333">
        <v>42734</v>
      </c>
      <c r="GG35" s="328">
        <v>0</v>
      </c>
      <c r="GH35" s="329">
        <v>0</v>
      </c>
      <c r="GI35" s="330">
        <v>0</v>
      </c>
      <c r="GJ35" s="331">
        <v>0</v>
      </c>
      <c r="GK35" s="329">
        <v>0</v>
      </c>
      <c r="GL35" s="329">
        <v>210</v>
      </c>
      <c r="GM35" s="329">
        <v>2148</v>
      </c>
      <c r="GN35" s="329">
        <v>3608</v>
      </c>
      <c r="GO35" s="329">
        <v>0</v>
      </c>
      <c r="GP35" s="332">
        <v>5966</v>
      </c>
      <c r="GQ35" s="333">
        <v>5966</v>
      </c>
      <c r="GR35" s="328">
        <v>0</v>
      </c>
      <c r="GS35" s="329">
        <v>0</v>
      </c>
      <c r="GT35" s="330">
        <v>0</v>
      </c>
      <c r="GU35" s="331">
        <v>0</v>
      </c>
      <c r="GV35" s="329">
        <v>0</v>
      </c>
      <c r="GW35" s="329">
        <v>0</v>
      </c>
      <c r="GX35" s="329">
        <v>0</v>
      </c>
      <c r="GY35" s="329">
        <v>0</v>
      </c>
      <c r="GZ35" s="329">
        <v>0</v>
      </c>
      <c r="HA35" s="332">
        <v>0</v>
      </c>
      <c r="HB35" s="333">
        <v>0</v>
      </c>
      <c r="HC35" s="328">
        <v>0</v>
      </c>
      <c r="HD35" s="329">
        <v>0</v>
      </c>
      <c r="HE35" s="330">
        <v>0</v>
      </c>
      <c r="HF35" s="334"/>
      <c r="HG35" s="329">
        <v>0</v>
      </c>
      <c r="HH35" s="329">
        <v>0</v>
      </c>
      <c r="HI35" s="329">
        <v>0</v>
      </c>
      <c r="HJ35" s="329">
        <v>0</v>
      </c>
      <c r="HK35" s="329">
        <v>0</v>
      </c>
      <c r="HL35" s="332">
        <v>0</v>
      </c>
      <c r="HM35" s="333">
        <v>0</v>
      </c>
      <c r="HN35" s="328">
        <v>0</v>
      </c>
      <c r="HO35" s="329">
        <v>0</v>
      </c>
      <c r="HP35" s="330">
        <v>0</v>
      </c>
      <c r="HQ35" s="331">
        <v>0</v>
      </c>
      <c r="HR35" s="329">
        <v>2852</v>
      </c>
      <c r="HS35" s="329">
        <v>209798</v>
      </c>
      <c r="HT35" s="329">
        <v>868245</v>
      </c>
      <c r="HU35" s="329">
        <v>735637</v>
      </c>
      <c r="HV35" s="329">
        <v>155961</v>
      </c>
      <c r="HW35" s="332">
        <v>1972493</v>
      </c>
      <c r="HX35" s="333">
        <v>1972493</v>
      </c>
    </row>
    <row r="36" spans="1:232" ht="16.5" customHeight="1" x14ac:dyDescent="0.2">
      <c r="A36" s="326" t="s">
        <v>33</v>
      </c>
      <c r="B36" s="328">
        <v>0</v>
      </c>
      <c r="C36" s="329">
        <v>0</v>
      </c>
      <c r="D36" s="330">
        <v>0</v>
      </c>
      <c r="E36" s="331">
        <v>0</v>
      </c>
      <c r="F36" s="329">
        <v>129850</v>
      </c>
      <c r="G36" s="329">
        <v>101400</v>
      </c>
      <c r="H36" s="329">
        <v>494145</v>
      </c>
      <c r="I36" s="329">
        <v>651420</v>
      </c>
      <c r="J36" s="329">
        <v>636179</v>
      </c>
      <c r="K36" s="332">
        <v>2012994</v>
      </c>
      <c r="L36" s="333">
        <v>2012994</v>
      </c>
      <c r="M36" s="328">
        <v>0</v>
      </c>
      <c r="N36" s="329">
        <v>0</v>
      </c>
      <c r="O36" s="330">
        <v>0</v>
      </c>
      <c r="P36" s="334"/>
      <c r="Q36" s="329">
        <v>0</v>
      </c>
      <c r="R36" s="329">
        <v>29915</v>
      </c>
      <c r="S36" s="329">
        <v>343945</v>
      </c>
      <c r="T36" s="329">
        <v>398155</v>
      </c>
      <c r="U36" s="329">
        <v>492724</v>
      </c>
      <c r="V36" s="332">
        <v>1264739</v>
      </c>
      <c r="W36" s="333">
        <v>1264739</v>
      </c>
      <c r="X36" s="328">
        <v>0</v>
      </c>
      <c r="Y36" s="329">
        <v>0</v>
      </c>
      <c r="Z36" s="330">
        <v>0</v>
      </c>
      <c r="AA36" s="334"/>
      <c r="AB36" s="329">
        <v>81305</v>
      </c>
      <c r="AC36" s="329">
        <v>29830</v>
      </c>
      <c r="AD36" s="329">
        <v>133610</v>
      </c>
      <c r="AE36" s="329">
        <v>151970</v>
      </c>
      <c r="AF36" s="329">
        <v>2635</v>
      </c>
      <c r="AG36" s="332">
        <v>399350</v>
      </c>
      <c r="AH36" s="333">
        <v>399350</v>
      </c>
      <c r="AI36" s="328">
        <v>0</v>
      </c>
      <c r="AJ36" s="329">
        <v>0</v>
      </c>
      <c r="AK36" s="330">
        <v>0</v>
      </c>
      <c r="AL36" s="334"/>
      <c r="AM36" s="329">
        <v>0</v>
      </c>
      <c r="AN36" s="329">
        <v>0</v>
      </c>
      <c r="AO36" s="329">
        <v>0</v>
      </c>
      <c r="AP36" s="329">
        <v>0</v>
      </c>
      <c r="AQ36" s="329">
        <v>0</v>
      </c>
      <c r="AR36" s="332">
        <v>0</v>
      </c>
      <c r="AS36" s="333">
        <v>0</v>
      </c>
      <c r="AT36" s="328">
        <v>0</v>
      </c>
      <c r="AU36" s="329">
        <v>0</v>
      </c>
      <c r="AV36" s="330">
        <v>0</v>
      </c>
      <c r="AW36" s="334"/>
      <c r="AX36" s="329">
        <v>24645</v>
      </c>
      <c r="AY36" s="329">
        <v>40765</v>
      </c>
      <c r="AZ36" s="329">
        <v>7710</v>
      </c>
      <c r="BA36" s="329">
        <v>87070</v>
      </c>
      <c r="BB36" s="329">
        <v>136245</v>
      </c>
      <c r="BC36" s="332">
        <v>296435</v>
      </c>
      <c r="BD36" s="333">
        <v>296435</v>
      </c>
      <c r="BE36" s="328">
        <v>0</v>
      </c>
      <c r="BF36" s="329">
        <v>0</v>
      </c>
      <c r="BG36" s="330">
        <v>0</v>
      </c>
      <c r="BH36" s="334"/>
      <c r="BI36" s="329">
        <v>0</v>
      </c>
      <c r="BJ36" s="329">
        <v>0</v>
      </c>
      <c r="BK36" s="329">
        <v>0</v>
      </c>
      <c r="BL36" s="329">
        <v>0</v>
      </c>
      <c r="BM36" s="329">
        <v>0</v>
      </c>
      <c r="BN36" s="332">
        <v>0</v>
      </c>
      <c r="BO36" s="333">
        <v>0</v>
      </c>
      <c r="BP36" s="328">
        <v>0</v>
      </c>
      <c r="BQ36" s="329">
        <v>0</v>
      </c>
      <c r="BR36" s="330">
        <v>0</v>
      </c>
      <c r="BS36" s="331">
        <v>0</v>
      </c>
      <c r="BT36" s="329">
        <v>23900</v>
      </c>
      <c r="BU36" s="329">
        <v>290</v>
      </c>
      <c r="BV36" s="329">
        <v>8880</v>
      </c>
      <c r="BW36" s="329">
        <v>14225</v>
      </c>
      <c r="BX36" s="329">
        <v>4575</v>
      </c>
      <c r="BY36" s="332">
        <v>51870</v>
      </c>
      <c r="BZ36" s="333">
        <v>51870</v>
      </c>
      <c r="CA36" s="328">
        <v>0</v>
      </c>
      <c r="CB36" s="329">
        <v>0</v>
      </c>
      <c r="CC36" s="330">
        <v>0</v>
      </c>
      <c r="CD36" s="331">
        <v>0</v>
      </c>
      <c r="CE36" s="329">
        <v>0</v>
      </c>
      <c r="CF36" s="329">
        <v>600</v>
      </c>
      <c r="CG36" s="329">
        <v>0</v>
      </c>
      <c r="CH36" s="329">
        <v>0</v>
      </c>
      <c r="CI36" s="329">
        <v>0</v>
      </c>
      <c r="CJ36" s="332">
        <v>600</v>
      </c>
      <c r="CK36" s="333">
        <v>600</v>
      </c>
      <c r="CL36" s="328">
        <v>0</v>
      </c>
      <c r="CM36" s="329">
        <v>0</v>
      </c>
      <c r="CN36" s="330">
        <v>0</v>
      </c>
      <c r="CO36" s="331">
        <v>0</v>
      </c>
      <c r="CP36" s="329">
        <v>0</v>
      </c>
      <c r="CQ36" s="329">
        <v>0</v>
      </c>
      <c r="CR36" s="329">
        <v>0</v>
      </c>
      <c r="CS36" s="329">
        <v>0</v>
      </c>
      <c r="CT36" s="329">
        <v>0</v>
      </c>
      <c r="CU36" s="332">
        <v>0</v>
      </c>
      <c r="CV36" s="333">
        <v>0</v>
      </c>
      <c r="CW36" s="328">
        <v>0</v>
      </c>
      <c r="CX36" s="329">
        <v>0</v>
      </c>
      <c r="CY36" s="330">
        <v>0</v>
      </c>
      <c r="CZ36" s="334"/>
      <c r="DA36" s="329">
        <v>0</v>
      </c>
      <c r="DB36" s="329">
        <v>0</v>
      </c>
      <c r="DC36" s="329">
        <v>0</v>
      </c>
      <c r="DD36" s="329">
        <v>0</v>
      </c>
      <c r="DE36" s="329">
        <v>0</v>
      </c>
      <c r="DF36" s="332">
        <v>0</v>
      </c>
      <c r="DG36" s="333">
        <v>0</v>
      </c>
      <c r="DH36" s="328">
        <v>0</v>
      </c>
      <c r="DI36" s="329">
        <v>0</v>
      </c>
      <c r="DJ36" s="330">
        <v>0</v>
      </c>
      <c r="DK36" s="331">
        <v>0</v>
      </c>
      <c r="DL36" s="329">
        <v>22751</v>
      </c>
      <c r="DM36" s="329">
        <v>66594</v>
      </c>
      <c r="DN36" s="329">
        <v>417296</v>
      </c>
      <c r="DO36" s="329">
        <v>482575</v>
      </c>
      <c r="DP36" s="329">
        <v>457493</v>
      </c>
      <c r="DQ36" s="332">
        <v>1446709</v>
      </c>
      <c r="DR36" s="335">
        <v>1446709</v>
      </c>
      <c r="DS36" s="328">
        <v>0</v>
      </c>
      <c r="DT36" s="329">
        <v>0</v>
      </c>
      <c r="DU36" s="330">
        <v>0</v>
      </c>
      <c r="DV36" s="334"/>
      <c r="DW36" s="329">
        <v>0</v>
      </c>
      <c r="DX36" s="329">
        <v>51646</v>
      </c>
      <c r="DY36" s="329">
        <v>347665</v>
      </c>
      <c r="DZ36" s="329">
        <v>419027</v>
      </c>
      <c r="EA36" s="329">
        <v>440841</v>
      </c>
      <c r="EB36" s="332">
        <v>1259179</v>
      </c>
      <c r="EC36" s="333">
        <v>1259179</v>
      </c>
      <c r="ED36" s="328">
        <v>0</v>
      </c>
      <c r="EE36" s="329">
        <v>0</v>
      </c>
      <c r="EF36" s="330">
        <v>0</v>
      </c>
      <c r="EG36" s="334"/>
      <c r="EH36" s="329">
        <v>3724</v>
      </c>
      <c r="EI36" s="329">
        <v>651</v>
      </c>
      <c r="EJ36" s="329">
        <v>59675</v>
      </c>
      <c r="EK36" s="329">
        <v>13850</v>
      </c>
      <c r="EL36" s="329">
        <v>217</v>
      </c>
      <c r="EM36" s="332">
        <v>78117</v>
      </c>
      <c r="EN36" s="333">
        <v>78117</v>
      </c>
      <c r="EO36" s="328">
        <v>0</v>
      </c>
      <c r="EP36" s="329">
        <v>0</v>
      </c>
      <c r="EQ36" s="330">
        <v>0</v>
      </c>
      <c r="ER36" s="334"/>
      <c r="ES36" s="329">
        <v>0</v>
      </c>
      <c r="ET36" s="329">
        <v>0</v>
      </c>
      <c r="EU36" s="329">
        <v>0</v>
      </c>
      <c r="EV36" s="329">
        <v>0</v>
      </c>
      <c r="EW36" s="329">
        <v>0</v>
      </c>
      <c r="EX36" s="332">
        <v>0</v>
      </c>
      <c r="EY36" s="333">
        <v>0</v>
      </c>
      <c r="EZ36" s="328">
        <v>0</v>
      </c>
      <c r="FA36" s="329">
        <v>0</v>
      </c>
      <c r="FB36" s="330">
        <v>0</v>
      </c>
      <c r="FC36" s="334"/>
      <c r="FD36" s="329">
        <v>217</v>
      </c>
      <c r="FE36" s="329">
        <v>12121</v>
      </c>
      <c r="FF36" s="329">
        <v>644</v>
      </c>
      <c r="FG36" s="329">
        <v>29099</v>
      </c>
      <c r="FH36" s="329">
        <v>12555</v>
      </c>
      <c r="FI36" s="332">
        <v>54636</v>
      </c>
      <c r="FJ36" s="333">
        <v>54636</v>
      </c>
      <c r="FK36" s="328">
        <v>0</v>
      </c>
      <c r="FL36" s="329">
        <v>0</v>
      </c>
      <c r="FM36" s="330">
        <v>0</v>
      </c>
      <c r="FN36" s="334"/>
      <c r="FO36" s="329">
        <v>0</v>
      </c>
      <c r="FP36" s="329">
        <v>0</v>
      </c>
      <c r="FQ36" s="329">
        <v>0</v>
      </c>
      <c r="FR36" s="329">
        <v>0</v>
      </c>
      <c r="FS36" s="329">
        <v>0</v>
      </c>
      <c r="FT36" s="332">
        <v>0</v>
      </c>
      <c r="FU36" s="333">
        <v>0</v>
      </c>
      <c r="FV36" s="328">
        <v>0</v>
      </c>
      <c r="FW36" s="329">
        <v>0</v>
      </c>
      <c r="FX36" s="330">
        <v>0</v>
      </c>
      <c r="FY36" s="331">
        <v>0</v>
      </c>
      <c r="FZ36" s="329">
        <v>18810</v>
      </c>
      <c r="GA36" s="329">
        <v>2106</v>
      </c>
      <c r="GB36" s="329">
        <v>9312</v>
      </c>
      <c r="GC36" s="329">
        <v>20599</v>
      </c>
      <c r="GD36" s="329">
        <v>3880</v>
      </c>
      <c r="GE36" s="332">
        <v>54707</v>
      </c>
      <c r="GF36" s="333">
        <v>54707</v>
      </c>
      <c r="GG36" s="328">
        <v>0</v>
      </c>
      <c r="GH36" s="329">
        <v>0</v>
      </c>
      <c r="GI36" s="330">
        <v>0</v>
      </c>
      <c r="GJ36" s="331">
        <v>0</v>
      </c>
      <c r="GK36" s="329">
        <v>0</v>
      </c>
      <c r="GL36" s="329">
        <v>70</v>
      </c>
      <c r="GM36" s="329">
        <v>0</v>
      </c>
      <c r="GN36" s="329">
        <v>0</v>
      </c>
      <c r="GO36" s="329">
        <v>0</v>
      </c>
      <c r="GP36" s="332">
        <v>70</v>
      </c>
      <c r="GQ36" s="333">
        <v>70</v>
      </c>
      <c r="GR36" s="328">
        <v>0</v>
      </c>
      <c r="GS36" s="329">
        <v>0</v>
      </c>
      <c r="GT36" s="330">
        <v>0</v>
      </c>
      <c r="GU36" s="331">
        <v>0</v>
      </c>
      <c r="GV36" s="329">
        <v>0</v>
      </c>
      <c r="GW36" s="329">
        <v>0</v>
      </c>
      <c r="GX36" s="329">
        <v>0</v>
      </c>
      <c r="GY36" s="329">
        <v>0</v>
      </c>
      <c r="GZ36" s="329">
        <v>0</v>
      </c>
      <c r="HA36" s="332">
        <v>0</v>
      </c>
      <c r="HB36" s="333">
        <v>0</v>
      </c>
      <c r="HC36" s="328">
        <v>0</v>
      </c>
      <c r="HD36" s="329">
        <v>0</v>
      </c>
      <c r="HE36" s="330">
        <v>0</v>
      </c>
      <c r="HF36" s="334"/>
      <c r="HG36" s="329">
        <v>0</v>
      </c>
      <c r="HH36" s="329">
        <v>0</v>
      </c>
      <c r="HI36" s="329">
        <v>0</v>
      </c>
      <c r="HJ36" s="329">
        <v>0</v>
      </c>
      <c r="HK36" s="329">
        <v>0</v>
      </c>
      <c r="HL36" s="332">
        <v>0</v>
      </c>
      <c r="HM36" s="333">
        <v>0</v>
      </c>
      <c r="HN36" s="328">
        <v>0</v>
      </c>
      <c r="HO36" s="329">
        <v>0</v>
      </c>
      <c r="HP36" s="330">
        <v>0</v>
      </c>
      <c r="HQ36" s="331">
        <v>0</v>
      </c>
      <c r="HR36" s="329">
        <v>152601</v>
      </c>
      <c r="HS36" s="329">
        <v>167994</v>
      </c>
      <c r="HT36" s="329">
        <v>911441</v>
      </c>
      <c r="HU36" s="329">
        <v>1133995</v>
      </c>
      <c r="HV36" s="329">
        <v>1093672</v>
      </c>
      <c r="HW36" s="332">
        <v>3459703</v>
      </c>
      <c r="HX36" s="333">
        <v>3459703</v>
      </c>
    </row>
    <row r="37" spans="1:232" ht="16.5" customHeight="1" x14ac:dyDescent="0.2">
      <c r="A37" s="326" t="s">
        <v>34</v>
      </c>
      <c r="B37" s="328">
        <v>0</v>
      </c>
      <c r="C37" s="329">
        <v>0</v>
      </c>
      <c r="D37" s="330">
        <v>0</v>
      </c>
      <c r="E37" s="331">
        <v>0</v>
      </c>
      <c r="F37" s="329">
        <v>82558</v>
      </c>
      <c r="G37" s="329">
        <v>137055</v>
      </c>
      <c r="H37" s="329">
        <v>143194</v>
      </c>
      <c r="I37" s="329">
        <v>280720</v>
      </c>
      <c r="J37" s="329">
        <v>206220</v>
      </c>
      <c r="K37" s="332">
        <v>849747</v>
      </c>
      <c r="L37" s="333">
        <v>849747</v>
      </c>
      <c r="M37" s="328">
        <v>0</v>
      </c>
      <c r="N37" s="329">
        <v>0</v>
      </c>
      <c r="O37" s="330">
        <v>0</v>
      </c>
      <c r="P37" s="334"/>
      <c r="Q37" s="329">
        <v>0</v>
      </c>
      <c r="R37" s="329">
        <v>0</v>
      </c>
      <c r="S37" s="329">
        <v>64790</v>
      </c>
      <c r="T37" s="329">
        <v>156540</v>
      </c>
      <c r="U37" s="329">
        <v>140810</v>
      </c>
      <c r="V37" s="332">
        <v>362140</v>
      </c>
      <c r="W37" s="333">
        <v>362140</v>
      </c>
      <c r="X37" s="328">
        <v>0</v>
      </c>
      <c r="Y37" s="329">
        <v>0</v>
      </c>
      <c r="Z37" s="330">
        <v>0</v>
      </c>
      <c r="AA37" s="334"/>
      <c r="AB37" s="329">
        <v>76570</v>
      </c>
      <c r="AC37" s="329">
        <v>96175</v>
      </c>
      <c r="AD37" s="329">
        <v>95325</v>
      </c>
      <c r="AE37" s="329">
        <v>90955</v>
      </c>
      <c r="AF37" s="329">
        <v>65410</v>
      </c>
      <c r="AG37" s="332">
        <v>424435</v>
      </c>
      <c r="AH37" s="333">
        <v>424435</v>
      </c>
      <c r="AI37" s="328">
        <v>0</v>
      </c>
      <c r="AJ37" s="329">
        <v>0</v>
      </c>
      <c r="AK37" s="330">
        <v>0</v>
      </c>
      <c r="AL37" s="334"/>
      <c r="AM37" s="329">
        <v>0</v>
      </c>
      <c r="AN37" s="329">
        <v>0</v>
      </c>
      <c r="AO37" s="329">
        <v>0</v>
      </c>
      <c r="AP37" s="329">
        <v>0</v>
      </c>
      <c r="AQ37" s="329">
        <v>0</v>
      </c>
      <c r="AR37" s="332">
        <v>0</v>
      </c>
      <c r="AS37" s="333">
        <v>0</v>
      </c>
      <c r="AT37" s="328">
        <v>0</v>
      </c>
      <c r="AU37" s="329">
        <v>0</v>
      </c>
      <c r="AV37" s="330">
        <v>0</v>
      </c>
      <c r="AW37" s="334"/>
      <c r="AX37" s="329">
        <v>0</v>
      </c>
      <c r="AY37" s="329">
        <v>35495</v>
      </c>
      <c r="AZ37" s="329">
        <v>0</v>
      </c>
      <c r="BA37" s="329">
        <v>32705</v>
      </c>
      <c r="BB37" s="329">
        <v>0</v>
      </c>
      <c r="BC37" s="332">
        <v>68200</v>
      </c>
      <c r="BD37" s="333">
        <v>68200</v>
      </c>
      <c r="BE37" s="328">
        <v>0</v>
      </c>
      <c r="BF37" s="329">
        <v>0</v>
      </c>
      <c r="BG37" s="330">
        <v>0</v>
      </c>
      <c r="BH37" s="334"/>
      <c r="BI37" s="329">
        <v>0</v>
      </c>
      <c r="BJ37" s="329">
        <v>0</v>
      </c>
      <c r="BK37" s="329">
        <v>0</v>
      </c>
      <c r="BL37" s="329">
        <v>0</v>
      </c>
      <c r="BM37" s="329">
        <v>0</v>
      </c>
      <c r="BN37" s="332">
        <v>0</v>
      </c>
      <c r="BO37" s="333">
        <v>0</v>
      </c>
      <c r="BP37" s="328">
        <v>0</v>
      </c>
      <c r="BQ37" s="329">
        <v>0</v>
      </c>
      <c r="BR37" s="330">
        <v>0</v>
      </c>
      <c r="BS37" s="331">
        <v>0</v>
      </c>
      <c r="BT37" s="329">
        <v>5988</v>
      </c>
      <c r="BU37" s="329">
        <v>0</v>
      </c>
      <c r="BV37" s="329">
        <v>-16921</v>
      </c>
      <c r="BW37" s="329">
        <v>520</v>
      </c>
      <c r="BX37" s="329">
        <v>0</v>
      </c>
      <c r="BY37" s="332">
        <v>-10413</v>
      </c>
      <c r="BZ37" s="333">
        <v>-10413</v>
      </c>
      <c r="CA37" s="328">
        <v>0</v>
      </c>
      <c r="CB37" s="329">
        <v>0</v>
      </c>
      <c r="CC37" s="330">
        <v>0</v>
      </c>
      <c r="CD37" s="331">
        <v>0</v>
      </c>
      <c r="CE37" s="329">
        <v>0</v>
      </c>
      <c r="CF37" s="329">
        <v>5385</v>
      </c>
      <c r="CG37" s="329">
        <v>0</v>
      </c>
      <c r="CH37" s="329">
        <v>0</v>
      </c>
      <c r="CI37" s="329">
        <v>0</v>
      </c>
      <c r="CJ37" s="332">
        <v>5385</v>
      </c>
      <c r="CK37" s="333">
        <v>5385</v>
      </c>
      <c r="CL37" s="328">
        <v>0</v>
      </c>
      <c r="CM37" s="329">
        <v>0</v>
      </c>
      <c r="CN37" s="330">
        <v>0</v>
      </c>
      <c r="CO37" s="331">
        <v>0</v>
      </c>
      <c r="CP37" s="329">
        <v>0</v>
      </c>
      <c r="CQ37" s="329">
        <v>0</v>
      </c>
      <c r="CR37" s="329">
        <v>0</v>
      </c>
      <c r="CS37" s="329">
        <v>0</v>
      </c>
      <c r="CT37" s="329">
        <v>0</v>
      </c>
      <c r="CU37" s="332">
        <v>0</v>
      </c>
      <c r="CV37" s="333">
        <v>0</v>
      </c>
      <c r="CW37" s="328">
        <v>0</v>
      </c>
      <c r="CX37" s="329">
        <v>0</v>
      </c>
      <c r="CY37" s="330">
        <v>0</v>
      </c>
      <c r="CZ37" s="334"/>
      <c r="DA37" s="329">
        <v>0</v>
      </c>
      <c r="DB37" s="329">
        <v>0</v>
      </c>
      <c r="DC37" s="329">
        <v>0</v>
      </c>
      <c r="DD37" s="329">
        <v>0</v>
      </c>
      <c r="DE37" s="329">
        <v>0</v>
      </c>
      <c r="DF37" s="332">
        <v>0</v>
      </c>
      <c r="DG37" s="333">
        <v>0</v>
      </c>
      <c r="DH37" s="328">
        <v>0</v>
      </c>
      <c r="DI37" s="329">
        <v>0</v>
      </c>
      <c r="DJ37" s="330">
        <v>0</v>
      </c>
      <c r="DK37" s="331">
        <v>0</v>
      </c>
      <c r="DL37" s="329">
        <v>12697</v>
      </c>
      <c r="DM37" s="329">
        <v>13094</v>
      </c>
      <c r="DN37" s="329">
        <v>103694</v>
      </c>
      <c r="DO37" s="329">
        <v>245015</v>
      </c>
      <c r="DP37" s="329">
        <v>255420</v>
      </c>
      <c r="DQ37" s="332">
        <v>629920</v>
      </c>
      <c r="DR37" s="335">
        <v>629920</v>
      </c>
      <c r="DS37" s="328">
        <v>0</v>
      </c>
      <c r="DT37" s="329">
        <v>0</v>
      </c>
      <c r="DU37" s="330">
        <v>0</v>
      </c>
      <c r="DV37" s="334"/>
      <c r="DW37" s="329">
        <v>0</v>
      </c>
      <c r="DX37" s="329">
        <v>0</v>
      </c>
      <c r="DY37" s="329">
        <v>116529</v>
      </c>
      <c r="DZ37" s="329">
        <v>228160</v>
      </c>
      <c r="EA37" s="329">
        <v>254986</v>
      </c>
      <c r="EB37" s="332">
        <v>599675</v>
      </c>
      <c r="EC37" s="333">
        <v>599675</v>
      </c>
      <c r="ED37" s="328">
        <v>0</v>
      </c>
      <c r="EE37" s="329">
        <v>0</v>
      </c>
      <c r="EF37" s="330">
        <v>0</v>
      </c>
      <c r="EG37" s="334"/>
      <c r="EH37" s="329">
        <v>837</v>
      </c>
      <c r="EI37" s="329">
        <v>1358</v>
      </c>
      <c r="EJ37" s="329">
        <v>1085</v>
      </c>
      <c r="EK37" s="329">
        <v>12758</v>
      </c>
      <c r="EL37" s="329">
        <v>434</v>
      </c>
      <c r="EM37" s="332">
        <v>16472</v>
      </c>
      <c r="EN37" s="333">
        <v>16472</v>
      </c>
      <c r="EO37" s="328">
        <v>0</v>
      </c>
      <c r="EP37" s="329">
        <v>0</v>
      </c>
      <c r="EQ37" s="330">
        <v>0</v>
      </c>
      <c r="ER37" s="334"/>
      <c r="ES37" s="329">
        <v>0</v>
      </c>
      <c r="ET37" s="329">
        <v>0</v>
      </c>
      <c r="EU37" s="329">
        <v>0</v>
      </c>
      <c r="EV37" s="329">
        <v>0</v>
      </c>
      <c r="EW37" s="329">
        <v>0</v>
      </c>
      <c r="EX37" s="332">
        <v>0</v>
      </c>
      <c r="EY37" s="333">
        <v>0</v>
      </c>
      <c r="EZ37" s="328">
        <v>0</v>
      </c>
      <c r="FA37" s="329">
        <v>0</v>
      </c>
      <c r="FB37" s="330">
        <v>0</v>
      </c>
      <c r="FC37" s="334"/>
      <c r="FD37" s="329">
        <v>0</v>
      </c>
      <c r="FE37" s="329">
        <v>11687</v>
      </c>
      <c r="FF37" s="329">
        <v>0</v>
      </c>
      <c r="FG37" s="329">
        <v>217</v>
      </c>
      <c r="FH37" s="329">
        <v>0</v>
      </c>
      <c r="FI37" s="332">
        <v>11904</v>
      </c>
      <c r="FJ37" s="333">
        <v>11904</v>
      </c>
      <c r="FK37" s="328">
        <v>0</v>
      </c>
      <c r="FL37" s="329">
        <v>0</v>
      </c>
      <c r="FM37" s="330">
        <v>0</v>
      </c>
      <c r="FN37" s="334"/>
      <c r="FO37" s="329">
        <v>0</v>
      </c>
      <c r="FP37" s="329">
        <v>0</v>
      </c>
      <c r="FQ37" s="329">
        <v>0</v>
      </c>
      <c r="FR37" s="329">
        <v>0</v>
      </c>
      <c r="FS37" s="329">
        <v>0</v>
      </c>
      <c r="FT37" s="332">
        <v>0</v>
      </c>
      <c r="FU37" s="333">
        <v>0</v>
      </c>
      <c r="FV37" s="328">
        <v>0</v>
      </c>
      <c r="FW37" s="329">
        <v>0</v>
      </c>
      <c r="FX37" s="330">
        <v>0</v>
      </c>
      <c r="FY37" s="331">
        <v>0</v>
      </c>
      <c r="FZ37" s="329">
        <v>11860</v>
      </c>
      <c r="GA37" s="329">
        <v>0</v>
      </c>
      <c r="GB37" s="329">
        <v>-13920</v>
      </c>
      <c r="GC37" s="329">
        <v>3880</v>
      </c>
      <c r="GD37" s="329">
        <v>0</v>
      </c>
      <c r="GE37" s="332">
        <v>1820</v>
      </c>
      <c r="GF37" s="333">
        <v>1820</v>
      </c>
      <c r="GG37" s="328">
        <v>0</v>
      </c>
      <c r="GH37" s="329">
        <v>0</v>
      </c>
      <c r="GI37" s="330">
        <v>0</v>
      </c>
      <c r="GJ37" s="331">
        <v>0</v>
      </c>
      <c r="GK37" s="329">
        <v>0</v>
      </c>
      <c r="GL37" s="329">
        <v>49</v>
      </c>
      <c r="GM37" s="329">
        <v>0</v>
      </c>
      <c r="GN37" s="329">
        <v>0</v>
      </c>
      <c r="GO37" s="329">
        <v>0</v>
      </c>
      <c r="GP37" s="332">
        <v>49</v>
      </c>
      <c r="GQ37" s="333">
        <v>49</v>
      </c>
      <c r="GR37" s="328">
        <v>0</v>
      </c>
      <c r="GS37" s="329">
        <v>0</v>
      </c>
      <c r="GT37" s="330">
        <v>0</v>
      </c>
      <c r="GU37" s="331">
        <v>0</v>
      </c>
      <c r="GV37" s="329">
        <v>0</v>
      </c>
      <c r="GW37" s="329">
        <v>0</v>
      </c>
      <c r="GX37" s="329">
        <v>0</v>
      </c>
      <c r="GY37" s="329">
        <v>0</v>
      </c>
      <c r="GZ37" s="329">
        <v>0</v>
      </c>
      <c r="HA37" s="332">
        <v>0</v>
      </c>
      <c r="HB37" s="333">
        <v>0</v>
      </c>
      <c r="HC37" s="328">
        <v>0</v>
      </c>
      <c r="HD37" s="329">
        <v>0</v>
      </c>
      <c r="HE37" s="330">
        <v>0</v>
      </c>
      <c r="HF37" s="334"/>
      <c r="HG37" s="329">
        <v>0</v>
      </c>
      <c r="HH37" s="329">
        <v>0</v>
      </c>
      <c r="HI37" s="329">
        <v>0</v>
      </c>
      <c r="HJ37" s="329">
        <v>0</v>
      </c>
      <c r="HK37" s="329">
        <v>0</v>
      </c>
      <c r="HL37" s="332">
        <v>0</v>
      </c>
      <c r="HM37" s="333">
        <v>0</v>
      </c>
      <c r="HN37" s="328">
        <v>0</v>
      </c>
      <c r="HO37" s="329">
        <v>0</v>
      </c>
      <c r="HP37" s="330">
        <v>0</v>
      </c>
      <c r="HQ37" s="331">
        <v>0</v>
      </c>
      <c r="HR37" s="329">
        <v>95255</v>
      </c>
      <c r="HS37" s="329">
        <v>150149</v>
      </c>
      <c r="HT37" s="329">
        <v>246888</v>
      </c>
      <c r="HU37" s="329">
        <v>525735</v>
      </c>
      <c r="HV37" s="329">
        <v>461640</v>
      </c>
      <c r="HW37" s="332">
        <v>1479667</v>
      </c>
      <c r="HX37" s="333">
        <v>1479667</v>
      </c>
    </row>
    <row r="38" spans="1:232" ht="16.5" customHeight="1" x14ac:dyDescent="0.2">
      <c r="A38" s="326" t="s">
        <v>35</v>
      </c>
      <c r="B38" s="328">
        <v>0</v>
      </c>
      <c r="C38" s="329">
        <v>0</v>
      </c>
      <c r="D38" s="330">
        <v>0</v>
      </c>
      <c r="E38" s="331">
        <v>0</v>
      </c>
      <c r="F38" s="329">
        <v>183285</v>
      </c>
      <c r="G38" s="329">
        <v>309850</v>
      </c>
      <c r="H38" s="329">
        <v>636914</v>
      </c>
      <c r="I38" s="329">
        <v>980411</v>
      </c>
      <c r="J38" s="329">
        <v>480805</v>
      </c>
      <c r="K38" s="332">
        <v>2591265</v>
      </c>
      <c r="L38" s="333">
        <v>2591265</v>
      </c>
      <c r="M38" s="328">
        <v>0</v>
      </c>
      <c r="N38" s="329">
        <v>0</v>
      </c>
      <c r="O38" s="330">
        <v>0</v>
      </c>
      <c r="P38" s="334"/>
      <c r="Q38" s="329">
        <v>24180</v>
      </c>
      <c r="R38" s="329">
        <v>34410</v>
      </c>
      <c r="S38" s="329">
        <v>260865</v>
      </c>
      <c r="T38" s="329">
        <v>606540</v>
      </c>
      <c r="U38" s="329">
        <v>273990</v>
      </c>
      <c r="V38" s="332">
        <v>1199985</v>
      </c>
      <c r="W38" s="333">
        <v>1199985</v>
      </c>
      <c r="X38" s="328">
        <v>0</v>
      </c>
      <c r="Y38" s="329">
        <v>0</v>
      </c>
      <c r="Z38" s="330">
        <v>0</v>
      </c>
      <c r="AA38" s="334"/>
      <c r="AB38" s="329">
        <v>113925</v>
      </c>
      <c r="AC38" s="329">
        <v>262595</v>
      </c>
      <c r="AD38" s="329">
        <v>270135</v>
      </c>
      <c r="AE38" s="329">
        <v>260155</v>
      </c>
      <c r="AF38" s="329">
        <v>68200</v>
      </c>
      <c r="AG38" s="332">
        <v>975010</v>
      </c>
      <c r="AH38" s="333">
        <v>975010</v>
      </c>
      <c r="AI38" s="328">
        <v>0</v>
      </c>
      <c r="AJ38" s="329">
        <v>0</v>
      </c>
      <c r="AK38" s="330">
        <v>0</v>
      </c>
      <c r="AL38" s="334"/>
      <c r="AM38" s="329">
        <v>0</v>
      </c>
      <c r="AN38" s="329">
        <v>0</v>
      </c>
      <c r="AO38" s="329">
        <v>0</v>
      </c>
      <c r="AP38" s="329">
        <v>0</v>
      </c>
      <c r="AQ38" s="329">
        <v>0</v>
      </c>
      <c r="AR38" s="332">
        <v>0</v>
      </c>
      <c r="AS38" s="333">
        <v>0</v>
      </c>
      <c r="AT38" s="328">
        <v>0</v>
      </c>
      <c r="AU38" s="329">
        <v>0</v>
      </c>
      <c r="AV38" s="330">
        <v>0</v>
      </c>
      <c r="AW38" s="334"/>
      <c r="AX38" s="329">
        <v>38300</v>
      </c>
      <c r="AY38" s="329">
        <v>0</v>
      </c>
      <c r="AZ38" s="329">
        <v>38130</v>
      </c>
      <c r="BA38" s="329">
        <v>97250</v>
      </c>
      <c r="BB38" s="329">
        <v>135255</v>
      </c>
      <c r="BC38" s="332">
        <v>308935</v>
      </c>
      <c r="BD38" s="333">
        <v>308935</v>
      </c>
      <c r="BE38" s="328">
        <v>0</v>
      </c>
      <c r="BF38" s="329">
        <v>0</v>
      </c>
      <c r="BG38" s="330">
        <v>0</v>
      </c>
      <c r="BH38" s="334"/>
      <c r="BI38" s="329">
        <v>0</v>
      </c>
      <c r="BJ38" s="329">
        <v>0</v>
      </c>
      <c r="BK38" s="329">
        <v>0</v>
      </c>
      <c r="BL38" s="329">
        <v>0</v>
      </c>
      <c r="BM38" s="329">
        <v>0</v>
      </c>
      <c r="BN38" s="332">
        <v>0</v>
      </c>
      <c r="BO38" s="333">
        <v>0</v>
      </c>
      <c r="BP38" s="328">
        <v>0</v>
      </c>
      <c r="BQ38" s="329">
        <v>0</v>
      </c>
      <c r="BR38" s="330">
        <v>0</v>
      </c>
      <c r="BS38" s="331">
        <v>0</v>
      </c>
      <c r="BT38" s="329">
        <v>650</v>
      </c>
      <c r="BU38" s="329">
        <v>12845</v>
      </c>
      <c r="BV38" s="329">
        <v>67784</v>
      </c>
      <c r="BW38" s="329">
        <v>16466</v>
      </c>
      <c r="BX38" s="329">
        <v>3360</v>
      </c>
      <c r="BY38" s="332">
        <v>101105</v>
      </c>
      <c r="BZ38" s="333">
        <v>101105</v>
      </c>
      <c r="CA38" s="328">
        <v>0</v>
      </c>
      <c r="CB38" s="329">
        <v>0</v>
      </c>
      <c r="CC38" s="330">
        <v>0</v>
      </c>
      <c r="CD38" s="331">
        <v>0</v>
      </c>
      <c r="CE38" s="329">
        <v>6230</v>
      </c>
      <c r="CF38" s="329">
        <v>0</v>
      </c>
      <c r="CG38" s="329">
        <v>0</v>
      </c>
      <c r="CH38" s="329">
        <v>0</v>
      </c>
      <c r="CI38" s="329">
        <v>0</v>
      </c>
      <c r="CJ38" s="332">
        <v>6230</v>
      </c>
      <c r="CK38" s="333">
        <v>6230</v>
      </c>
      <c r="CL38" s="328">
        <v>0</v>
      </c>
      <c r="CM38" s="329">
        <v>0</v>
      </c>
      <c r="CN38" s="330">
        <v>0</v>
      </c>
      <c r="CO38" s="331">
        <v>0</v>
      </c>
      <c r="CP38" s="329">
        <v>0</v>
      </c>
      <c r="CQ38" s="329">
        <v>0</v>
      </c>
      <c r="CR38" s="329">
        <v>0</v>
      </c>
      <c r="CS38" s="329">
        <v>0</v>
      </c>
      <c r="CT38" s="329">
        <v>0</v>
      </c>
      <c r="CU38" s="332">
        <v>0</v>
      </c>
      <c r="CV38" s="333">
        <v>0</v>
      </c>
      <c r="CW38" s="328">
        <v>0</v>
      </c>
      <c r="CX38" s="329">
        <v>0</v>
      </c>
      <c r="CY38" s="330">
        <v>0</v>
      </c>
      <c r="CZ38" s="334"/>
      <c r="DA38" s="329">
        <v>0</v>
      </c>
      <c r="DB38" s="329">
        <v>0</v>
      </c>
      <c r="DC38" s="329">
        <v>0</v>
      </c>
      <c r="DD38" s="329">
        <v>0</v>
      </c>
      <c r="DE38" s="329">
        <v>0</v>
      </c>
      <c r="DF38" s="332">
        <v>0</v>
      </c>
      <c r="DG38" s="333">
        <v>0</v>
      </c>
      <c r="DH38" s="328">
        <v>0</v>
      </c>
      <c r="DI38" s="329">
        <v>0</v>
      </c>
      <c r="DJ38" s="330">
        <v>0</v>
      </c>
      <c r="DK38" s="331">
        <v>0</v>
      </c>
      <c r="DL38" s="329">
        <v>42153</v>
      </c>
      <c r="DM38" s="329">
        <v>69246</v>
      </c>
      <c r="DN38" s="329">
        <v>552948</v>
      </c>
      <c r="DO38" s="329">
        <v>572364</v>
      </c>
      <c r="DP38" s="329">
        <v>348245</v>
      </c>
      <c r="DQ38" s="332">
        <v>1584956</v>
      </c>
      <c r="DR38" s="335">
        <v>1584956</v>
      </c>
      <c r="DS38" s="328">
        <v>0</v>
      </c>
      <c r="DT38" s="329">
        <v>0</v>
      </c>
      <c r="DU38" s="330">
        <v>0</v>
      </c>
      <c r="DV38" s="334"/>
      <c r="DW38" s="329">
        <v>15035</v>
      </c>
      <c r="DX38" s="329">
        <v>30070</v>
      </c>
      <c r="DY38" s="329">
        <v>446679</v>
      </c>
      <c r="DZ38" s="329">
        <v>508275</v>
      </c>
      <c r="EA38" s="329">
        <v>291141</v>
      </c>
      <c r="EB38" s="332">
        <v>1291200</v>
      </c>
      <c r="EC38" s="333">
        <v>1291200</v>
      </c>
      <c r="ED38" s="328">
        <v>0</v>
      </c>
      <c r="EE38" s="329">
        <v>0</v>
      </c>
      <c r="EF38" s="330">
        <v>0</v>
      </c>
      <c r="EG38" s="334"/>
      <c r="EH38" s="329">
        <v>11749</v>
      </c>
      <c r="EI38" s="329">
        <v>2730</v>
      </c>
      <c r="EJ38" s="329">
        <v>28482</v>
      </c>
      <c r="EK38" s="329">
        <v>2149</v>
      </c>
      <c r="EL38" s="329">
        <v>11904</v>
      </c>
      <c r="EM38" s="332">
        <v>57014</v>
      </c>
      <c r="EN38" s="333">
        <v>57014</v>
      </c>
      <c r="EO38" s="328">
        <v>0</v>
      </c>
      <c r="EP38" s="329">
        <v>0</v>
      </c>
      <c r="EQ38" s="330">
        <v>0</v>
      </c>
      <c r="ER38" s="334"/>
      <c r="ES38" s="329">
        <v>0</v>
      </c>
      <c r="ET38" s="329">
        <v>0</v>
      </c>
      <c r="EU38" s="329">
        <v>0</v>
      </c>
      <c r="EV38" s="329">
        <v>0</v>
      </c>
      <c r="EW38" s="329">
        <v>0</v>
      </c>
      <c r="EX38" s="332">
        <v>0</v>
      </c>
      <c r="EY38" s="333">
        <v>0</v>
      </c>
      <c r="EZ38" s="328">
        <v>0</v>
      </c>
      <c r="FA38" s="329">
        <v>0</v>
      </c>
      <c r="FB38" s="330">
        <v>0</v>
      </c>
      <c r="FC38" s="334"/>
      <c r="FD38" s="329">
        <v>11918</v>
      </c>
      <c r="FE38" s="329">
        <v>0</v>
      </c>
      <c r="FF38" s="329">
        <v>11904</v>
      </c>
      <c r="FG38" s="329">
        <v>23808</v>
      </c>
      <c r="FH38" s="329">
        <v>35712</v>
      </c>
      <c r="FI38" s="332">
        <v>83342</v>
      </c>
      <c r="FJ38" s="333">
        <v>83342</v>
      </c>
      <c r="FK38" s="328">
        <v>0</v>
      </c>
      <c r="FL38" s="329">
        <v>0</v>
      </c>
      <c r="FM38" s="330">
        <v>0</v>
      </c>
      <c r="FN38" s="334"/>
      <c r="FO38" s="329">
        <v>0</v>
      </c>
      <c r="FP38" s="329">
        <v>0</v>
      </c>
      <c r="FQ38" s="329">
        <v>0</v>
      </c>
      <c r="FR38" s="329">
        <v>0</v>
      </c>
      <c r="FS38" s="329">
        <v>0</v>
      </c>
      <c r="FT38" s="332">
        <v>0</v>
      </c>
      <c r="FU38" s="333">
        <v>0</v>
      </c>
      <c r="FV38" s="328">
        <v>0</v>
      </c>
      <c r="FW38" s="329">
        <v>0</v>
      </c>
      <c r="FX38" s="330">
        <v>0</v>
      </c>
      <c r="FY38" s="331">
        <v>0</v>
      </c>
      <c r="FZ38" s="329">
        <v>3395</v>
      </c>
      <c r="GA38" s="329">
        <v>36446</v>
      </c>
      <c r="GB38" s="329">
        <v>65883</v>
      </c>
      <c r="GC38" s="329">
        <v>38132</v>
      </c>
      <c r="GD38" s="329">
        <v>9488</v>
      </c>
      <c r="GE38" s="332">
        <v>153344</v>
      </c>
      <c r="GF38" s="333">
        <v>153344</v>
      </c>
      <c r="GG38" s="328">
        <v>0</v>
      </c>
      <c r="GH38" s="329">
        <v>0</v>
      </c>
      <c r="GI38" s="330">
        <v>0</v>
      </c>
      <c r="GJ38" s="331">
        <v>0</v>
      </c>
      <c r="GK38" s="329">
        <v>56</v>
      </c>
      <c r="GL38" s="329">
        <v>0</v>
      </c>
      <c r="GM38" s="329">
        <v>0</v>
      </c>
      <c r="GN38" s="329">
        <v>0</v>
      </c>
      <c r="GO38" s="329">
        <v>0</v>
      </c>
      <c r="GP38" s="332">
        <v>56</v>
      </c>
      <c r="GQ38" s="333">
        <v>56</v>
      </c>
      <c r="GR38" s="328">
        <v>0</v>
      </c>
      <c r="GS38" s="329">
        <v>0</v>
      </c>
      <c r="GT38" s="330">
        <v>0</v>
      </c>
      <c r="GU38" s="331">
        <v>0</v>
      </c>
      <c r="GV38" s="329">
        <v>0</v>
      </c>
      <c r="GW38" s="329">
        <v>0</v>
      </c>
      <c r="GX38" s="329">
        <v>0</v>
      </c>
      <c r="GY38" s="329">
        <v>0</v>
      </c>
      <c r="GZ38" s="329">
        <v>0</v>
      </c>
      <c r="HA38" s="332">
        <v>0</v>
      </c>
      <c r="HB38" s="333">
        <v>0</v>
      </c>
      <c r="HC38" s="328">
        <v>0</v>
      </c>
      <c r="HD38" s="329">
        <v>0</v>
      </c>
      <c r="HE38" s="330">
        <v>0</v>
      </c>
      <c r="HF38" s="334"/>
      <c r="HG38" s="329">
        <v>0</v>
      </c>
      <c r="HH38" s="329">
        <v>0</v>
      </c>
      <c r="HI38" s="329">
        <v>0</v>
      </c>
      <c r="HJ38" s="329">
        <v>0</v>
      </c>
      <c r="HK38" s="329">
        <v>0</v>
      </c>
      <c r="HL38" s="332">
        <v>0</v>
      </c>
      <c r="HM38" s="333">
        <v>0</v>
      </c>
      <c r="HN38" s="328">
        <v>0</v>
      </c>
      <c r="HO38" s="329">
        <v>0</v>
      </c>
      <c r="HP38" s="330">
        <v>0</v>
      </c>
      <c r="HQ38" s="331">
        <v>0</v>
      </c>
      <c r="HR38" s="329">
        <v>225438</v>
      </c>
      <c r="HS38" s="329">
        <v>379096</v>
      </c>
      <c r="HT38" s="329">
        <v>1189862</v>
      </c>
      <c r="HU38" s="329">
        <v>1552775</v>
      </c>
      <c r="HV38" s="329">
        <v>829050</v>
      </c>
      <c r="HW38" s="332">
        <v>4176221</v>
      </c>
      <c r="HX38" s="333">
        <v>4176221</v>
      </c>
    </row>
    <row r="39" spans="1:232" ht="16.5" customHeight="1" x14ac:dyDescent="0.2">
      <c r="A39" s="326" t="s">
        <v>36</v>
      </c>
      <c r="B39" s="328">
        <v>0</v>
      </c>
      <c r="C39" s="329">
        <v>0</v>
      </c>
      <c r="D39" s="330">
        <v>0</v>
      </c>
      <c r="E39" s="331">
        <v>0</v>
      </c>
      <c r="F39" s="329">
        <v>277422</v>
      </c>
      <c r="G39" s="329">
        <v>284240</v>
      </c>
      <c r="H39" s="329">
        <v>822319</v>
      </c>
      <c r="I39" s="329">
        <v>980702</v>
      </c>
      <c r="J39" s="329">
        <v>799262</v>
      </c>
      <c r="K39" s="332">
        <v>3163945</v>
      </c>
      <c r="L39" s="333">
        <v>3163945</v>
      </c>
      <c r="M39" s="328">
        <v>0</v>
      </c>
      <c r="N39" s="329">
        <v>0</v>
      </c>
      <c r="O39" s="330">
        <v>0</v>
      </c>
      <c r="P39" s="334"/>
      <c r="Q39" s="329">
        <v>0</v>
      </c>
      <c r="R39" s="329">
        <v>32705</v>
      </c>
      <c r="S39" s="329">
        <v>570580</v>
      </c>
      <c r="T39" s="329">
        <v>750395</v>
      </c>
      <c r="U39" s="329">
        <v>637680</v>
      </c>
      <c r="V39" s="332">
        <v>1991360</v>
      </c>
      <c r="W39" s="333">
        <v>1991360</v>
      </c>
      <c r="X39" s="328">
        <v>0</v>
      </c>
      <c r="Y39" s="329">
        <v>0</v>
      </c>
      <c r="Z39" s="330">
        <v>0</v>
      </c>
      <c r="AA39" s="334"/>
      <c r="AB39" s="329">
        <v>257297</v>
      </c>
      <c r="AC39" s="329">
        <v>236435</v>
      </c>
      <c r="AD39" s="329">
        <v>178557</v>
      </c>
      <c r="AE39" s="329">
        <v>155822</v>
      </c>
      <c r="AF39" s="329">
        <v>158937</v>
      </c>
      <c r="AG39" s="332">
        <v>987048</v>
      </c>
      <c r="AH39" s="333">
        <v>987048</v>
      </c>
      <c r="AI39" s="328">
        <v>0</v>
      </c>
      <c r="AJ39" s="329">
        <v>0</v>
      </c>
      <c r="AK39" s="330">
        <v>0</v>
      </c>
      <c r="AL39" s="334"/>
      <c r="AM39" s="329">
        <v>0</v>
      </c>
      <c r="AN39" s="329">
        <v>0</v>
      </c>
      <c r="AO39" s="329">
        <v>0</v>
      </c>
      <c r="AP39" s="329">
        <v>2635</v>
      </c>
      <c r="AQ39" s="329">
        <v>0</v>
      </c>
      <c r="AR39" s="332">
        <v>2635</v>
      </c>
      <c r="AS39" s="333">
        <v>2635</v>
      </c>
      <c r="AT39" s="328">
        <v>0</v>
      </c>
      <c r="AU39" s="329">
        <v>0</v>
      </c>
      <c r="AV39" s="330">
        <v>0</v>
      </c>
      <c r="AW39" s="334"/>
      <c r="AX39" s="329">
        <v>0</v>
      </c>
      <c r="AY39" s="329">
        <v>0</v>
      </c>
      <c r="AZ39" s="329">
        <v>0</v>
      </c>
      <c r="BA39" s="329">
        <v>24645</v>
      </c>
      <c r="BB39" s="329">
        <v>0</v>
      </c>
      <c r="BC39" s="332">
        <v>24645</v>
      </c>
      <c r="BD39" s="333">
        <v>24645</v>
      </c>
      <c r="BE39" s="328">
        <v>0</v>
      </c>
      <c r="BF39" s="329">
        <v>0</v>
      </c>
      <c r="BG39" s="330">
        <v>0</v>
      </c>
      <c r="BH39" s="334"/>
      <c r="BI39" s="329">
        <v>0</v>
      </c>
      <c r="BJ39" s="329">
        <v>0</v>
      </c>
      <c r="BK39" s="329">
        <v>0</v>
      </c>
      <c r="BL39" s="329">
        <v>0</v>
      </c>
      <c r="BM39" s="329">
        <v>0</v>
      </c>
      <c r="BN39" s="332">
        <v>0</v>
      </c>
      <c r="BO39" s="333">
        <v>0</v>
      </c>
      <c r="BP39" s="328">
        <v>0</v>
      </c>
      <c r="BQ39" s="329">
        <v>0</v>
      </c>
      <c r="BR39" s="330">
        <v>0</v>
      </c>
      <c r="BS39" s="331">
        <v>0</v>
      </c>
      <c r="BT39" s="329">
        <v>20125</v>
      </c>
      <c r="BU39" s="329">
        <v>15100</v>
      </c>
      <c r="BV39" s="329">
        <v>73182</v>
      </c>
      <c r="BW39" s="329">
        <v>47205</v>
      </c>
      <c r="BX39" s="329">
        <v>2645</v>
      </c>
      <c r="BY39" s="332">
        <v>158257</v>
      </c>
      <c r="BZ39" s="333">
        <v>158257</v>
      </c>
      <c r="CA39" s="328">
        <v>0</v>
      </c>
      <c r="CB39" s="329">
        <v>0</v>
      </c>
      <c r="CC39" s="330">
        <v>0</v>
      </c>
      <c r="CD39" s="331">
        <v>0</v>
      </c>
      <c r="CE39" s="329">
        <v>0</v>
      </c>
      <c r="CF39" s="329">
        <v>0</v>
      </c>
      <c r="CG39" s="329">
        <v>0</v>
      </c>
      <c r="CH39" s="329">
        <v>0</v>
      </c>
      <c r="CI39" s="329">
        <v>0</v>
      </c>
      <c r="CJ39" s="332">
        <v>0</v>
      </c>
      <c r="CK39" s="333">
        <v>0</v>
      </c>
      <c r="CL39" s="328">
        <v>0</v>
      </c>
      <c r="CM39" s="329">
        <v>0</v>
      </c>
      <c r="CN39" s="330">
        <v>0</v>
      </c>
      <c r="CO39" s="331">
        <v>0</v>
      </c>
      <c r="CP39" s="329">
        <v>0</v>
      </c>
      <c r="CQ39" s="329">
        <v>0</v>
      </c>
      <c r="CR39" s="329">
        <v>0</v>
      </c>
      <c r="CS39" s="329">
        <v>0</v>
      </c>
      <c r="CT39" s="329">
        <v>0</v>
      </c>
      <c r="CU39" s="332">
        <v>0</v>
      </c>
      <c r="CV39" s="333">
        <v>0</v>
      </c>
      <c r="CW39" s="328">
        <v>0</v>
      </c>
      <c r="CX39" s="329">
        <v>0</v>
      </c>
      <c r="CY39" s="330">
        <v>0</v>
      </c>
      <c r="CZ39" s="334"/>
      <c r="DA39" s="329">
        <v>0</v>
      </c>
      <c r="DB39" s="329">
        <v>0</v>
      </c>
      <c r="DC39" s="329">
        <v>0</v>
      </c>
      <c r="DD39" s="329">
        <v>0</v>
      </c>
      <c r="DE39" s="329">
        <v>0</v>
      </c>
      <c r="DF39" s="332">
        <v>0</v>
      </c>
      <c r="DG39" s="333">
        <v>0</v>
      </c>
      <c r="DH39" s="328">
        <v>0</v>
      </c>
      <c r="DI39" s="329">
        <v>0</v>
      </c>
      <c r="DJ39" s="330">
        <v>0</v>
      </c>
      <c r="DK39" s="331">
        <v>0</v>
      </c>
      <c r="DL39" s="329">
        <v>42951</v>
      </c>
      <c r="DM39" s="329">
        <v>67929</v>
      </c>
      <c r="DN39" s="329">
        <v>729233</v>
      </c>
      <c r="DO39" s="329">
        <v>1015907</v>
      </c>
      <c r="DP39" s="329">
        <v>863554</v>
      </c>
      <c r="DQ39" s="332">
        <v>2719574</v>
      </c>
      <c r="DR39" s="335">
        <v>2719574</v>
      </c>
      <c r="DS39" s="328">
        <v>0</v>
      </c>
      <c r="DT39" s="329">
        <v>0</v>
      </c>
      <c r="DU39" s="330">
        <v>0</v>
      </c>
      <c r="DV39" s="334"/>
      <c r="DW39" s="329">
        <v>0</v>
      </c>
      <c r="DX39" s="329">
        <v>15035</v>
      </c>
      <c r="DY39" s="329">
        <v>606967</v>
      </c>
      <c r="DZ39" s="329">
        <v>930855</v>
      </c>
      <c r="EA39" s="329">
        <v>859239</v>
      </c>
      <c r="EB39" s="332">
        <v>2412096</v>
      </c>
      <c r="EC39" s="333">
        <v>2412096</v>
      </c>
      <c r="ED39" s="328">
        <v>0</v>
      </c>
      <c r="EE39" s="329">
        <v>0</v>
      </c>
      <c r="EF39" s="330">
        <v>0</v>
      </c>
      <c r="EG39" s="334"/>
      <c r="EH39" s="329">
        <v>14319</v>
      </c>
      <c r="EI39" s="329">
        <v>21880</v>
      </c>
      <c r="EJ39" s="329">
        <v>15026</v>
      </c>
      <c r="EK39" s="329">
        <v>24446</v>
      </c>
      <c r="EL39" s="329">
        <v>1953</v>
      </c>
      <c r="EM39" s="332">
        <v>77624</v>
      </c>
      <c r="EN39" s="333">
        <v>77624</v>
      </c>
      <c r="EO39" s="328">
        <v>0</v>
      </c>
      <c r="EP39" s="329">
        <v>0</v>
      </c>
      <c r="EQ39" s="330">
        <v>0</v>
      </c>
      <c r="ER39" s="334"/>
      <c r="ES39" s="329">
        <v>0</v>
      </c>
      <c r="ET39" s="329">
        <v>0</v>
      </c>
      <c r="EU39" s="329">
        <v>0</v>
      </c>
      <c r="EV39" s="329">
        <v>217</v>
      </c>
      <c r="EW39" s="329">
        <v>0</v>
      </c>
      <c r="EX39" s="332">
        <v>217</v>
      </c>
      <c r="EY39" s="333">
        <v>217</v>
      </c>
      <c r="EZ39" s="328">
        <v>0</v>
      </c>
      <c r="FA39" s="329">
        <v>0</v>
      </c>
      <c r="FB39" s="330">
        <v>0</v>
      </c>
      <c r="FC39" s="334"/>
      <c r="FD39" s="329">
        <v>0</v>
      </c>
      <c r="FE39" s="329">
        <v>0</v>
      </c>
      <c r="FF39" s="329">
        <v>0</v>
      </c>
      <c r="FG39" s="329">
        <v>217</v>
      </c>
      <c r="FH39" s="329">
        <v>0</v>
      </c>
      <c r="FI39" s="332">
        <v>217</v>
      </c>
      <c r="FJ39" s="333">
        <v>217</v>
      </c>
      <c r="FK39" s="328">
        <v>0</v>
      </c>
      <c r="FL39" s="329">
        <v>0</v>
      </c>
      <c r="FM39" s="330">
        <v>0</v>
      </c>
      <c r="FN39" s="334"/>
      <c r="FO39" s="329">
        <v>0</v>
      </c>
      <c r="FP39" s="329">
        <v>0</v>
      </c>
      <c r="FQ39" s="329">
        <v>0</v>
      </c>
      <c r="FR39" s="329">
        <v>0</v>
      </c>
      <c r="FS39" s="329">
        <v>0</v>
      </c>
      <c r="FT39" s="332">
        <v>0</v>
      </c>
      <c r="FU39" s="333">
        <v>0</v>
      </c>
      <c r="FV39" s="328">
        <v>0</v>
      </c>
      <c r="FW39" s="329">
        <v>0</v>
      </c>
      <c r="FX39" s="330">
        <v>0</v>
      </c>
      <c r="FY39" s="331">
        <v>0</v>
      </c>
      <c r="FZ39" s="329">
        <v>28632</v>
      </c>
      <c r="GA39" s="329">
        <v>31014</v>
      </c>
      <c r="GB39" s="329">
        <v>107240</v>
      </c>
      <c r="GC39" s="329">
        <v>60172</v>
      </c>
      <c r="GD39" s="329">
        <v>2362</v>
      </c>
      <c r="GE39" s="332">
        <v>229420</v>
      </c>
      <c r="GF39" s="333">
        <v>229420</v>
      </c>
      <c r="GG39" s="328">
        <v>0</v>
      </c>
      <c r="GH39" s="329">
        <v>0</v>
      </c>
      <c r="GI39" s="330">
        <v>0</v>
      </c>
      <c r="GJ39" s="331">
        <v>0</v>
      </c>
      <c r="GK39" s="329">
        <v>0</v>
      </c>
      <c r="GL39" s="329">
        <v>0</v>
      </c>
      <c r="GM39" s="329">
        <v>0</v>
      </c>
      <c r="GN39" s="329">
        <v>0</v>
      </c>
      <c r="GO39" s="329">
        <v>0</v>
      </c>
      <c r="GP39" s="332">
        <v>0</v>
      </c>
      <c r="GQ39" s="333">
        <v>0</v>
      </c>
      <c r="GR39" s="328">
        <v>0</v>
      </c>
      <c r="GS39" s="329">
        <v>0</v>
      </c>
      <c r="GT39" s="330">
        <v>0</v>
      </c>
      <c r="GU39" s="331">
        <v>0</v>
      </c>
      <c r="GV39" s="329">
        <v>0</v>
      </c>
      <c r="GW39" s="329">
        <v>0</v>
      </c>
      <c r="GX39" s="329">
        <v>0</v>
      </c>
      <c r="GY39" s="329">
        <v>0</v>
      </c>
      <c r="GZ39" s="329">
        <v>0</v>
      </c>
      <c r="HA39" s="332">
        <v>0</v>
      </c>
      <c r="HB39" s="333">
        <v>0</v>
      </c>
      <c r="HC39" s="328">
        <v>0</v>
      </c>
      <c r="HD39" s="329">
        <v>0</v>
      </c>
      <c r="HE39" s="330">
        <v>0</v>
      </c>
      <c r="HF39" s="334"/>
      <c r="HG39" s="329">
        <v>0</v>
      </c>
      <c r="HH39" s="329">
        <v>0</v>
      </c>
      <c r="HI39" s="329">
        <v>0</v>
      </c>
      <c r="HJ39" s="329">
        <v>0</v>
      </c>
      <c r="HK39" s="329">
        <v>0</v>
      </c>
      <c r="HL39" s="332">
        <v>0</v>
      </c>
      <c r="HM39" s="333">
        <v>0</v>
      </c>
      <c r="HN39" s="328">
        <v>0</v>
      </c>
      <c r="HO39" s="329">
        <v>0</v>
      </c>
      <c r="HP39" s="330">
        <v>0</v>
      </c>
      <c r="HQ39" s="331">
        <v>0</v>
      </c>
      <c r="HR39" s="329">
        <v>320373</v>
      </c>
      <c r="HS39" s="329">
        <v>352169</v>
      </c>
      <c r="HT39" s="329">
        <v>1551552</v>
      </c>
      <c r="HU39" s="329">
        <v>1996609</v>
      </c>
      <c r="HV39" s="329">
        <v>1662816</v>
      </c>
      <c r="HW39" s="332">
        <v>5883519</v>
      </c>
      <c r="HX39" s="333">
        <v>5883519</v>
      </c>
    </row>
    <row r="40" spans="1:232" ht="16.5" customHeight="1" thickBot="1" x14ac:dyDescent="0.25">
      <c r="A40" s="327" t="s">
        <v>37</v>
      </c>
      <c r="B40" s="336">
        <v>0</v>
      </c>
      <c r="C40" s="337">
        <v>0</v>
      </c>
      <c r="D40" s="338">
        <v>0</v>
      </c>
      <c r="E40" s="339">
        <v>0</v>
      </c>
      <c r="F40" s="337">
        <v>0</v>
      </c>
      <c r="G40" s="337">
        <v>2890</v>
      </c>
      <c r="H40" s="337">
        <v>46275</v>
      </c>
      <c r="I40" s="337">
        <v>37392</v>
      </c>
      <c r="J40" s="337">
        <v>35340</v>
      </c>
      <c r="K40" s="340">
        <v>121897</v>
      </c>
      <c r="L40" s="341">
        <v>121897</v>
      </c>
      <c r="M40" s="336">
        <v>0</v>
      </c>
      <c r="N40" s="337">
        <v>0</v>
      </c>
      <c r="O40" s="338">
        <v>0</v>
      </c>
      <c r="P40" s="342"/>
      <c r="Q40" s="337">
        <v>0</v>
      </c>
      <c r="R40" s="337">
        <v>0</v>
      </c>
      <c r="S40" s="337">
        <v>40525</v>
      </c>
      <c r="T40" s="337">
        <v>37392</v>
      </c>
      <c r="U40" s="337">
        <v>35340</v>
      </c>
      <c r="V40" s="340">
        <v>113257</v>
      </c>
      <c r="W40" s="341">
        <v>113257</v>
      </c>
      <c r="X40" s="336">
        <v>0</v>
      </c>
      <c r="Y40" s="337">
        <v>0</v>
      </c>
      <c r="Z40" s="338">
        <v>0</v>
      </c>
      <c r="AA40" s="342"/>
      <c r="AB40" s="337">
        <v>0</v>
      </c>
      <c r="AC40" s="337">
        <v>2635</v>
      </c>
      <c r="AD40" s="337">
        <v>2635</v>
      </c>
      <c r="AE40" s="337">
        <v>0</v>
      </c>
      <c r="AF40" s="337">
        <v>0</v>
      </c>
      <c r="AG40" s="340">
        <v>5270</v>
      </c>
      <c r="AH40" s="341">
        <v>5270</v>
      </c>
      <c r="AI40" s="336">
        <v>0</v>
      </c>
      <c r="AJ40" s="337">
        <v>0</v>
      </c>
      <c r="AK40" s="338">
        <v>0</v>
      </c>
      <c r="AL40" s="342"/>
      <c r="AM40" s="337">
        <v>0</v>
      </c>
      <c r="AN40" s="337">
        <v>0</v>
      </c>
      <c r="AO40" s="337">
        <v>0</v>
      </c>
      <c r="AP40" s="337">
        <v>0</v>
      </c>
      <c r="AQ40" s="337">
        <v>0</v>
      </c>
      <c r="AR40" s="340">
        <v>0</v>
      </c>
      <c r="AS40" s="341">
        <v>0</v>
      </c>
      <c r="AT40" s="336">
        <v>0</v>
      </c>
      <c r="AU40" s="337">
        <v>0</v>
      </c>
      <c r="AV40" s="338">
        <v>0</v>
      </c>
      <c r="AW40" s="342"/>
      <c r="AX40" s="337">
        <v>0</v>
      </c>
      <c r="AY40" s="337">
        <v>0</v>
      </c>
      <c r="AZ40" s="337">
        <v>0</v>
      </c>
      <c r="BA40" s="337">
        <v>0</v>
      </c>
      <c r="BB40" s="337">
        <v>0</v>
      </c>
      <c r="BC40" s="340">
        <v>0</v>
      </c>
      <c r="BD40" s="341">
        <v>0</v>
      </c>
      <c r="BE40" s="336">
        <v>0</v>
      </c>
      <c r="BF40" s="337">
        <v>0</v>
      </c>
      <c r="BG40" s="338">
        <v>0</v>
      </c>
      <c r="BH40" s="342"/>
      <c r="BI40" s="337">
        <v>0</v>
      </c>
      <c r="BJ40" s="337">
        <v>0</v>
      </c>
      <c r="BK40" s="337">
        <v>0</v>
      </c>
      <c r="BL40" s="337">
        <v>0</v>
      </c>
      <c r="BM40" s="337">
        <v>0</v>
      </c>
      <c r="BN40" s="340">
        <v>0</v>
      </c>
      <c r="BO40" s="341">
        <v>0</v>
      </c>
      <c r="BP40" s="336">
        <v>0</v>
      </c>
      <c r="BQ40" s="337">
        <v>0</v>
      </c>
      <c r="BR40" s="338">
        <v>0</v>
      </c>
      <c r="BS40" s="339">
        <v>0</v>
      </c>
      <c r="BT40" s="337">
        <v>0</v>
      </c>
      <c r="BU40" s="337">
        <v>255</v>
      </c>
      <c r="BV40" s="337">
        <v>0</v>
      </c>
      <c r="BW40" s="337">
        <v>0</v>
      </c>
      <c r="BX40" s="337">
        <v>0</v>
      </c>
      <c r="BY40" s="340">
        <v>255</v>
      </c>
      <c r="BZ40" s="341">
        <v>255</v>
      </c>
      <c r="CA40" s="336">
        <v>0</v>
      </c>
      <c r="CB40" s="337">
        <v>0</v>
      </c>
      <c r="CC40" s="338">
        <v>0</v>
      </c>
      <c r="CD40" s="339">
        <v>0</v>
      </c>
      <c r="CE40" s="337">
        <v>0</v>
      </c>
      <c r="CF40" s="337">
        <v>0</v>
      </c>
      <c r="CG40" s="337">
        <v>3115</v>
      </c>
      <c r="CH40" s="337">
        <v>0</v>
      </c>
      <c r="CI40" s="337">
        <v>0</v>
      </c>
      <c r="CJ40" s="340">
        <v>3115</v>
      </c>
      <c r="CK40" s="341">
        <v>3115</v>
      </c>
      <c r="CL40" s="336">
        <v>0</v>
      </c>
      <c r="CM40" s="337">
        <v>0</v>
      </c>
      <c r="CN40" s="338">
        <v>0</v>
      </c>
      <c r="CO40" s="339">
        <v>0</v>
      </c>
      <c r="CP40" s="337">
        <v>0</v>
      </c>
      <c r="CQ40" s="337">
        <v>0</v>
      </c>
      <c r="CR40" s="337">
        <v>0</v>
      </c>
      <c r="CS40" s="337">
        <v>0</v>
      </c>
      <c r="CT40" s="337">
        <v>0</v>
      </c>
      <c r="CU40" s="340">
        <v>0</v>
      </c>
      <c r="CV40" s="341">
        <v>0</v>
      </c>
      <c r="CW40" s="336">
        <v>0</v>
      </c>
      <c r="CX40" s="337">
        <v>0</v>
      </c>
      <c r="CY40" s="338">
        <v>0</v>
      </c>
      <c r="CZ40" s="342"/>
      <c r="DA40" s="337">
        <v>0</v>
      </c>
      <c r="DB40" s="337">
        <v>0</v>
      </c>
      <c r="DC40" s="337">
        <v>0</v>
      </c>
      <c r="DD40" s="337">
        <v>0</v>
      </c>
      <c r="DE40" s="337">
        <v>0</v>
      </c>
      <c r="DF40" s="340">
        <v>0</v>
      </c>
      <c r="DG40" s="341">
        <v>0</v>
      </c>
      <c r="DH40" s="336">
        <v>0</v>
      </c>
      <c r="DI40" s="337">
        <v>0</v>
      </c>
      <c r="DJ40" s="338">
        <v>0</v>
      </c>
      <c r="DK40" s="339">
        <v>0</v>
      </c>
      <c r="DL40" s="337">
        <v>0</v>
      </c>
      <c r="DM40" s="337">
        <v>1270</v>
      </c>
      <c r="DN40" s="337">
        <v>73488</v>
      </c>
      <c r="DO40" s="337">
        <v>57993</v>
      </c>
      <c r="DP40" s="337">
        <v>30070</v>
      </c>
      <c r="DQ40" s="340">
        <v>162821</v>
      </c>
      <c r="DR40" s="343">
        <v>162821</v>
      </c>
      <c r="DS40" s="336">
        <v>0</v>
      </c>
      <c r="DT40" s="337">
        <v>0</v>
      </c>
      <c r="DU40" s="338">
        <v>0</v>
      </c>
      <c r="DV40" s="342"/>
      <c r="DW40" s="337">
        <v>0</v>
      </c>
      <c r="DX40" s="337">
        <v>0</v>
      </c>
      <c r="DY40" s="337">
        <v>73222</v>
      </c>
      <c r="DZ40" s="337">
        <v>57993</v>
      </c>
      <c r="EA40" s="337">
        <v>30070</v>
      </c>
      <c r="EB40" s="340">
        <v>161285</v>
      </c>
      <c r="EC40" s="341">
        <v>161285</v>
      </c>
      <c r="ED40" s="336">
        <v>0</v>
      </c>
      <c r="EE40" s="337">
        <v>0</v>
      </c>
      <c r="EF40" s="338">
        <v>0</v>
      </c>
      <c r="EG40" s="342"/>
      <c r="EH40" s="337">
        <v>0</v>
      </c>
      <c r="EI40" s="337">
        <v>217</v>
      </c>
      <c r="EJ40" s="337">
        <v>217</v>
      </c>
      <c r="EK40" s="337">
        <v>0</v>
      </c>
      <c r="EL40" s="337">
        <v>0</v>
      </c>
      <c r="EM40" s="340">
        <v>434</v>
      </c>
      <c r="EN40" s="341">
        <v>434</v>
      </c>
      <c r="EO40" s="336">
        <v>0</v>
      </c>
      <c r="EP40" s="337">
        <v>0</v>
      </c>
      <c r="EQ40" s="338">
        <v>0</v>
      </c>
      <c r="ER40" s="342"/>
      <c r="ES40" s="337">
        <v>0</v>
      </c>
      <c r="ET40" s="337">
        <v>0</v>
      </c>
      <c r="EU40" s="337">
        <v>0</v>
      </c>
      <c r="EV40" s="337">
        <v>0</v>
      </c>
      <c r="EW40" s="337">
        <v>0</v>
      </c>
      <c r="EX40" s="340">
        <v>0</v>
      </c>
      <c r="EY40" s="341">
        <v>0</v>
      </c>
      <c r="EZ40" s="336">
        <v>0</v>
      </c>
      <c r="FA40" s="337">
        <v>0</v>
      </c>
      <c r="FB40" s="338">
        <v>0</v>
      </c>
      <c r="FC40" s="342"/>
      <c r="FD40" s="337">
        <v>0</v>
      </c>
      <c r="FE40" s="337">
        <v>0</v>
      </c>
      <c r="FF40" s="337">
        <v>0</v>
      </c>
      <c r="FG40" s="337">
        <v>0</v>
      </c>
      <c r="FH40" s="337">
        <v>0</v>
      </c>
      <c r="FI40" s="340">
        <v>0</v>
      </c>
      <c r="FJ40" s="341">
        <v>0</v>
      </c>
      <c r="FK40" s="336">
        <v>0</v>
      </c>
      <c r="FL40" s="337">
        <v>0</v>
      </c>
      <c r="FM40" s="338">
        <v>0</v>
      </c>
      <c r="FN40" s="342"/>
      <c r="FO40" s="337">
        <v>0</v>
      </c>
      <c r="FP40" s="337">
        <v>0</v>
      </c>
      <c r="FQ40" s="337">
        <v>0</v>
      </c>
      <c r="FR40" s="337">
        <v>0</v>
      </c>
      <c r="FS40" s="337">
        <v>0</v>
      </c>
      <c r="FT40" s="340">
        <v>0</v>
      </c>
      <c r="FU40" s="341">
        <v>0</v>
      </c>
      <c r="FV40" s="336">
        <v>0</v>
      </c>
      <c r="FW40" s="337">
        <v>0</v>
      </c>
      <c r="FX40" s="338">
        <v>0</v>
      </c>
      <c r="FY40" s="339">
        <v>0</v>
      </c>
      <c r="FZ40" s="337">
        <v>0</v>
      </c>
      <c r="GA40" s="337">
        <v>1053</v>
      </c>
      <c r="GB40" s="337">
        <v>0</v>
      </c>
      <c r="GC40" s="337">
        <v>0</v>
      </c>
      <c r="GD40" s="337">
        <v>0</v>
      </c>
      <c r="GE40" s="340">
        <v>1053</v>
      </c>
      <c r="GF40" s="341">
        <v>1053</v>
      </c>
      <c r="GG40" s="336">
        <v>0</v>
      </c>
      <c r="GH40" s="337">
        <v>0</v>
      </c>
      <c r="GI40" s="338">
        <v>0</v>
      </c>
      <c r="GJ40" s="339">
        <v>0</v>
      </c>
      <c r="GK40" s="337">
        <v>0</v>
      </c>
      <c r="GL40" s="337">
        <v>0</v>
      </c>
      <c r="GM40" s="337">
        <v>49</v>
      </c>
      <c r="GN40" s="337">
        <v>0</v>
      </c>
      <c r="GO40" s="337">
        <v>0</v>
      </c>
      <c r="GP40" s="340">
        <v>49</v>
      </c>
      <c r="GQ40" s="341">
        <v>49</v>
      </c>
      <c r="GR40" s="336">
        <v>0</v>
      </c>
      <c r="GS40" s="337">
        <v>0</v>
      </c>
      <c r="GT40" s="338">
        <v>0</v>
      </c>
      <c r="GU40" s="339">
        <v>0</v>
      </c>
      <c r="GV40" s="337">
        <v>0</v>
      </c>
      <c r="GW40" s="337">
        <v>0</v>
      </c>
      <c r="GX40" s="337">
        <v>0</v>
      </c>
      <c r="GY40" s="337">
        <v>0</v>
      </c>
      <c r="GZ40" s="337">
        <v>0</v>
      </c>
      <c r="HA40" s="340">
        <v>0</v>
      </c>
      <c r="HB40" s="341">
        <v>0</v>
      </c>
      <c r="HC40" s="336">
        <v>0</v>
      </c>
      <c r="HD40" s="337">
        <v>0</v>
      </c>
      <c r="HE40" s="338">
        <v>0</v>
      </c>
      <c r="HF40" s="342"/>
      <c r="HG40" s="337">
        <v>0</v>
      </c>
      <c r="HH40" s="337">
        <v>0</v>
      </c>
      <c r="HI40" s="337">
        <v>0</v>
      </c>
      <c r="HJ40" s="337">
        <v>0</v>
      </c>
      <c r="HK40" s="337">
        <v>0</v>
      </c>
      <c r="HL40" s="340">
        <v>0</v>
      </c>
      <c r="HM40" s="341">
        <v>0</v>
      </c>
      <c r="HN40" s="336">
        <v>0</v>
      </c>
      <c r="HO40" s="337">
        <v>0</v>
      </c>
      <c r="HP40" s="338">
        <v>0</v>
      </c>
      <c r="HQ40" s="339">
        <v>0</v>
      </c>
      <c r="HR40" s="337">
        <v>0</v>
      </c>
      <c r="HS40" s="337">
        <v>4160</v>
      </c>
      <c r="HT40" s="337">
        <v>119763</v>
      </c>
      <c r="HU40" s="337">
        <v>95385</v>
      </c>
      <c r="HV40" s="337">
        <v>65410</v>
      </c>
      <c r="HW40" s="340">
        <v>284718</v>
      </c>
      <c r="HX40" s="341">
        <v>284718</v>
      </c>
    </row>
    <row r="41" spans="1:232" x14ac:dyDescent="0.2">
      <c r="A41" s="1" t="s">
        <v>84</v>
      </c>
    </row>
  </sheetData>
  <mergeCells count="88">
    <mergeCell ref="HX5:HX6"/>
    <mergeCell ref="GF5:GF6"/>
    <mergeCell ref="GG5:GI5"/>
    <mergeCell ref="GJ5:GP5"/>
    <mergeCell ref="GQ5:GQ6"/>
    <mergeCell ref="GR5:GT5"/>
    <mergeCell ref="GU5:HA5"/>
    <mergeCell ref="HC5:HE5"/>
    <mergeCell ref="HF5:HL5"/>
    <mergeCell ref="HM5:HM6"/>
    <mergeCell ref="FC5:FI5"/>
    <mergeCell ref="FJ5:FJ6"/>
    <mergeCell ref="HB5:HB6"/>
    <mergeCell ref="HN5:HP5"/>
    <mergeCell ref="HQ5:HW5"/>
    <mergeCell ref="CW5:CY5"/>
    <mergeCell ref="CZ5:DF5"/>
    <mergeCell ref="DG5:DG6"/>
    <mergeCell ref="FY5:GE5"/>
    <mergeCell ref="EC5:EC6"/>
    <mergeCell ref="ED5:EF5"/>
    <mergeCell ref="EG5:EM5"/>
    <mergeCell ref="EN5:EN6"/>
    <mergeCell ref="EO5:EQ5"/>
    <mergeCell ref="ER5:EX5"/>
    <mergeCell ref="EY5:EY6"/>
    <mergeCell ref="FK5:FM5"/>
    <mergeCell ref="FN5:FT5"/>
    <mergeCell ref="FU5:FU6"/>
    <mergeCell ref="FV5:FX5"/>
    <mergeCell ref="EZ5:FB5"/>
    <mergeCell ref="BP5:BR5"/>
    <mergeCell ref="AT5:AV5"/>
    <mergeCell ref="AW5:BC5"/>
    <mergeCell ref="BD5:BD6"/>
    <mergeCell ref="DV5:EB5"/>
    <mergeCell ref="BZ5:BZ6"/>
    <mergeCell ref="CA5:CC5"/>
    <mergeCell ref="CD5:CJ5"/>
    <mergeCell ref="CK5:CK6"/>
    <mergeCell ref="CL5:CN5"/>
    <mergeCell ref="CO5:CU5"/>
    <mergeCell ref="CV5:CV6"/>
    <mergeCell ref="DH5:DJ5"/>
    <mergeCell ref="DK5:DQ5"/>
    <mergeCell ref="DR5:DR6"/>
    <mergeCell ref="DS5:DU5"/>
    <mergeCell ref="F1:G1"/>
    <mergeCell ref="A3:A6"/>
    <mergeCell ref="BP4:BZ4"/>
    <mergeCell ref="CA4:CK4"/>
    <mergeCell ref="CL4:CV4"/>
    <mergeCell ref="BS5:BY5"/>
    <mergeCell ref="W5:W6"/>
    <mergeCell ref="X5:Z5"/>
    <mergeCell ref="AA5:AG5"/>
    <mergeCell ref="AH5:AH6"/>
    <mergeCell ref="AI5:AK5"/>
    <mergeCell ref="AL5:AR5"/>
    <mergeCell ref="AS5:AS6"/>
    <mergeCell ref="BE5:BG5"/>
    <mergeCell ref="BH5:BN5"/>
    <mergeCell ref="BO5:BO6"/>
    <mergeCell ref="B5:D5"/>
    <mergeCell ref="E5:K5"/>
    <mergeCell ref="L5:L6"/>
    <mergeCell ref="M5:O5"/>
    <mergeCell ref="P5:V5"/>
    <mergeCell ref="CW4:DG4"/>
    <mergeCell ref="B3:DG3"/>
    <mergeCell ref="EZ4:FJ4"/>
    <mergeCell ref="DH4:DR4"/>
    <mergeCell ref="DS4:EC4"/>
    <mergeCell ref="B4:L4"/>
    <mergeCell ref="M4:W4"/>
    <mergeCell ref="X4:AH4"/>
    <mergeCell ref="AI4:AS4"/>
    <mergeCell ref="BE4:BO4"/>
    <mergeCell ref="AT4:BD4"/>
    <mergeCell ref="HC4:HM4"/>
    <mergeCell ref="DH3:HM3"/>
    <mergeCell ref="EO4:EY4"/>
    <mergeCell ref="FK4:FU4"/>
    <mergeCell ref="HN3:HX4"/>
    <mergeCell ref="ED4:EN4"/>
    <mergeCell ref="FV4:GF4"/>
    <mergeCell ref="GG4:GQ4"/>
    <mergeCell ref="GR4:HB4"/>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3" max="1048575" man="1"/>
    <brk id="56" max="1048575" man="1"/>
    <brk id="78" max="1048575" man="1"/>
    <brk id="111" max="1048575" man="1"/>
    <brk id="133" max="1048575" man="1"/>
    <brk id="166" max="1048575" man="1"/>
    <brk id="188" max="1048575" man="1"/>
    <brk id="221"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21</v>
      </c>
      <c r="E1" s="452">
        <f>第１表!F2</f>
        <v>3</v>
      </c>
      <c r="F1" s="452"/>
      <c r="G1" s="280">
        <f>第１表!G2</f>
        <v>12</v>
      </c>
      <c r="H1" s="434">
        <f>G1</f>
        <v>12</v>
      </c>
      <c r="I1" s="434"/>
    </row>
    <row r="2" spans="1:298" ht="16.5" customHeight="1" thickBot="1" x14ac:dyDescent="0.25">
      <c r="A2" s="20" t="s">
        <v>132</v>
      </c>
    </row>
    <row r="3" spans="1:298" ht="22.5" customHeight="1" thickBot="1" x14ac:dyDescent="0.25">
      <c r="A3" s="435" t="s">
        <v>38</v>
      </c>
      <c r="B3" s="447" t="s">
        <v>96</v>
      </c>
      <c r="C3" s="447"/>
      <c r="D3" s="447"/>
      <c r="E3" s="447"/>
      <c r="F3" s="447"/>
      <c r="G3" s="447"/>
      <c r="H3" s="447"/>
      <c r="I3" s="447"/>
      <c r="J3" s="447"/>
      <c r="K3" s="447"/>
      <c r="L3" s="447"/>
      <c r="M3" s="447"/>
      <c r="N3" s="447"/>
      <c r="O3" s="447"/>
      <c r="P3" s="447"/>
      <c r="Q3" s="447"/>
      <c r="R3" s="447"/>
      <c r="S3" s="447"/>
      <c r="T3" s="447"/>
      <c r="U3" s="447"/>
      <c r="V3" s="447"/>
      <c r="W3" s="447"/>
      <c r="X3" s="447"/>
      <c r="Y3" s="447"/>
      <c r="Z3" s="447"/>
      <c r="AA3" s="447"/>
      <c r="AB3" s="447"/>
      <c r="AC3" s="447"/>
      <c r="AD3" s="447"/>
      <c r="AE3" s="447"/>
      <c r="AF3" s="447"/>
      <c r="AG3" s="447"/>
      <c r="AH3" s="447"/>
      <c r="AI3" s="447"/>
      <c r="AJ3" s="447"/>
      <c r="AK3" s="447"/>
      <c r="AL3" s="447"/>
      <c r="AM3" s="447"/>
      <c r="AN3" s="447"/>
      <c r="AO3" s="447"/>
      <c r="AP3" s="447"/>
      <c r="AQ3" s="447"/>
      <c r="AR3" s="447"/>
      <c r="AS3" s="447"/>
      <c r="AT3" s="447"/>
      <c r="AU3" s="447"/>
      <c r="AV3" s="447"/>
      <c r="AW3" s="447"/>
      <c r="AX3" s="447"/>
      <c r="AY3" s="447"/>
      <c r="AZ3" s="447"/>
      <c r="BA3" s="447"/>
      <c r="BB3" s="447"/>
      <c r="BC3" s="447"/>
      <c r="BD3" s="447"/>
      <c r="BE3" s="447"/>
      <c r="BF3" s="447"/>
      <c r="BG3" s="447"/>
      <c r="BH3" s="447"/>
      <c r="BI3" s="447"/>
      <c r="BJ3" s="447"/>
      <c r="BK3" s="447"/>
      <c r="BL3" s="447"/>
      <c r="BM3" s="447"/>
      <c r="BN3" s="447"/>
      <c r="BO3" s="447"/>
      <c r="BP3" s="447"/>
      <c r="BQ3" s="447"/>
      <c r="BR3" s="447"/>
      <c r="BS3" s="447"/>
      <c r="BT3" s="447"/>
      <c r="BU3" s="447"/>
      <c r="BV3" s="447"/>
      <c r="BW3" s="447"/>
      <c r="BX3" s="447"/>
      <c r="BY3" s="447"/>
      <c r="BZ3" s="447"/>
      <c r="CA3" s="447"/>
      <c r="CB3" s="447"/>
      <c r="CC3" s="447"/>
      <c r="CD3" s="447"/>
      <c r="CE3" s="447"/>
      <c r="CF3" s="447"/>
      <c r="CG3" s="447"/>
      <c r="CH3" s="447"/>
      <c r="CI3" s="447"/>
      <c r="CJ3" s="447"/>
      <c r="CK3" s="447"/>
      <c r="CL3" s="447"/>
      <c r="CM3" s="447"/>
      <c r="CN3" s="447"/>
      <c r="CO3" s="447"/>
      <c r="CP3" s="447"/>
      <c r="CQ3" s="447"/>
      <c r="CR3" s="447"/>
      <c r="CS3" s="447"/>
      <c r="CT3" s="447"/>
      <c r="CU3" s="447"/>
      <c r="CV3" s="448"/>
      <c r="CW3" s="447" t="s">
        <v>103</v>
      </c>
      <c r="CX3" s="447"/>
      <c r="CY3" s="447"/>
      <c r="CZ3" s="447"/>
      <c r="DA3" s="447"/>
      <c r="DB3" s="447"/>
      <c r="DC3" s="447"/>
      <c r="DD3" s="447"/>
      <c r="DE3" s="447"/>
      <c r="DF3" s="447"/>
      <c r="DG3" s="447"/>
      <c r="DH3" s="447"/>
      <c r="DI3" s="447"/>
      <c r="DJ3" s="447"/>
      <c r="DK3" s="447"/>
      <c r="DL3" s="447"/>
      <c r="DM3" s="447"/>
      <c r="DN3" s="447"/>
      <c r="DO3" s="447"/>
      <c r="DP3" s="447"/>
      <c r="DQ3" s="447"/>
      <c r="DR3" s="447"/>
      <c r="DS3" s="447"/>
      <c r="DT3" s="447"/>
      <c r="DU3" s="447"/>
      <c r="DV3" s="447"/>
      <c r="DW3" s="447"/>
      <c r="DX3" s="447"/>
      <c r="DY3" s="447"/>
      <c r="DZ3" s="447"/>
      <c r="EA3" s="447"/>
      <c r="EB3" s="447"/>
      <c r="EC3" s="447"/>
      <c r="ED3" s="447"/>
      <c r="EE3" s="447"/>
      <c r="EF3" s="447"/>
      <c r="EG3" s="447"/>
      <c r="EH3" s="447"/>
      <c r="EI3" s="447"/>
      <c r="EJ3" s="447"/>
      <c r="EK3" s="447"/>
      <c r="EL3" s="447"/>
      <c r="EM3" s="447"/>
      <c r="EN3" s="447"/>
      <c r="EO3" s="447"/>
      <c r="EP3" s="447"/>
      <c r="EQ3" s="447"/>
      <c r="ER3" s="447"/>
      <c r="ES3" s="447"/>
      <c r="ET3" s="447"/>
      <c r="EU3" s="447"/>
      <c r="EV3" s="447"/>
      <c r="EW3" s="447"/>
      <c r="EX3" s="447"/>
      <c r="EY3" s="447"/>
      <c r="EZ3" s="447"/>
      <c r="FA3" s="447"/>
      <c r="FB3" s="447"/>
      <c r="FC3" s="447"/>
      <c r="FD3" s="447"/>
      <c r="FE3" s="447"/>
      <c r="FF3" s="447"/>
      <c r="FG3" s="447"/>
      <c r="FH3" s="447"/>
      <c r="FI3" s="447"/>
      <c r="FJ3" s="447"/>
      <c r="FK3" s="447"/>
      <c r="FL3" s="447"/>
      <c r="FM3" s="447"/>
      <c r="FN3" s="447"/>
      <c r="FO3" s="447"/>
      <c r="FP3" s="447"/>
      <c r="FQ3" s="447"/>
      <c r="FR3" s="447"/>
      <c r="FS3" s="447"/>
      <c r="FT3" s="447"/>
      <c r="FU3" s="447"/>
      <c r="FV3" s="447"/>
      <c r="FW3" s="447"/>
      <c r="FX3" s="447"/>
      <c r="FY3" s="447"/>
      <c r="FZ3" s="447"/>
      <c r="GA3" s="447"/>
      <c r="GB3" s="447"/>
      <c r="GC3" s="447"/>
      <c r="GD3" s="447"/>
      <c r="GE3" s="447"/>
      <c r="GF3" s="447"/>
      <c r="GG3" s="447"/>
      <c r="GH3" s="447"/>
      <c r="GI3" s="447"/>
      <c r="GJ3" s="447"/>
      <c r="GK3" s="447"/>
      <c r="GL3" s="447"/>
      <c r="GM3" s="447"/>
      <c r="GN3" s="447"/>
      <c r="GO3" s="447"/>
      <c r="GP3" s="447"/>
      <c r="GQ3" s="448"/>
      <c r="GR3" s="447" t="s">
        <v>104</v>
      </c>
      <c r="GS3" s="447"/>
      <c r="GT3" s="447"/>
      <c r="GU3" s="447"/>
      <c r="GV3" s="447"/>
      <c r="GW3" s="447"/>
      <c r="GX3" s="447"/>
      <c r="GY3" s="447"/>
      <c r="GZ3" s="447"/>
      <c r="HA3" s="447"/>
      <c r="HB3" s="447"/>
      <c r="HC3" s="447"/>
      <c r="HD3" s="447"/>
      <c r="HE3" s="447"/>
      <c r="HF3" s="447"/>
      <c r="HG3" s="447"/>
      <c r="HH3" s="447"/>
      <c r="HI3" s="447"/>
      <c r="HJ3" s="447"/>
      <c r="HK3" s="447"/>
      <c r="HL3" s="447"/>
      <c r="HM3" s="447"/>
      <c r="HN3" s="447"/>
      <c r="HO3" s="447"/>
      <c r="HP3" s="447"/>
      <c r="HQ3" s="447"/>
      <c r="HR3" s="447"/>
      <c r="HS3" s="447"/>
      <c r="HT3" s="447"/>
      <c r="HU3" s="447"/>
      <c r="HV3" s="447"/>
      <c r="HW3" s="447"/>
      <c r="HX3" s="447"/>
      <c r="HY3" s="447"/>
      <c r="HZ3" s="447"/>
      <c r="IA3" s="447"/>
      <c r="IB3" s="447"/>
      <c r="IC3" s="447"/>
      <c r="ID3" s="447"/>
      <c r="IE3" s="447"/>
      <c r="IF3" s="447"/>
      <c r="IG3" s="447"/>
      <c r="IH3" s="447"/>
      <c r="II3" s="447"/>
      <c r="IJ3" s="447"/>
      <c r="IK3" s="447"/>
      <c r="IL3" s="447"/>
      <c r="IM3" s="447"/>
      <c r="IN3" s="447"/>
      <c r="IO3" s="447"/>
      <c r="IP3" s="447"/>
      <c r="IQ3" s="447"/>
      <c r="IR3" s="447"/>
      <c r="IS3" s="447"/>
      <c r="IT3" s="447"/>
      <c r="IU3" s="447"/>
      <c r="IV3" s="447"/>
      <c r="IW3" s="447"/>
      <c r="IX3" s="447"/>
      <c r="IY3" s="447"/>
      <c r="IZ3" s="447"/>
      <c r="JA3" s="447"/>
      <c r="JB3" s="447"/>
      <c r="JC3" s="447"/>
      <c r="JD3" s="447"/>
      <c r="JE3" s="447"/>
      <c r="JF3" s="447"/>
      <c r="JG3" s="447"/>
      <c r="JH3" s="447"/>
      <c r="JI3" s="447"/>
      <c r="JJ3" s="447"/>
      <c r="JK3" s="447"/>
      <c r="JL3" s="447"/>
      <c r="JM3" s="447"/>
      <c r="JN3" s="447"/>
      <c r="JO3" s="447"/>
      <c r="JP3" s="447"/>
      <c r="JQ3" s="447"/>
      <c r="JR3" s="447"/>
      <c r="JS3" s="447"/>
      <c r="JT3" s="447"/>
      <c r="JU3" s="447"/>
      <c r="JV3" s="447"/>
      <c r="JW3" s="447"/>
      <c r="JX3" s="447"/>
      <c r="JY3" s="447"/>
      <c r="JZ3" s="447"/>
      <c r="KA3" s="447"/>
      <c r="KB3" s="447"/>
      <c r="KC3" s="447"/>
      <c r="KD3" s="447"/>
      <c r="KE3" s="447"/>
      <c r="KF3" s="447"/>
      <c r="KG3" s="447"/>
      <c r="KH3" s="447"/>
      <c r="KI3" s="447"/>
      <c r="KJ3" s="447"/>
      <c r="KK3" s="447"/>
      <c r="KL3" s="448"/>
    </row>
    <row r="4" spans="1:298" ht="27.75" customHeight="1" thickBot="1" x14ac:dyDescent="0.25">
      <c r="A4" s="453"/>
      <c r="B4" s="449" t="s">
        <v>39</v>
      </c>
      <c r="C4" s="450"/>
      <c r="D4" s="450"/>
      <c r="E4" s="450"/>
      <c r="F4" s="450"/>
      <c r="G4" s="450"/>
      <c r="H4" s="450"/>
      <c r="I4" s="450"/>
      <c r="J4" s="450"/>
      <c r="K4" s="450"/>
      <c r="L4" s="450"/>
      <c r="M4" s="450"/>
      <c r="N4" s="450"/>
      <c r="O4" s="450"/>
      <c r="P4" s="450"/>
      <c r="Q4" s="450"/>
      <c r="R4" s="450"/>
      <c r="S4" s="450"/>
      <c r="T4" s="450"/>
      <c r="U4" s="450"/>
      <c r="V4" s="450"/>
      <c r="W4" s="450"/>
      <c r="X4" s="450"/>
      <c r="Y4" s="450"/>
      <c r="Z4" s="450"/>
      <c r="AA4" s="450"/>
      <c r="AB4" s="450"/>
      <c r="AC4" s="450"/>
      <c r="AD4" s="450"/>
      <c r="AE4" s="450"/>
      <c r="AF4" s="450"/>
      <c r="AG4" s="450"/>
      <c r="AH4" s="450"/>
      <c r="AI4" s="450"/>
      <c r="AJ4" s="450"/>
      <c r="AK4" s="450"/>
      <c r="AL4" s="450"/>
      <c r="AM4" s="450"/>
      <c r="AN4" s="450"/>
      <c r="AO4" s="450"/>
      <c r="AP4" s="450"/>
      <c r="AQ4" s="450"/>
      <c r="AR4" s="450"/>
      <c r="AS4" s="450"/>
      <c r="AT4" s="450"/>
      <c r="AU4" s="450"/>
      <c r="AV4" s="450"/>
      <c r="AW4" s="450"/>
      <c r="AX4" s="450"/>
      <c r="AY4" s="450"/>
      <c r="AZ4" s="450"/>
      <c r="BA4" s="450"/>
      <c r="BB4" s="450"/>
      <c r="BC4" s="450"/>
      <c r="BD4" s="450"/>
      <c r="BE4" s="450"/>
      <c r="BF4" s="450"/>
      <c r="BG4" s="450"/>
      <c r="BH4" s="450"/>
      <c r="BI4" s="450"/>
      <c r="BJ4" s="450"/>
      <c r="BK4" s="450"/>
      <c r="BL4" s="450"/>
      <c r="BM4" s="450"/>
      <c r="BN4" s="450"/>
      <c r="BO4" s="450"/>
      <c r="BP4" s="450"/>
      <c r="BQ4" s="450"/>
      <c r="BR4" s="450"/>
      <c r="BS4" s="450"/>
      <c r="BT4" s="450"/>
      <c r="BU4" s="450"/>
      <c r="BV4" s="450"/>
      <c r="BW4" s="450"/>
      <c r="BX4" s="450"/>
      <c r="BY4" s="450"/>
      <c r="BZ4" s="451"/>
      <c r="CA4" s="435" t="s">
        <v>40</v>
      </c>
      <c r="CB4" s="436"/>
      <c r="CC4" s="436"/>
      <c r="CD4" s="436"/>
      <c r="CE4" s="436"/>
      <c r="CF4" s="436"/>
      <c r="CG4" s="436"/>
      <c r="CH4" s="436"/>
      <c r="CI4" s="436"/>
      <c r="CJ4" s="436"/>
      <c r="CK4" s="437"/>
      <c r="CL4" s="435" t="s">
        <v>41</v>
      </c>
      <c r="CM4" s="436"/>
      <c r="CN4" s="436"/>
      <c r="CO4" s="436"/>
      <c r="CP4" s="436"/>
      <c r="CQ4" s="436"/>
      <c r="CR4" s="436"/>
      <c r="CS4" s="436"/>
      <c r="CT4" s="436"/>
      <c r="CU4" s="436"/>
      <c r="CV4" s="437"/>
      <c r="CW4" s="449" t="s">
        <v>39</v>
      </c>
      <c r="CX4" s="450"/>
      <c r="CY4" s="450"/>
      <c r="CZ4" s="450"/>
      <c r="DA4" s="450"/>
      <c r="DB4" s="450"/>
      <c r="DC4" s="450"/>
      <c r="DD4" s="450"/>
      <c r="DE4" s="450"/>
      <c r="DF4" s="450"/>
      <c r="DG4" s="450"/>
      <c r="DH4" s="450"/>
      <c r="DI4" s="450"/>
      <c r="DJ4" s="450"/>
      <c r="DK4" s="450"/>
      <c r="DL4" s="450"/>
      <c r="DM4" s="450"/>
      <c r="DN4" s="450"/>
      <c r="DO4" s="450"/>
      <c r="DP4" s="450"/>
      <c r="DQ4" s="450"/>
      <c r="DR4" s="450"/>
      <c r="DS4" s="450"/>
      <c r="DT4" s="450"/>
      <c r="DU4" s="450"/>
      <c r="DV4" s="450"/>
      <c r="DW4" s="450"/>
      <c r="DX4" s="450"/>
      <c r="DY4" s="450"/>
      <c r="DZ4" s="450"/>
      <c r="EA4" s="450"/>
      <c r="EB4" s="450"/>
      <c r="EC4" s="450"/>
      <c r="ED4" s="450"/>
      <c r="EE4" s="450"/>
      <c r="EF4" s="450"/>
      <c r="EG4" s="450"/>
      <c r="EH4" s="450"/>
      <c r="EI4" s="450"/>
      <c r="EJ4" s="450"/>
      <c r="EK4" s="450"/>
      <c r="EL4" s="450"/>
      <c r="EM4" s="450"/>
      <c r="EN4" s="450"/>
      <c r="EO4" s="450"/>
      <c r="EP4" s="450"/>
      <c r="EQ4" s="450"/>
      <c r="ER4" s="450"/>
      <c r="ES4" s="450"/>
      <c r="ET4" s="450"/>
      <c r="EU4" s="450"/>
      <c r="EV4" s="450"/>
      <c r="EW4" s="450"/>
      <c r="EX4" s="450"/>
      <c r="EY4" s="450"/>
      <c r="EZ4" s="450"/>
      <c r="FA4" s="450"/>
      <c r="FB4" s="450"/>
      <c r="FC4" s="450"/>
      <c r="FD4" s="450"/>
      <c r="FE4" s="450"/>
      <c r="FF4" s="450"/>
      <c r="FG4" s="450"/>
      <c r="FH4" s="450"/>
      <c r="FI4" s="450"/>
      <c r="FJ4" s="450"/>
      <c r="FK4" s="450"/>
      <c r="FL4" s="450"/>
      <c r="FM4" s="450"/>
      <c r="FN4" s="450"/>
      <c r="FO4" s="450"/>
      <c r="FP4" s="450"/>
      <c r="FQ4" s="450"/>
      <c r="FR4" s="450"/>
      <c r="FS4" s="450"/>
      <c r="FT4" s="450"/>
      <c r="FU4" s="451"/>
      <c r="FV4" s="435" t="s">
        <v>40</v>
      </c>
      <c r="FW4" s="436"/>
      <c r="FX4" s="436"/>
      <c r="FY4" s="436"/>
      <c r="FZ4" s="436"/>
      <c r="GA4" s="436"/>
      <c r="GB4" s="436"/>
      <c r="GC4" s="436"/>
      <c r="GD4" s="436"/>
      <c r="GE4" s="436"/>
      <c r="GF4" s="437"/>
      <c r="GG4" s="435" t="s">
        <v>41</v>
      </c>
      <c r="GH4" s="436"/>
      <c r="GI4" s="436"/>
      <c r="GJ4" s="436"/>
      <c r="GK4" s="436"/>
      <c r="GL4" s="436"/>
      <c r="GM4" s="436"/>
      <c r="GN4" s="436"/>
      <c r="GO4" s="436"/>
      <c r="GP4" s="436"/>
      <c r="GQ4" s="437"/>
      <c r="GR4" s="449" t="s">
        <v>39</v>
      </c>
      <c r="GS4" s="450"/>
      <c r="GT4" s="450"/>
      <c r="GU4" s="450"/>
      <c r="GV4" s="450"/>
      <c r="GW4" s="450"/>
      <c r="GX4" s="450"/>
      <c r="GY4" s="450"/>
      <c r="GZ4" s="450"/>
      <c r="HA4" s="450"/>
      <c r="HB4" s="450"/>
      <c r="HC4" s="450"/>
      <c r="HD4" s="450"/>
      <c r="HE4" s="450"/>
      <c r="HF4" s="450"/>
      <c r="HG4" s="450"/>
      <c r="HH4" s="450"/>
      <c r="HI4" s="450"/>
      <c r="HJ4" s="450"/>
      <c r="HK4" s="450"/>
      <c r="HL4" s="450"/>
      <c r="HM4" s="450"/>
      <c r="HN4" s="450"/>
      <c r="HO4" s="450"/>
      <c r="HP4" s="450"/>
      <c r="HQ4" s="450"/>
      <c r="HR4" s="450"/>
      <c r="HS4" s="450"/>
      <c r="HT4" s="450"/>
      <c r="HU4" s="450"/>
      <c r="HV4" s="450"/>
      <c r="HW4" s="450"/>
      <c r="HX4" s="450"/>
      <c r="HY4" s="450"/>
      <c r="HZ4" s="450"/>
      <c r="IA4" s="450"/>
      <c r="IB4" s="450"/>
      <c r="IC4" s="450"/>
      <c r="ID4" s="450"/>
      <c r="IE4" s="450"/>
      <c r="IF4" s="450"/>
      <c r="IG4" s="450"/>
      <c r="IH4" s="450"/>
      <c r="II4" s="450"/>
      <c r="IJ4" s="450"/>
      <c r="IK4" s="450"/>
      <c r="IL4" s="450"/>
      <c r="IM4" s="450"/>
      <c r="IN4" s="450"/>
      <c r="IO4" s="450"/>
      <c r="IP4" s="450"/>
      <c r="IQ4" s="450"/>
      <c r="IR4" s="450"/>
      <c r="IS4" s="450"/>
      <c r="IT4" s="450"/>
      <c r="IU4" s="450"/>
      <c r="IV4" s="450"/>
      <c r="IW4" s="450"/>
      <c r="IX4" s="450"/>
      <c r="IY4" s="450"/>
      <c r="IZ4" s="450"/>
      <c r="JA4" s="450"/>
      <c r="JB4" s="450"/>
      <c r="JC4" s="450"/>
      <c r="JD4" s="450"/>
      <c r="JE4" s="450"/>
      <c r="JF4" s="450"/>
      <c r="JG4" s="450"/>
      <c r="JH4" s="450"/>
      <c r="JI4" s="450"/>
      <c r="JJ4" s="450"/>
      <c r="JK4" s="450"/>
      <c r="JL4" s="450"/>
      <c r="JM4" s="450"/>
      <c r="JN4" s="450"/>
      <c r="JO4" s="450"/>
      <c r="JP4" s="451"/>
      <c r="JQ4" s="435" t="s">
        <v>40</v>
      </c>
      <c r="JR4" s="436"/>
      <c r="JS4" s="436"/>
      <c r="JT4" s="436"/>
      <c r="JU4" s="436"/>
      <c r="JV4" s="436"/>
      <c r="JW4" s="436"/>
      <c r="JX4" s="436"/>
      <c r="JY4" s="436"/>
      <c r="JZ4" s="436"/>
      <c r="KA4" s="437"/>
      <c r="KB4" s="435" t="s">
        <v>41</v>
      </c>
      <c r="KC4" s="436"/>
      <c r="KD4" s="436"/>
      <c r="KE4" s="436"/>
      <c r="KF4" s="436"/>
      <c r="KG4" s="436"/>
      <c r="KH4" s="436"/>
      <c r="KI4" s="436"/>
      <c r="KJ4" s="436"/>
      <c r="KK4" s="436"/>
      <c r="KL4" s="437"/>
    </row>
    <row r="5" spans="1:298" ht="27.75" customHeight="1" thickBot="1" x14ac:dyDescent="0.25">
      <c r="A5" s="441"/>
      <c r="B5" s="441"/>
      <c r="C5" s="442"/>
      <c r="D5" s="442"/>
      <c r="E5" s="442"/>
      <c r="F5" s="442"/>
      <c r="G5" s="442"/>
      <c r="H5" s="442"/>
      <c r="I5" s="442"/>
      <c r="J5" s="442"/>
      <c r="K5" s="442"/>
      <c r="L5" s="443"/>
      <c r="M5" s="444" t="s">
        <v>97</v>
      </c>
      <c r="N5" s="445"/>
      <c r="O5" s="445"/>
      <c r="P5" s="445"/>
      <c r="Q5" s="445"/>
      <c r="R5" s="445"/>
      <c r="S5" s="445"/>
      <c r="T5" s="445"/>
      <c r="U5" s="445"/>
      <c r="V5" s="445"/>
      <c r="W5" s="446"/>
      <c r="X5" s="444" t="s">
        <v>98</v>
      </c>
      <c r="Y5" s="445"/>
      <c r="Z5" s="445"/>
      <c r="AA5" s="445"/>
      <c r="AB5" s="445"/>
      <c r="AC5" s="445"/>
      <c r="AD5" s="445"/>
      <c r="AE5" s="445"/>
      <c r="AF5" s="445"/>
      <c r="AG5" s="445"/>
      <c r="AH5" s="446"/>
      <c r="AI5" s="444" t="s">
        <v>99</v>
      </c>
      <c r="AJ5" s="445"/>
      <c r="AK5" s="445"/>
      <c r="AL5" s="445"/>
      <c r="AM5" s="445"/>
      <c r="AN5" s="445"/>
      <c r="AO5" s="445"/>
      <c r="AP5" s="445"/>
      <c r="AQ5" s="445"/>
      <c r="AR5" s="445"/>
      <c r="AS5" s="446"/>
      <c r="AT5" s="444" t="s">
        <v>100</v>
      </c>
      <c r="AU5" s="445"/>
      <c r="AV5" s="445"/>
      <c r="AW5" s="445"/>
      <c r="AX5" s="445"/>
      <c r="AY5" s="445"/>
      <c r="AZ5" s="445"/>
      <c r="BA5" s="445"/>
      <c r="BB5" s="445"/>
      <c r="BC5" s="445"/>
      <c r="BD5" s="446"/>
      <c r="BE5" s="444" t="s">
        <v>101</v>
      </c>
      <c r="BF5" s="445"/>
      <c r="BG5" s="445"/>
      <c r="BH5" s="445"/>
      <c r="BI5" s="445"/>
      <c r="BJ5" s="445"/>
      <c r="BK5" s="445"/>
      <c r="BL5" s="445"/>
      <c r="BM5" s="445"/>
      <c r="BN5" s="445"/>
      <c r="BO5" s="446"/>
      <c r="BP5" s="444" t="s">
        <v>102</v>
      </c>
      <c r="BQ5" s="445"/>
      <c r="BR5" s="445"/>
      <c r="BS5" s="445"/>
      <c r="BT5" s="445"/>
      <c r="BU5" s="445"/>
      <c r="BV5" s="445"/>
      <c r="BW5" s="445"/>
      <c r="BX5" s="445"/>
      <c r="BY5" s="445"/>
      <c r="BZ5" s="446"/>
      <c r="CA5" s="438"/>
      <c r="CB5" s="439"/>
      <c r="CC5" s="439"/>
      <c r="CD5" s="439"/>
      <c r="CE5" s="439"/>
      <c r="CF5" s="439"/>
      <c r="CG5" s="439"/>
      <c r="CH5" s="439"/>
      <c r="CI5" s="439"/>
      <c r="CJ5" s="439"/>
      <c r="CK5" s="440"/>
      <c r="CL5" s="438"/>
      <c r="CM5" s="439"/>
      <c r="CN5" s="439"/>
      <c r="CO5" s="439"/>
      <c r="CP5" s="439"/>
      <c r="CQ5" s="439"/>
      <c r="CR5" s="439"/>
      <c r="CS5" s="439"/>
      <c r="CT5" s="439"/>
      <c r="CU5" s="439"/>
      <c r="CV5" s="440"/>
      <c r="CW5" s="441"/>
      <c r="CX5" s="442"/>
      <c r="CY5" s="442"/>
      <c r="CZ5" s="442"/>
      <c r="DA5" s="442"/>
      <c r="DB5" s="442"/>
      <c r="DC5" s="442"/>
      <c r="DD5" s="442"/>
      <c r="DE5" s="442"/>
      <c r="DF5" s="442"/>
      <c r="DG5" s="443"/>
      <c r="DH5" s="444" t="s">
        <v>97</v>
      </c>
      <c r="DI5" s="445"/>
      <c r="DJ5" s="445"/>
      <c r="DK5" s="445"/>
      <c r="DL5" s="445"/>
      <c r="DM5" s="445"/>
      <c r="DN5" s="445"/>
      <c r="DO5" s="445"/>
      <c r="DP5" s="445"/>
      <c r="DQ5" s="445"/>
      <c r="DR5" s="446"/>
      <c r="DS5" s="444" t="s">
        <v>98</v>
      </c>
      <c r="DT5" s="445"/>
      <c r="DU5" s="445"/>
      <c r="DV5" s="445"/>
      <c r="DW5" s="445"/>
      <c r="DX5" s="445"/>
      <c r="DY5" s="445"/>
      <c r="DZ5" s="445"/>
      <c r="EA5" s="445"/>
      <c r="EB5" s="445"/>
      <c r="EC5" s="446"/>
      <c r="ED5" s="444" t="s">
        <v>99</v>
      </c>
      <c r="EE5" s="445"/>
      <c r="EF5" s="445"/>
      <c r="EG5" s="445"/>
      <c r="EH5" s="445"/>
      <c r="EI5" s="445"/>
      <c r="EJ5" s="445"/>
      <c r="EK5" s="445"/>
      <c r="EL5" s="445"/>
      <c r="EM5" s="445"/>
      <c r="EN5" s="446"/>
      <c r="EO5" s="444" t="s">
        <v>100</v>
      </c>
      <c r="EP5" s="445"/>
      <c r="EQ5" s="445"/>
      <c r="ER5" s="445"/>
      <c r="ES5" s="445"/>
      <c r="ET5" s="445"/>
      <c r="EU5" s="445"/>
      <c r="EV5" s="445"/>
      <c r="EW5" s="445"/>
      <c r="EX5" s="445"/>
      <c r="EY5" s="446"/>
      <c r="EZ5" s="444" t="s">
        <v>101</v>
      </c>
      <c r="FA5" s="445"/>
      <c r="FB5" s="445"/>
      <c r="FC5" s="445"/>
      <c r="FD5" s="445"/>
      <c r="FE5" s="445"/>
      <c r="FF5" s="445"/>
      <c r="FG5" s="445"/>
      <c r="FH5" s="445"/>
      <c r="FI5" s="445"/>
      <c r="FJ5" s="446"/>
      <c r="FK5" s="444" t="s">
        <v>102</v>
      </c>
      <c r="FL5" s="445"/>
      <c r="FM5" s="445"/>
      <c r="FN5" s="445"/>
      <c r="FO5" s="445"/>
      <c r="FP5" s="445"/>
      <c r="FQ5" s="445"/>
      <c r="FR5" s="445"/>
      <c r="FS5" s="445"/>
      <c r="FT5" s="445"/>
      <c r="FU5" s="446"/>
      <c r="FV5" s="438"/>
      <c r="FW5" s="439"/>
      <c r="FX5" s="439"/>
      <c r="FY5" s="439"/>
      <c r="FZ5" s="439"/>
      <c r="GA5" s="439"/>
      <c r="GB5" s="439"/>
      <c r="GC5" s="439"/>
      <c r="GD5" s="439"/>
      <c r="GE5" s="439"/>
      <c r="GF5" s="440"/>
      <c r="GG5" s="438"/>
      <c r="GH5" s="439"/>
      <c r="GI5" s="439"/>
      <c r="GJ5" s="439"/>
      <c r="GK5" s="439"/>
      <c r="GL5" s="439"/>
      <c r="GM5" s="439"/>
      <c r="GN5" s="439"/>
      <c r="GO5" s="439"/>
      <c r="GP5" s="439"/>
      <c r="GQ5" s="440"/>
      <c r="GR5" s="441"/>
      <c r="GS5" s="442"/>
      <c r="GT5" s="442"/>
      <c r="GU5" s="442"/>
      <c r="GV5" s="442"/>
      <c r="GW5" s="442"/>
      <c r="GX5" s="442"/>
      <c r="GY5" s="442"/>
      <c r="GZ5" s="442"/>
      <c r="HA5" s="442"/>
      <c r="HB5" s="443"/>
      <c r="HC5" s="444" t="s">
        <v>97</v>
      </c>
      <c r="HD5" s="445"/>
      <c r="HE5" s="445"/>
      <c r="HF5" s="445"/>
      <c r="HG5" s="445"/>
      <c r="HH5" s="445"/>
      <c r="HI5" s="445"/>
      <c r="HJ5" s="445"/>
      <c r="HK5" s="445"/>
      <c r="HL5" s="445"/>
      <c r="HM5" s="446"/>
      <c r="HN5" s="444" t="s">
        <v>98</v>
      </c>
      <c r="HO5" s="445"/>
      <c r="HP5" s="445"/>
      <c r="HQ5" s="445"/>
      <c r="HR5" s="445"/>
      <c r="HS5" s="445"/>
      <c r="HT5" s="445"/>
      <c r="HU5" s="445"/>
      <c r="HV5" s="445"/>
      <c r="HW5" s="445"/>
      <c r="HX5" s="446"/>
      <c r="HY5" s="444" t="s">
        <v>99</v>
      </c>
      <c r="HZ5" s="445"/>
      <c r="IA5" s="445"/>
      <c r="IB5" s="445"/>
      <c r="IC5" s="445"/>
      <c r="ID5" s="445"/>
      <c r="IE5" s="445"/>
      <c r="IF5" s="445"/>
      <c r="IG5" s="445"/>
      <c r="IH5" s="445"/>
      <c r="II5" s="446"/>
      <c r="IJ5" s="444" t="s">
        <v>100</v>
      </c>
      <c r="IK5" s="445"/>
      <c r="IL5" s="445"/>
      <c r="IM5" s="445"/>
      <c r="IN5" s="445"/>
      <c r="IO5" s="445"/>
      <c r="IP5" s="445"/>
      <c r="IQ5" s="445"/>
      <c r="IR5" s="445"/>
      <c r="IS5" s="445"/>
      <c r="IT5" s="446"/>
      <c r="IU5" s="444" t="s">
        <v>101</v>
      </c>
      <c r="IV5" s="445"/>
      <c r="IW5" s="445"/>
      <c r="IX5" s="445"/>
      <c r="IY5" s="445"/>
      <c r="IZ5" s="445"/>
      <c r="JA5" s="445"/>
      <c r="JB5" s="445"/>
      <c r="JC5" s="445"/>
      <c r="JD5" s="445"/>
      <c r="JE5" s="446"/>
      <c r="JF5" s="444" t="s">
        <v>102</v>
      </c>
      <c r="JG5" s="445"/>
      <c r="JH5" s="445"/>
      <c r="JI5" s="445"/>
      <c r="JJ5" s="445"/>
      <c r="JK5" s="445"/>
      <c r="JL5" s="445"/>
      <c r="JM5" s="445"/>
      <c r="JN5" s="445"/>
      <c r="JO5" s="445"/>
      <c r="JP5" s="446"/>
      <c r="JQ5" s="438"/>
      <c r="JR5" s="439"/>
      <c r="JS5" s="439"/>
      <c r="JT5" s="439"/>
      <c r="JU5" s="439"/>
      <c r="JV5" s="439"/>
      <c r="JW5" s="439"/>
      <c r="JX5" s="439"/>
      <c r="JY5" s="439"/>
      <c r="JZ5" s="439"/>
      <c r="KA5" s="440"/>
      <c r="KB5" s="438"/>
      <c r="KC5" s="439"/>
      <c r="KD5" s="439"/>
      <c r="KE5" s="439"/>
      <c r="KF5" s="439"/>
      <c r="KG5" s="439"/>
      <c r="KH5" s="439"/>
      <c r="KI5" s="439"/>
      <c r="KJ5" s="439"/>
      <c r="KK5" s="439"/>
      <c r="KL5" s="440"/>
    </row>
    <row r="6" spans="1:298" ht="44.25" customHeight="1" thickBot="1" x14ac:dyDescent="0.25">
      <c r="A6" s="355" t="s">
        <v>42</v>
      </c>
      <c r="B6" s="51" t="s">
        <v>43</v>
      </c>
      <c r="C6" s="47" t="s">
        <v>44</v>
      </c>
      <c r="D6" s="48" t="s">
        <v>45</v>
      </c>
      <c r="E6" s="52" t="s">
        <v>46</v>
      </c>
      <c r="F6" s="47" t="s">
        <v>47</v>
      </c>
      <c r="G6" s="47" t="s">
        <v>48</v>
      </c>
      <c r="H6" s="47" t="s">
        <v>49</v>
      </c>
      <c r="I6" s="47" t="s">
        <v>50</v>
      </c>
      <c r="J6" s="47" t="s">
        <v>51</v>
      </c>
      <c r="K6" s="48" t="s">
        <v>45</v>
      </c>
      <c r="L6" s="53" t="s">
        <v>52</v>
      </c>
      <c r="M6" s="405" t="s">
        <v>43</v>
      </c>
      <c r="N6" s="406" t="s">
        <v>44</v>
      </c>
      <c r="O6" s="407" t="s">
        <v>45</v>
      </c>
      <c r="P6" s="408" t="s">
        <v>46</v>
      </c>
      <c r="Q6" s="406" t="s">
        <v>47</v>
      </c>
      <c r="R6" s="406" t="s">
        <v>48</v>
      </c>
      <c r="S6" s="406" t="s">
        <v>49</v>
      </c>
      <c r="T6" s="406" t="s">
        <v>50</v>
      </c>
      <c r="U6" s="406" t="s">
        <v>51</v>
      </c>
      <c r="V6" s="407" t="s">
        <v>45</v>
      </c>
      <c r="W6" s="404" t="s">
        <v>52</v>
      </c>
      <c r="X6" s="405" t="s">
        <v>43</v>
      </c>
      <c r="Y6" s="406" t="s">
        <v>44</v>
      </c>
      <c r="Z6" s="407" t="s">
        <v>45</v>
      </c>
      <c r="AA6" s="408" t="s">
        <v>46</v>
      </c>
      <c r="AB6" s="406" t="s">
        <v>47</v>
      </c>
      <c r="AC6" s="406" t="s">
        <v>48</v>
      </c>
      <c r="AD6" s="406" t="s">
        <v>49</v>
      </c>
      <c r="AE6" s="406" t="s">
        <v>50</v>
      </c>
      <c r="AF6" s="406" t="s">
        <v>51</v>
      </c>
      <c r="AG6" s="407" t="s">
        <v>45</v>
      </c>
      <c r="AH6" s="409" t="s">
        <v>52</v>
      </c>
      <c r="AI6" s="405" t="s">
        <v>43</v>
      </c>
      <c r="AJ6" s="406" t="s">
        <v>44</v>
      </c>
      <c r="AK6" s="407" t="s">
        <v>45</v>
      </c>
      <c r="AL6" s="408" t="s">
        <v>46</v>
      </c>
      <c r="AM6" s="406" t="s">
        <v>47</v>
      </c>
      <c r="AN6" s="406" t="s">
        <v>48</v>
      </c>
      <c r="AO6" s="406" t="s">
        <v>49</v>
      </c>
      <c r="AP6" s="406" t="s">
        <v>50</v>
      </c>
      <c r="AQ6" s="406" t="s">
        <v>51</v>
      </c>
      <c r="AR6" s="407" t="s">
        <v>45</v>
      </c>
      <c r="AS6" s="409" t="s">
        <v>52</v>
      </c>
      <c r="AT6" s="405" t="s">
        <v>43</v>
      </c>
      <c r="AU6" s="406" t="s">
        <v>44</v>
      </c>
      <c r="AV6" s="407" t="s">
        <v>45</v>
      </c>
      <c r="AW6" s="408" t="s">
        <v>46</v>
      </c>
      <c r="AX6" s="406" t="s">
        <v>47</v>
      </c>
      <c r="AY6" s="406" t="s">
        <v>48</v>
      </c>
      <c r="AZ6" s="406" t="s">
        <v>49</v>
      </c>
      <c r="BA6" s="406" t="s">
        <v>50</v>
      </c>
      <c r="BB6" s="406" t="s">
        <v>51</v>
      </c>
      <c r="BC6" s="407" t="s">
        <v>45</v>
      </c>
      <c r="BD6" s="409" t="s">
        <v>52</v>
      </c>
      <c r="BE6" s="405" t="s">
        <v>43</v>
      </c>
      <c r="BF6" s="406" t="s">
        <v>44</v>
      </c>
      <c r="BG6" s="407" t="s">
        <v>45</v>
      </c>
      <c r="BH6" s="408" t="s">
        <v>46</v>
      </c>
      <c r="BI6" s="406" t="s">
        <v>47</v>
      </c>
      <c r="BJ6" s="406" t="s">
        <v>48</v>
      </c>
      <c r="BK6" s="406" t="s">
        <v>49</v>
      </c>
      <c r="BL6" s="406" t="s">
        <v>50</v>
      </c>
      <c r="BM6" s="406" t="s">
        <v>51</v>
      </c>
      <c r="BN6" s="407" t="s">
        <v>45</v>
      </c>
      <c r="BO6" s="409" t="s">
        <v>52</v>
      </c>
      <c r="BP6" s="405" t="s">
        <v>43</v>
      </c>
      <c r="BQ6" s="406" t="s">
        <v>44</v>
      </c>
      <c r="BR6" s="407" t="s">
        <v>45</v>
      </c>
      <c r="BS6" s="408" t="s">
        <v>46</v>
      </c>
      <c r="BT6" s="406" t="s">
        <v>47</v>
      </c>
      <c r="BU6" s="406" t="s">
        <v>48</v>
      </c>
      <c r="BV6" s="406" t="s">
        <v>49</v>
      </c>
      <c r="BW6" s="406" t="s">
        <v>50</v>
      </c>
      <c r="BX6" s="406" t="s">
        <v>51</v>
      </c>
      <c r="BY6" s="407" t="s">
        <v>45</v>
      </c>
      <c r="BZ6" s="409" t="s">
        <v>52</v>
      </c>
      <c r="CA6" s="405" t="s">
        <v>43</v>
      </c>
      <c r="CB6" s="406" t="s">
        <v>44</v>
      </c>
      <c r="CC6" s="407" t="s">
        <v>45</v>
      </c>
      <c r="CD6" s="408" t="s">
        <v>46</v>
      </c>
      <c r="CE6" s="406" t="s">
        <v>47</v>
      </c>
      <c r="CF6" s="406" t="s">
        <v>48</v>
      </c>
      <c r="CG6" s="406" t="s">
        <v>49</v>
      </c>
      <c r="CH6" s="406" t="s">
        <v>50</v>
      </c>
      <c r="CI6" s="406" t="s">
        <v>51</v>
      </c>
      <c r="CJ6" s="407" t="s">
        <v>45</v>
      </c>
      <c r="CK6" s="409" t="s">
        <v>52</v>
      </c>
      <c r="CL6" s="405" t="s">
        <v>43</v>
      </c>
      <c r="CM6" s="406" t="s">
        <v>44</v>
      </c>
      <c r="CN6" s="407" t="s">
        <v>45</v>
      </c>
      <c r="CO6" s="408" t="s">
        <v>46</v>
      </c>
      <c r="CP6" s="406" t="s">
        <v>47</v>
      </c>
      <c r="CQ6" s="406" t="s">
        <v>48</v>
      </c>
      <c r="CR6" s="406" t="s">
        <v>49</v>
      </c>
      <c r="CS6" s="406" t="s">
        <v>50</v>
      </c>
      <c r="CT6" s="406" t="s">
        <v>51</v>
      </c>
      <c r="CU6" s="407" t="s">
        <v>45</v>
      </c>
      <c r="CV6" s="409" t="s">
        <v>52</v>
      </c>
      <c r="CW6" s="51" t="s">
        <v>43</v>
      </c>
      <c r="CX6" s="47" t="s">
        <v>44</v>
      </c>
      <c r="CY6" s="48" t="s">
        <v>45</v>
      </c>
      <c r="CZ6" s="52" t="s">
        <v>46</v>
      </c>
      <c r="DA6" s="47" t="s">
        <v>47</v>
      </c>
      <c r="DB6" s="47" t="s">
        <v>48</v>
      </c>
      <c r="DC6" s="47" t="s">
        <v>49</v>
      </c>
      <c r="DD6" s="47" t="s">
        <v>50</v>
      </c>
      <c r="DE6" s="47" t="s">
        <v>51</v>
      </c>
      <c r="DF6" s="48" t="s">
        <v>45</v>
      </c>
      <c r="DG6" s="53" t="s">
        <v>52</v>
      </c>
      <c r="DH6" s="405" t="s">
        <v>43</v>
      </c>
      <c r="DI6" s="406" t="s">
        <v>44</v>
      </c>
      <c r="DJ6" s="407" t="s">
        <v>45</v>
      </c>
      <c r="DK6" s="408" t="s">
        <v>46</v>
      </c>
      <c r="DL6" s="406" t="s">
        <v>47</v>
      </c>
      <c r="DM6" s="406" t="s">
        <v>48</v>
      </c>
      <c r="DN6" s="406" t="s">
        <v>49</v>
      </c>
      <c r="DO6" s="406" t="s">
        <v>50</v>
      </c>
      <c r="DP6" s="406" t="s">
        <v>51</v>
      </c>
      <c r="DQ6" s="407" t="s">
        <v>45</v>
      </c>
      <c r="DR6" s="409" t="s">
        <v>52</v>
      </c>
      <c r="DS6" s="405" t="s">
        <v>43</v>
      </c>
      <c r="DT6" s="406" t="s">
        <v>44</v>
      </c>
      <c r="DU6" s="407" t="s">
        <v>45</v>
      </c>
      <c r="DV6" s="408" t="s">
        <v>46</v>
      </c>
      <c r="DW6" s="406" t="s">
        <v>47</v>
      </c>
      <c r="DX6" s="406" t="s">
        <v>48</v>
      </c>
      <c r="DY6" s="406" t="s">
        <v>49</v>
      </c>
      <c r="DZ6" s="406" t="s">
        <v>50</v>
      </c>
      <c r="EA6" s="406" t="s">
        <v>51</v>
      </c>
      <c r="EB6" s="407" t="s">
        <v>45</v>
      </c>
      <c r="EC6" s="409" t="s">
        <v>52</v>
      </c>
      <c r="ED6" s="405" t="s">
        <v>43</v>
      </c>
      <c r="EE6" s="406" t="s">
        <v>44</v>
      </c>
      <c r="EF6" s="407" t="s">
        <v>45</v>
      </c>
      <c r="EG6" s="408" t="s">
        <v>46</v>
      </c>
      <c r="EH6" s="406" t="s">
        <v>47</v>
      </c>
      <c r="EI6" s="406" t="s">
        <v>48</v>
      </c>
      <c r="EJ6" s="406" t="s">
        <v>49</v>
      </c>
      <c r="EK6" s="406" t="s">
        <v>50</v>
      </c>
      <c r="EL6" s="406" t="s">
        <v>51</v>
      </c>
      <c r="EM6" s="407" t="s">
        <v>45</v>
      </c>
      <c r="EN6" s="409" t="s">
        <v>52</v>
      </c>
      <c r="EO6" s="405" t="s">
        <v>43</v>
      </c>
      <c r="EP6" s="406" t="s">
        <v>44</v>
      </c>
      <c r="EQ6" s="407" t="s">
        <v>45</v>
      </c>
      <c r="ER6" s="408" t="s">
        <v>46</v>
      </c>
      <c r="ES6" s="406" t="s">
        <v>47</v>
      </c>
      <c r="ET6" s="406" t="s">
        <v>48</v>
      </c>
      <c r="EU6" s="406" t="s">
        <v>49</v>
      </c>
      <c r="EV6" s="406" t="s">
        <v>50</v>
      </c>
      <c r="EW6" s="406" t="s">
        <v>51</v>
      </c>
      <c r="EX6" s="407" t="s">
        <v>45</v>
      </c>
      <c r="EY6" s="409" t="s">
        <v>52</v>
      </c>
      <c r="EZ6" s="405" t="s">
        <v>43</v>
      </c>
      <c r="FA6" s="406" t="s">
        <v>44</v>
      </c>
      <c r="FB6" s="407" t="s">
        <v>45</v>
      </c>
      <c r="FC6" s="408" t="s">
        <v>46</v>
      </c>
      <c r="FD6" s="406" t="s">
        <v>47</v>
      </c>
      <c r="FE6" s="406" t="s">
        <v>48</v>
      </c>
      <c r="FF6" s="406" t="s">
        <v>49</v>
      </c>
      <c r="FG6" s="406" t="s">
        <v>50</v>
      </c>
      <c r="FH6" s="406" t="s">
        <v>51</v>
      </c>
      <c r="FI6" s="407" t="s">
        <v>45</v>
      </c>
      <c r="FJ6" s="409" t="s">
        <v>52</v>
      </c>
      <c r="FK6" s="405" t="s">
        <v>43</v>
      </c>
      <c r="FL6" s="406" t="s">
        <v>44</v>
      </c>
      <c r="FM6" s="407" t="s">
        <v>45</v>
      </c>
      <c r="FN6" s="408" t="s">
        <v>46</v>
      </c>
      <c r="FO6" s="406" t="s">
        <v>47</v>
      </c>
      <c r="FP6" s="406" t="s">
        <v>48</v>
      </c>
      <c r="FQ6" s="406" t="s">
        <v>49</v>
      </c>
      <c r="FR6" s="406" t="s">
        <v>50</v>
      </c>
      <c r="FS6" s="406" t="s">
        <v>51</v>
      </c>
      <c r="FT6" s="407" t="s">
        <v>45</v>
      </c>
      <c r="FU6" s="409" t="s">
        <v>52</v>
      </c>
      <c r="FV6" s="405" t="s">
        <v>43</v>
      </c>
      <c r="FW6" s="406" t="s">
        <v>44</v>
      </c>
      <c r="FX6" s="407" t="s">
        <v>45</v>
      </c>
      <c r="FY6" s="408" t="s">
        <v>46</v>
      </c>
      <c r="FZ6" s="406" t="s">
        <v>47</v>
      </c>
      <c r="GA6" s="406" t="s">
        <v>48</v>
      </c>
      <c r="GB6" s="406" t="s">
        <v>49</v>
      </c>
      <c r="GC6" s="406" t="s">
        <v>50</v>
      </c>
      <c r="GD6" s="406" t="s">
        <v>51</v>
      </c>
      <c r="GE6" s="407" t="s">
        <v>45</v>
      </c>
      <c r="GF6" s="409" t="s">
        <v>52</v>
      </c>
      <c r="GG6" s="405" t="s">
        <v>43</v>
      </c>
      <c r="GH6" s="406" t="s">
        <v>44</v>
      </c>
      <c r="GI6" s="407" t="s">
        <v>45</v>
      </c>
      <c r="GJ6" s="408" t="s">
        <v>46</v>
      </c>
      <c r="GK6" s="406" t="s">
        <v>47</v>
      </c>
      <c r="GL6" s="406" t="s">
        <v>48</v>
      </c>
      <c r="GM6" s="406" t="s">
        <v>49</v>
      </c>
      <c r="GN6" s="406" t="s">
        <v>50</v>
      </c>
      <c r="GO6" s="406" t="s">
        <v>51</v>
      </c>
      <c r="GP6" s="407" t="s">
        <v>45</v>
      </c>
      <c r="GQ6" s="409" t="s">
        <v>52</v>
      </c>
      <c r="GR6" s="51" t="s">
        <v>43</v>
      </c>
      <c r="GS6" s="47" t="s">
        <v>44</v>
      </c>
      <c r="GT6" s="48" t="s">
        <v>45</v>
      </c>
      <c r="GU6" s="52" t="s">
        <v>46</v>
      </c>
      <c r="GV6" s="47" t="s">
        <v>47</v>
      </c>
      <c r="GW6" s="47" t="s">
        <v>48</v>
      </c>
      <c r="GX6" s="47" t="s">
        <v>49</v>
      </c>
      <c r="GY6" s="47" t="s">
        <v>50</v>
      </c>
      <c r="GZ6" s="47" t="s">
        <v>51</v>
      </c>
      <c r="HA6" s="48" t="s">
        <v>45</v>
      </c>
      <c r="HB6" s="53" t="s">
        <v>52</v>
      </c>
      <c r="HC6" s="405" t="s">
        <v>43</v>
      </c>
      <c r="HD6" s="406" t="s">
        <v>44</v>
      </c>
      <c r="HE6" s="407" t="s">
        <v>45</v>
      </c>
      <c r="HF6" s="408" t="s">
        <v>46</v>
      </c>
      <c r="HG6" s="406" t="s">
        <v>47</v>
      </c>
      <c r="HH6" s="406" t="s">
        <v>48</v>
      </c>
      <c r="HI6" s="406" t="s">
        <v>49</v>
      </c>
      <c r="HJ6" s="406" t="s">
        <v>50</v>
      </c>
      <c r="HK6" s="406" t="s">
        <v>51</v>
      </c>
      <c r="HL6" s="407" t="s">
        <v>45</v>
      </c>
      <c r="HM6" s="409" t="s">
        <v>52</v>
      </c>
      <c r="HN6" s="405" t="s">
        <v>43</v>
      </c>
      <c r="HO6" s="406" t="s">
        <v>44</v>
      </c>
      <c r="HP6" s="407" t="s">
        <v>45</v>
      </c>
      <c r="HQ6" s="408" t="s">
        <v>46</v>
      </c>
      <c r="HR6" s="406" t="s">
        <v>47</v>
      </c>
      <c r="HS6" s="406" t="s">
        <v>48</v>
      </c>
      <c r="HT6" s="406" t="s">
        <v>49</v>
      </c>
      <c r="HU6" s="406" t="s">
        <v>50</v>
      </c>
      <c r="HV6" s="406" t="s">
        <v>51</v>
      </c>
      <c r="HW6" s="407" t="s">
        <v>45</v>
      </c>
      <c r="HX6" s="409" t="s">
        <v>52</v>
      </c>
      <c r="HY6" s="405" t="s">
        <v>43</v>
      </c>
      <c r="HZ6" s="406" t="s">
        <v>44</v>
      </c>
      <c r="IA6" s="407" t="s">
        <v>45</v>
      </c>
      <c r="IB6" s="408" t="s">
        <v>46</v>
      </c>
      <c r="IC6" s="406" t="s">
        <v>47</v>
      </c>
      <c r="ID6" s="406" t="s">
        <v>48</v>
      </c>
      <c r="IE6" s="406" t="s">
        <v>49</v>
      </c>
      <c r="IF6" s="406" t="s">
        <v>50</v>
      </c>
      <c r="IG6" s="406" t="s">
        <v>51</v>
      </c>
      <c r="IH6" s="407" t="s">
        <v>45</v>
      </c>
      <c r="II6" s="409" t="s">
        <v>52</v>
      </c>
      <c r="IJ6" s="405" t="s">
        <v>43</v>
      </c>
      <c r="IK6" s="406" t="s">
        <v>44</v>
      </c>
      <c r="IL6" s="407" t="s">
        <v>45</v>
      </c>
      <c r="IM6" s="408" t="s">
        <v>46</v>
      </c>
      <c r="IN6" s="406" t="s">
        <v>47</v>
      </c>
      <c r="IO6" s="406" t="s">
        <v>48</v>
      </c>
      <c r="IP6" s="406" t="s">
        <v>49</v>
      </c>
      <c r="IQ6" s="406" t="s">
        <v>50</v>
      </c>
      <c r="IR6" s="406" t="s">
        <v>51</v>
      </c>
      <c r="IS6" s="407" t="s">
        <v>45</v>
      </c>
      <c r="IT6" s="409" t="s">
        <v>52</v>
      </c>
      <c r="IU6" s="405" t="s">
        <v>43</v>
      </c>
      <c r="IV6" s="406" t="s">
        <v>44</v>
      </c>
      <c r="IW6" s="407" t="s">
        <v>45</v>
      </c>
      <c r="IX6" s="408" t="s">
        <v>46</v>
      </c>
      <c r="IY6" s="406" t="s">
        <v>47</v>
      </c>
      <c r="IZ6" s="406" t="s">
        <v>48</v>
      </c>
      <c r="JA6" s="406" t="s">
        <v>49</v>
      </c>
      <c r="JB6" s="406" t="s">
        <v>50</v>
      </c>
      <c r="JC6" s="406" t="s">
        <v>51</v>
      </c>
      <c r="JD6" s="407" t="s">
        <v>45</v>
      </c>
      <c r="JE6" s="409" t="s">
        <v>52</v>
      </c>
      <c r="JF6" s="405" t="s">
        <v>43</v>
      </c>
      <c r="JG6" s="406" t="s">
        <v>44</v>
      </c>
      <c r="JH6" s="407" t="s">
        <v>45</v>
      </c>
      <c r="JI6" s="408" t="s">
        <v>46</v>
      </c>
      <c r="JJ6" s="406" t="s">
        <v>47</v>
      </c>
      <c r="JK6" s="406" t="s">
        <v>48</v>
      </c>
      <c r="JL6" s="406" t="s">
        <v>49</v>
      </c>
      <c r="JM6" s="406" t="s">
        <v>50</v>
      </c>
      <c r="JN6" s="406" t="s">
        <v>51</v>
      </c>
      <c r="JO6" s="407" t="s">
        <v>45</v>
      </c>
      <c r="JP6" s="409" t="s">
        <v>52</v>
      </c>
      <c r="JQ6" s="405" t="s">
        <v>43</v>
      </c>
      <c r="JR6" s="406" t="s">
        <v>44</v>
      </c>
      <c r="JS6" s="407" t="s">
        <v>45</v>
      </c>
      <c r="JT6" s="408" t="s">
        <v>46</v>
      </c>
      <c r="JU6" s="406" t="s">
        <v>47</v>
      </c>
      <c r="JV6" s="406" t="s">
        <v>48</v>
      </c>
      <c r="JW6" s="406" t="s">
        <v>49</v>
      </c>
      <c r="JX6" s="406" t="s">
        <v>50</v>
      </c>
      <c r="JY6" s="406" t="s">
        <v>51</v>
      </c>
      <c r="JZ6" s="407" t="s">
        <v>45</v>
      </c>
      <c r="KA6" s="409" t="s">
        <v>52</v>
      </c>
      <c r="KB6" s="405" t="s">
        <v>43</v>
      </c>
      <c r="KC6" s="406" t="s">
        <v>44</v>
      </c>
      <c r="KD6" s="407" t="s">
        <v>45</v>
      </c>
      <c r="KE6" s="408" t="s">
        <v>46</v>
      </c>
      <c r="KF6" s="406" t="s">
        <v>47</v>
      </c>
      <c r="KG6" s="406" t="s">
        <v>48</v>
      </c>
      <c r="KH6" s="406" t="s">
        <v>49</v>
      </c>
      <c r="KI6" s="406" t="s">
        <v>50</v>
      </c>
      <c r="KJ6" s="406" t="s">
        <v>51</v>
      </c>
      <c r="KK6" s="407" t="s">
        <v>45</v>
      </c>
      <c r="KL6" s="409" t="s">
        <v>52</v>
      </c>
    </row>
    <row r="7" spans="1:298" ht="19.5" customHeight="1" x14ac:dyDescent="0.2">
      <c r="A7" s="129" t="s">
        <v>4</v>
      </c>
      <c r="B7" s="352">
        <v>4390</v>
      </c>
      <c r="C7" s="79">
        <v>4066</v>
      </c>
      <c r="D7" s="80">
        <v>8456</v>
      </c>
      <c r="E7" s="270"/>
      <c r="F7" s="79">
        <v>5936</v>
      </c>
      <c r="G7" s="79">
        <v>5348</v>
      </c>
      <c r="H7" s="79">
        <v>3518</v>
      </c>
      <c r="I7" s="79">
        <v>2964</v>
      </c>
      <c r="J7" s="79">
        <v>1647</v>
      </c>
      <c r="K7" s="81">
        <v>19413</v>
      </c>
      <c r="L7" s="82">
        <v>27869</v>
      </c>
      <c r="M7" s="67">
        <v>59</v>
      </c>
      <c r="N7" s="68">
        <v>60</v>
      </c>
      <c r="O7" s="69">
        <v>119</v>
      </c>
      <c r="P7" s="273"/>
      <c r="Q7" s="68">
        <v>81</v>
      </c>
      <c r="R7" s="68">
        <v>115</v>
      </c>
      <c r="S7" s="68">
        <v>54</v>
      </c>
      <c r="T7" s="68">
        <v>50</v>
      </c>
      <c r="U7" s="68">
        <v>49</v>
      </c>
      <c r="V7" s="69">
        <v>349</v>
      </c>
      <c r="W7" s="70">
        <v>468</v>
      </c>
      <c r="X7" s="67">
        <v>176</v>
      </c>
      <c r="Y7" s="68">
        <v>196</v>
      </c>
      <c r="Z7" s="69">
        <v>372</v>
      </c>
      <c r="AA7" s="270"/>
      <c r="AB7" s="68">
        <v>241</v>
      </c>
      <c r="AC7" s="68">
        <v>240</v>
      </c>
      <c r="AD7" s="68">
        <v>169</v>
      </c>
      <c r="AE7" s="68">
        <v>158</v>
      </c>
      <c r="AF7" s="68">
        <v>105</v>
      </c>
      <c r="AG7" s="69">
        <v>913</v>
      </c>
      <c r="AH7" s="70">
        <v>1285</v>
      </c>
      <c r="AI7" s="67">
        <v>362</v>
      </c>
      <c r="AJ7" s="68">
        <v>334</v>
      </c>
      <c r="AK7" s="69">
        <v>696</v>
      </c>
      <c r="AL7" s="270"/>
      <c r="AM7" s="68">
        <v>457</v>
      </c>
      <c r="AN7" s="68">
        <v>427</v>
      </c>
      <c r="AO7" s="68">
        <v>272</v>
      </c>
      <c r="AP7" s="68">
        <v>217</v>
      </c>
      <c r="AQ7" s="68">
        <v>166</v>
      </c>
      <c r="AR7" s="69">
        <v>1539</v>
      </c>
      <c r="AS7" s="70">
        <v>2235</v>
      </c>
      <c r="AT7" s="67">
        <v>930</v>
      </c>
      <c r="AU7" s="68">
        <v>797</v>
      </c>
      <c r="AV7" s="69">
        <v>1727</v>
      </c>
      <c r="AW7" s="270"/>
      <c r="AX7" s="68">
        <v>1164</v>
      </c>
      <c r="AY7" s="68">
        <v>975</v>
      </c>
      <c r="AZ7" s="68">
        <v>581</v>
      </c>
      <c r="BA7" s="68">
        <v>486</v>
      </c>
      <c r="BB7" s="68">
        <v>302</v>
      </c>
      <c r="BC7" s="69">
        <v>3508</v>
      </c>
      <c r="BD7" s="70">
        <v>5235</v>
      </c>
      <c r="BE7" s="67">
        <v>1596</v>
      </c>
      <c r="BF7" s="68">
        <v>1408</v>
      </c>
      <c r="BG7" s="69">
        <v>3004</v>
      </c>
      <c r="BH7" s="270"/>
      <c r="BI7" s="68">
        <v>2044</v>
      </c>
      <c r="BJ7" s="68">
        <v>1721</v>
      </c>
      <c r="BK7" s="68">
        <v>1110</v>
      </c>
      <c r="BL7" s="68">
        <v>906</v>
      </c>
      <c r="BM7" s="68">
        <v>484</v>
      </c>
      <c r="BN7" s="69">
        <v>6265</v>
      </c>
      <c r="BO7" s="70">
        <v>9269</v>
      </c>
      <c r="BP7" s="67">
        <v>1267</v>
      </c>
      <c r="BQ7" s="68">
        <v>1271</v>
      </c>
      <c r="BR7" s="69">
        <v>2538</v>
      </c>
      <c r="BS7" s="270"/>
      <c r="BT7" s="68">
        <v>1949</v>
      </c>
      <c r="BU7" s="68">
        <v>1870</v>
      </c>
      <c r="BV7" s="68">
        <v>1332</v>
      </c>
      <c r="BW7" s="68">
        <v>1147</v>
      </c>
      <c r="BX7" s="68">
        <v>541</v>
      </c>
      <c r="BY7" s="69">
        <v>6839</v>
      </c>
      <c r="BZ7" s="70">
        <v>9377</v>
      </c>
      <c r="CA7" s="67">
        <v>0</v>
      </c>
      <c r="CB7" s="68">
        <v>0</v>
      </c>
      <c r="CC7" s="69">
        <v>0</v>
      </c>
      <c r="CD7" s="270"/>
      <c r="CE7" s="68">
        <v>0</v>
      </c>
      <c r="CF7" s="68">
        <v>0</v>
      </c>
      <c r="CG7" s="68">
        <v>0</v>
      </c>
      <c r="CH7" s="68">
        <v>0</v>
      </c>
      <c r="CI7" s="68">
        <v>0</v>
      </c>
      <c r="CJ7" s="69">
        <v>0</v>
      </c>
      <c r="CK7" s="70">
        <v>0</v>
      </c>
      <c r="CL7" s="67">
        <v>4390</v>
      </c>
      <c r="CM7" s="68">
        <v>4066</v>
      </c>
      <c r="CN7" s="69">
        <v>8456</v>
      </c>
      <c r="CO7" s="270"/>
      <c r="CP7" s="68">
        <v>5936</v>
      </c>
      <c r="CQ7" s="68">
        <v>5348</v>
      </c>
      <c r="CR7" s="68">
        <v>3518</v>
      </c>
      <c r="CS7" s="68">
        <v>2964</v>
      </c>
      <c r="CT7" s="68">
        <v>1647</v>
      </c>
      <c r="CU7" s="69">
        <v>19413</v>
      </c>
      <c r="CV7" s="70">
        <v>27869</v>
      </c>
      <c r="CW7" s="126">
        <v>614</v>
      </c>
      <c r="CX7" s="79">
        <v>658</v>
      </c>
      <c r="CY7" s="80">
        <v>1272</v>
      </c>
      <c r="CZ7" s="270"/>
      <c r="DA7" s="79">
        <v>802</v>
      </c>
      <c r="DB7" s="79">
        <v>762</v>
      </c>
      <c r="DC7" s="79">
        <v>536</v>
      </c>
      <c r="DD7" s="79">
        <v>509</v>
      </c>
      <c r="DE7" s="79">
        <v>356</v>
      </c>
      <c r="DF7" s="81">
        <v>2965</v>
      </c>
      <c r="DG7" s="82">
        <v>4237</v>
      </c>
      <c r="DH7" s="67">
        <v>9</v>
      </c>
      <c r="DI7" s="68">
        <v>15</v>
      </c>
      <c r="DJ7" s="69">
        <v>24</v>
      </c>
      <c r="DK7" s="270"/>
      <c r="DL7" s="68">
        <v>14</v>
      </c>
      <c r="DM7" s="68">
        <v>16</v>
      </c>
      <c r="DN7" s="68">
        <v>11</v>
      </c>
      <c r="DO7" s="68">
        <v>6</v>
      </c>
      <c r="DP7" s="68">
        <v>4</v>
      </c>
      <c r="DQ7" s="69">
        <v>51</v>
      </c>
      <c r="DR7" s="70">
        <v>75</v>
      </c>
      <c r="DS7" s="67">
        <v>50</v>
      </c>
      <c r="DT7" s="68">
        <v>56</v>
      </c>
      <c r="DU7" s="69">
        <v>106</v>
      </c>
      <c r="DV7" s="270"/>
      <c r="DW7" s="68">
        <v>31</v>
      </c>
      <c r="DX7" s="68">
        <v>32</v>
      </c>
      <c r="DY7" s="68">
        <v>13</v>
      </c>
      <c r="DZ7" s="68">
        <v>18</v>
      </c>
      <c r="EA7" s="68">
        <v>11</v>
      </c>
      <c r="EB7" s="69">
        <v>105</v>
      </c>
      <c r="EC7" s="70">
        <v>211</v>
      </c>
      <c r="ED7" s="67">
        <v>74</v>
      </c>
      <c r="EE7" s="68">
        <v>72</v>
      </c>
      <c r="EF7" s="69">
        <v>146</v>
      </c>
      <c r="EG7" s="270"/>
      <c r="EH7" s="68">
        <v>75</v>
      </c>
      <c r="EI7" s="68">
        <v>59</v>
      </c>
      <c r="EJ7" s="68">
        <v>34</v>
      </c>
      <c r="EK7" s="68">
        <v>29</v>
      </c>
      <c r="EL7" s="68">
        <v>21</v>
      </c>
      <c r="EM7" s="69">
        <v>218</v>
      </c>
      <c r="EN7" s="70">
        <v>364</v>
      </c>
      <c r="EO7" s="67">
        <v>166</v>
      </c>
      <c r="EP7" s="68">
        <v>165</v>
      </c>
      <c r="EQ7" s="69">
        <v>331</v>
      </c>
      <c r="ER7" s="270"/>
      <c r="ES7" s="68">
        <v>146</v>
      </c>
      <c r="ET7" s="68">
        <v>109</v>
      </c>
      <c r="EU7" s="68">
        <v>80</v>
      </c>
      <c r="EV7" s="68">
        <v>59</v>
      </c>
      <c r="EW7" s="68">
        <v>45</v>
      </c>
      <c r="EX7" s="69">
        <v>439</v>
      </c>
      <c r="EY7" s="70">
        <v>770</v>
      </c>
      <c r="EZ7" s="67">
        <v>189</v>
      </c>
      <c r="FA7" s="68">
        <v>188</v>
      </c>
      <c r="FB7" s="69">
        <v>377</v>
      </c>
      <c r="FC7" s="270"/>
      <c r="FD7" s="68">
        <v>252</v>
      </c>
      <c r="FE7" s="68">
        <v>216</v>
      </c>
      <c r="FF7" s="68">
        <v>148</v>
      </c>
      <c r="FG7" s="68">
        <v>130</v>
      </c>
      <c r="FH7" s="68">
        <v>94</v>
      </c>
      <c r="FI7" s="69">
        <v>840</v>
      </c>
      <c r="FJ7" s="70">
        <v>1217</v>
      </c>
      <c r="FK7" s="67">
        <v>126</v>
      </c>
      <c r="FL7" s="68">
        <v>162</v>
      </c>
      <c r="FM7" s="69">
        <v>288</v>
      </c>
      <c r="FN7" s="270"/>
      <c r="FO7" s="68">
        <v>284</v>
      </c>
      <c r="FP7" s="68">
        <v>330</v>
      </c>
      <c r="FQ7" s="68">
        <v>250</v>
      </c>
      <c r="FR7" s="68">
        <v>267</v>
      </c>
      <c r="FS7" s="68">
        <v>181</v>
      </c>
      <c r="FT7" s="69">
        <v>1312</v>
      </c>
      <c r="FU7" s="70">
        <v>1600</v>
      </c>
      <c r="FV7" s="67">
        <v>0</v>
      </c>
      <c r="FW7" s="68">
        <v>0</v>
      </c>
      <c r="FX7" s="69">
        <v>0</v>
      </c>
      <c r="FY7" s="270"/>
      <c r="FZ7" s="68">
        <v>0</v>
      </c>
      <c r="GA7" s="68">
        <v>0</v>
      </c>
      <c r="GB7" s="68">
        <v>0</v>
      </c>
      <c r="GC7" s="68">
        <v>0</v>
      </c>
      <c r="GD7" s="68">
        <v>0</v>
      </c>
      <c r="GE7" s="69">
        <v>0</v>
      </c>
      <c r="GF7" s="70">
        <v>0</v>
      </c>
      <c r="GG7" s="67">
        <v>614</v>
      </c>
      <c r="GH7" s="68">
        <v>658</v>
      </c>
      <c r="GI7" s="69">
        <v>1272</v>
      </c>
      <c r="GJ7" s="270"/>
      <c r="GK7" s="68">
        <v>802</v>
      </c>
      <c r="GL7" s="68">
        <v>762</v>
      </c>
      <c r="GM7" s="68">
        <v>536</v>
      </c>
      <c r="GN7" s="68">
        <v>509</v>
      </c>
      <c r="GO7" s="68">
        <v>356</v>
      </c>
      <c r="GP7" s="69">
        <v>2965</v>
      </c>
      <c r="GQ7" s="70">
        <v>4237</v>
      </c>
      <c r="GR7" s="126">
        <v>5004</v>
      </c>
      <c r="GS7" s="79">
        <v>4724</v>
      </c>
      <c r="GT7" s="80">
        <v>9728</v>
      </c>
      <c r="GU7" s="270"/>
      <c r="GV7" s="79">
        <v>6738</v>
      </c>
      <c r="GW7" s="79">
        <v>6110</v>
      </c>
      <c r="GX7" s="79">
        <v>4054</v>
      </c>
      <c r="GY7" s="79">
        <v>3473</v>
      </c>
      <c r="GZ7" s="79">
        <v>2003</v>
      </c>
      <c r="HA7" s="81">
        <v>22378</v>
      </c>
      <c r="HB7" s="82">
        <v>32106</v>
      </c>
      <c r="HC7" s="67">
        <v>68</v>
      </c>
      <c r="HD7" s="68">
        <v>75</v>
      </c>
      <c r="HE7" s="69">
        <v>143</v>
      </c>
      <c r="HF7" s="270"/>
      <c r="HG7" s="68">
        <v>95</v>
      </c>
      <c r="HH7" s="68">
        <v>131</v>
      </c>
      <c r="HI7" s="68">
        <v>65</v>
      </c>
      <c r="HJ7" s="68">
        <v>56</v>
      </c>
      <c r="HK7" s="68">
        <v>53</v>
      </c>
      <c r="HL7" s="69">
        <v>400</v>
      </c>
      <c r="HM7" s="70">
        <v>543</v>
      </c>
      <c r="HN7" s="67">
        <v>226</v>
      </c>
      <c r="HO7" s="68">
        <v>252</v>
      </c>
      <c r="HP7" s="69">
        <v>478</v>
      </c>
      <c r="HQ7" s="270"/>
      <c r="HR7" s="68">
        <v>272</v>
      </c>
      <c r="HS7" s="68">
        <v>272</v>
      </c>
      <c r="HT7" s="68">
        <v>182</v>
      </c>
      <c r="HU7" s="68">
        <v>176</v>
      </c>
      <c r="HV7" s="68">
        <v>116</v>
      </c>
      <c r="HW7" s="69">
        <v>1018</v>
      </c>
      <c r="HX7" s="70">
        <v>1496</v>
      </c>
      <c r="HY7" s="67">
        <v>436</v>
      </c>
      <c r="HZ7" s="68">
        <v>406</v>
      </c>
      <c r="IA7" s="69">
        <v>842</v>
      </c>
      <c r="IB7" s="270"/>
      <c r="IC7" s="68">
        <v>532</v>
      </c>
      <c r="ID7" s="68">
        <v>486</v>
      </c>
      <c r="IE7" s="68">
        <v>306</v>
      </c>
      <c r="IF7" s="68">
        <v>246</v>
      </c>
      <c r="IG7" s="68">
        <v>187</v>
      </c>
      <c r="IH7" s="69">
        <v>1757</v>
      </c>
      <c r="II7" s="70">
        <v>2599</v>
      </c>
      <c r="IJ7" s="67">
        <v>1096</v>
      </c>
      <c r="IK7" s="68">
        <v>962</v>
      </c>
      <c r="IL7" s="69">
        <v>2058</v>
      </c>
      <c r="IM7" s="270"/>
      <c r="IN7" s="68">
        <v>1310</v>
      </c>
      <c r="IO7" s="68">
        <v>1084</v>
      </c>
      <c r="IP7" s="68">
        <v>661</v>
      </c>
      <c r="IQ7" s="68">
        <v>545</v>
      </c>
      <c r="IR7" s="68">
        <v>347</v>
      </c>
      <c r="IS7" s="69">
        <v>3947</v>
      </c>
      <c r="IT7" s="70">
        <v>6005</v>
      </c>
      <c r="IU7" s="67">
        <v>1785</v>
      </c>
      <c r="IV7" s="68">
        <v>1596</v>
      </c>
      <c r="IW7" s="69">
        <v>3381</v>
      </c>
      <c r="IX7" s="270"/>
      <c r="IY7" s="68">
        <v>2296</v>
      </c>
      <c r="IZ7" s="68">
        <v>1937</v>
      </c>
      <c r="JA7" s="68">
        <v>1258</v>
      </c>
      <c r="JB7" s="68">
        <v>1036</v>
      </c>
      <c r="JC7" s="68">
        <v>578</v>
      </c>
      <c r="JD7" s="69">
        <v>7105</v>
      </c>
      <c r="JE7" s="70">
        <v>10486</v>
      </c>
      <c r="JF7" s="67">
        <v>1393</v>
      </c>
      <c r="JG7" s="68">
        <v>1433</v>
      </c>
      <c r="JH7" s="69">
        <v>2826</v>
      </c>
      <c r="JI7" s="270"/>
      <c r="JJ7" s="68">
        <v>2233</v>
      </c>
      <c r="JK7" s="68">
        <v>2200</v>
      </c>
      <c r="JL7" s="68">
        <v>1582</v>
      </c>
      <c r="JM7" s="68">
        <v>1414</v>
      </c>
      <c r="JN7" s="68">
        <v>722</v>
      </c>
      <c r="JO7" s="69">
        <v>8151</v>
      </c>
      <c r="JP7" s="70">
        <v>10977</v>
      </c>
      <c r="JQ7" s="67">
        <v>0</v>
      </c>
      <c r="JR7" s="68">
        <v>0</v>
      </c>
      <c r="JS7" s="69">
        <v>0</v>
      </c>
      <c r="JT7" s="270"/>
      <c r="JU7" s="68">
        <v>0</v>
      </c>
      <c r="JV7" s="68">
        <v>0</v>
      </c>
      <c r="JW7" s="68">
        <v>0</v>
      </c>
      <c r="JX7" s="68">
        <v>0</v>
      </c>
      <c r="JY7" s="68">
        <v>0</v>
      </c>
      <c r="JZ7" s="69">
        <v>0</v>
      </c>
      <c r="KA7" s="70">
        <v>0</v>
      </c>
      <c r="KB7" s="67">
        <v>5004</v>
      </c>
      <c r="KC7" s="68">
        <v>4724</v>
      </c>
      <c r="KD7" s="69">
        <v>9728</v>
      </c>
      <c r="KE7" s="270"/>
      <c r="KF7" s="68">
        <v>6738</v>
      </c>
      <c r="KG7" s="68">
        <v>6110</v>
      </c>
      <c r="KH7" s="68">
        <v>4054</v>
      </c>
      <c r="KI7" s="68">
        <v>3473</v>
      </c>
      <c r="KJ7" s="68">
        <v>2003</v>
      </c>
      <c r="KK7" s="69">
        <v>22378</v>
      </c>
      <c r="KL7" s="70">
        <v>32106</v>
      </c>
    </row>
    <row r="8" spans="1:298" ht="19.5" customHeight="1" x14ac:dyDescent="0.2">
      <c r="A8" s="130" t="s">
        <v>5</v>
      </c>
      <c r="B8" s="353">
        <v>1960</v>
      </c>
      <c r="C8" s="83">
        <v>2030</v>
      </c>
      <c r="D8" s="84">
        <v>3990</v>
      </c>
      <c r="E8" s="271"/>
      <c r="F8" s="83">
        <v>2143</v>
      </c>
      <c r="G8" s="83">
        <v>2525</v>
      </c>
      <c r="H8" s="83">
        <v>1595</v>
      </c>
      <c r="I8" s="83">
        <v>1286</v>
      </c>
      <c r="J8" s="83">
        <v>738</v>
      </c>
      <c r="K8" s="85">
        <v>8287</v>
      </c>
      <c r="L8" s="86">
        <v>12277</v>
      </c>
      <c r="M8" s="71">
        <v>21</v>
      </c>
      <c r="N8" s="72">
        <v>31</v>
      </c>
      <c r="O8" s="73">
        <v>52</v>
      </c>
      <c r="P8" s="274"/>
      <c r="Q8" s="72">
        <v>24</v>
      </c>
      <c r="R8" s="72">
        <v>55</v>
      </c>
      <c r="S8" s="72">
        <v>18</v>
      </c>
      <c r="T8" s="72">
        <v>25</v>
      </c>
      <c r="U8" s="72">
        <v>21</v>
      </c>
      <c r="V8" s="73">
        <v>143</v>
      </c>
      <c r="W8" s="74">
        <v>195</v>
      </c>
      <c r="X8" s="71">
        <v>65</v>
      </c>
      <c r="Y8" s="72">
        <v>92</v>
      </c>
      <c r="Z8" s="73">
        <v>157</v>
      </c>
      <c r="AA8" s="271"/>
      <c r="AB8" s="72">
        <v>87</v>
      </c>
      <c r="AC8" s="72">
        <v>121</v>
      </c>
      <c r="AD8" s="72">
        <v>73</v>
      </c>
      <c r="AE8" s="72">
        <v>57</v>
      </c>
      <c r="AF8" s="72">
        <v>48</v>
      </c>
      <c r="AG8" s="73">
        <v>386</v>
      </c>
      <c r="AH8" s="74">
        <v>543</v>
      </c>
      <c r="AI8" s="71">
        <v>145</v>
      </c>
      <c r="AJ8" s="72">
        <v>161</v>
      </c>
      <c r="AK8" s="73">
        <v>306</v>
      </c>
      <c r="AL8" s="271"/>
      <c r="AM8" s="72">
        <v>142</v>
      </c>
      <c r="AN8" s="72">
        <v>183</v>
      </c>
      <c r="AO8" s="72">
        <v>113</v>
      </c>
      <c r="AP8" s="72">
        <v>81</v>
      </c>
      <c r="AQ8" s="72">
        <v>70</v>
      </c>
      <c r="AR8" s="73">
        <v>589</v>
      </c>
      <c r="AS8" s="74">
        <v>895</v>
      </c>
      <c r="AT8" s="71">
        <v>420</v>
      </c>
      <c r="AU8" s="72">
        <v>380</v>
      </c>
      <c r="AV8" s="73">
        <v>800</v>
      </c>
      <c r="AW8" s="271"/>
      <c r="AX8" s="72">
        <v>424</v>
      </c>
      <c r="AY8" s="72">
        <v>409</v>
      </c>
      <c r="AZ8" s="72">
        <v>246</v>
      </c>
      <c r="BA8" s="72">
        <v>212</v>
      </c>
      <c r="BB8" s="72">
        <v>125</v>
      </c>
      <c r="BC8" s="73">
        <v>1416</v>
      </c>
      <c r="BD8" s="74">
        <v>2216</v>
      </c>
      <c r="BE8" s="71">
        <v>760</v>
      </c>
      <c r="BF8" s="72">
        <v>727</v>
      </c>
      <c r="BG8" s="73">
        <v>1487</v>
      </c>
      <c r="BH8" s="271"/>
      <c r="BI8" s="72">
        <v>768</v>
      </c>
      <c r="BJ8" s="72">
        <v>825</v>
      </c>
      <c r="BK8" s="72">
        <v>500</v>
      </c>
      <c r="BL8" s="72">
        <v>397</v>
      </c>
      <c r="BM8" s="72">
        <v>225</v>
      </c>
      <c r="BN8" s="73">
        <v>2715</v>
      </c>
      <c r="BO8" s="74">
        <v>4202</v>
      </c>
      <c r="BP8" s="71">
        <v>549</v>
      </c>
      <c r="BQ8" s="72">
        <v>639</v>
      </c>
      <c r="BR8" s="73">
        <v>1188</v>
      </c>
      <c r="BS8" s="271"/>
      <c r="BT8" s="72">
        <v>698</v>
      </c>
      <c r="BU8" s="72">
        <v>932</v>
      </c>
      <c r="BV8" s="72">
        <v>645</v>
      </c>
      <c r="BW8" s="72">
        <v>514</v>
      </c>
      <c r="BX8" s="72">
        <v>249</v>
      </c>
      <c r="BY8" s="73">
        <v>3038</v>
      </c>
      <c r="BZ8" s="74">
        <v>4226</v>
      </c>
      <c r="CA8" s="71">
        <v>0</v>
      </c>
      <c r="CB8" s="72">
        <v>0</v>
      </c>
      <c r="CC8" s="73">
        <v>0</v>
      </c>
      <c r="CD8" s="271"/>
      <c r="CE8" s="72">
        <v>0</v>
      </c>
      <c r="CF8" s="72">
        <v>0</v>
      </c>
      <c r="CG8" s="72">
        <v>0</v>
      </c>
      <c r="CH8" s="72">
        <v>0</v>
      </c>
      <c r="CI8" s="72">
        <v>0</v>
      </c>
      <c r="CJ8" s="73">
        <v>0</v>
      </c>
      <c r="CK8" s="74">
        <v>0</v>
      </c>
      <c r="CL8" s="71">
        <v>1960</v>
      </c>
      <c r="CM8" s="72">
        <v>2030</v>
      </c>
      <c r="CN8" s="73">
        <v>3990</v>
      </c>
      <c r="CO8" s="271"/>
      <c r="CP8" s="72">
        <v>2143</v>
      </c>
      <c r="CQ8" s="72">
        <v>2525</v>
      </c>
      <c r="CR8" s="72">
        <v>1595</v>
      </c>
      <c r="CS8" s="72">
        <v>1286</v>
      </c>
      <c r="CT8" s="72">
        <v>738</v>
      </c>
      <c r="CU8" s="73">
        <v>8287</v>
      </c>
      <c r="CV8" s="74">
        <v>12277</v>
      </c>
      <c r="CW8" s="127">
        <v>248</v>
      </c>
      <c r="CX8" s="83">
        <v>317</v>
      </c>
      <c r="CY8" s="84">
        <v>565</v>
      </c>
      <c r="CZ8" s="271"/>
      <c r="DA8" s="83">
        <v>302</v>
      </c>
      <c r="DB8" s="83">
        <v>345</v>
      </c>
      <c r="DC8" s="83">
        <v>245</v>
      </c>
      <c r="DD8" s="83">
        <v>228</v>
      </c>
      <c r="DE8" s="83">
        <v>148</v>
      </c>
      <c r="DF8" s="85">
        <v>1268</v>
      </c>
      <c r="DG8" s="86">
        <v>1833</v>
      </c>
      <c r="DH8" s="71">
        <v>5</v>
      </c>
      <c r="DI8" s="72">
        <v>7</v>
      </c>
      <c r="DJ8" s="73">
        <v>12</v>
      </c>
      <c r="DK8" s="271"/>
      <c r="DL8" s="72">
        <v>6</v>
      </c>
      <c r="DM8" s="72">
        <v>11</v>
      </c>
      <c r="DN8" s="72">
        <v>3</v>
      </c>
      <c r="DO8" s="72">
        <v>4</v>
      </c>
      <c r="DP8" s="72">
        <v>0</v>
      </c>
      <c r="DQ8" s="73">
        <v>24</v>
      </c>
      <c r="DR8" s="74">
        <v>36</v>
      </c>
      <c r="DS8" s="71">
        <v>22</v>
      </c>
      <c r="DT8" s="72">
        <v>23</v>
      </c>
      <c r="DU8" s="73">
        <v>45</v>
      </c>
      <c r="DV8" s="271"/>
      <c r="DW8" s="72">
        <v>11</v>
      </c>
      <c r="DX8" s="72">
        <v>10</v>
      </c>
      <c r="DY8" s="72">
        <v>2</v>
      </c>
      <c r="DZ8" s="72">
        <v>8</v>
      </c>
      <c r="EA8" s="72">
        <v>3</v>
      </c>
      <c r="EB8" s="73">
        <v>34</v>
      </c>
      <c r="EC8" s="74">
        <v>79</v>
      </c>
      <c r="ED8" s="71">
        <v>25</v>
      </c>
      <c r="EE8" s="72">
        <v>40</v>
      </c>
      <c r="EF8" s="73">
        <v>65</v>
      </c>
      <c r="EG8" s="271"/>
      <c r="EH8" s="72">
        <v>34</v>
      </c>
      <c r="EI8" s="72">
        <v>27</v>
      </c>
      <c r="EJ8" s="72">
        <v>14</v>
      </c>
      <c r="EK8" s="72">
        <v>16</v>
      </c>
      <c r="EL8" s="72">
        <v>10</v>
      </c>
      <c r="EM8" s="73">
        <v>101</v>
      </c>
      <c r="EN8" s="74">
        <v>166</v>
      </c>
      <c r="EO8" s="71">
        <v>67</v>
      </c>
      <c r="EP8" s="72">
        <v>86</v>
      </c>
      <c r="EQ8" s="73">
        <v>153</v>
      </c>
      <c r="ER8" s="271"/>
      <c r="ES8" s="72">
        <v>55</v>
      </c>
      <c r="ET8" s="72">
        <v>46</v>
      </c>
      <c r="EU8" s="72">
        <v>33</v>
      </c>
      <c r="EV8" s="72">
        <v>30</v>
      </c>
      <c r="EW8" s="72">
        <v>24</v>
      </c>
      <c r="EX8" s="73">
        <v>188</v>
      </c>
      <c r="EY8" s="74">
        <v>341</v>
      </c>
      <c r="EZ8" s="71">
        <v>76</v>
      </c>
      <c r="FA8" s="72">
        <v>82</v>
      </c>
      <c r="FB8" s="73">
        <v>158</v>
      </c>
      <c r="FC8" s="271"/>
      <c r="FD8" s="72">
        <v>89</v>
      </c>
      <c r="FE8" s="72">
        <v>105</v>
      </c>
      <c r="FF8" s="72">
        <v>71</v>
      </c>
      <c r="FG8" s="72">
        <v>52</v>
      </c>
      <c r="FH8" s="72">
        <v>39</v>
      </c>
      <c r="FI8" s="73">
        <v>356</v>
      </c>
      <c r="FJ8" s="74">
        <v>514</v>
      </c>
      <c r="FK8" s="71">
        <v>53</v>
      </c>
      <c r="FL8" s="72">
        <v>79</v>
      </c>
      <c r="FM8" s="73">
        <v>132</v>
      </c>
      <c r="FN8" s="271"/>
      <c r="FO8" s="72">
        <v>107</v>
      </c>
      <c r="FP8" s="72">
        <v>146</v>
      </c>
      <c r="FQ8" s="72">
        <v>122</v>
      </c>
      <c r="FR8" s="72">
        <v>118</v>
      </c>
      <c r="FS8" s="72">
        <v>72</v>
      </c>
      <c r="FT8" s="73">
        <v>565</v>
      </c>
      <c r="FU8" s="74">
        <v>697</v>
      </c>
      <c r="FV8" s="71">
        <v>0</v>
      </c>
      <c r="FW8" s="72">
        <v>0</v>
      </c>
      <c r="FX8" s="73">
        <v>0</v>
      </c>
      <c r="FY8" s="271"/>
      <c r="FZ8" s="72">
        <v>0</v>
      </c>
      <c r="GA8" s="72">
        <v>0</v>
      </c>
      <c r="GB8" s="72">
        <v>0</v>
      </c>
      <c r="GC8" s="72">
        <v>0</v>
      </c>
      <c r="GD8" s="72">
        <v>0</v>
      </c>
      <c r="GE8" s="73">
        <v>0</v>
      </c>
      <c r="GF8" s="74">
        <v>0</v>
      </c>
      <c r="GG8" s="71">
        <v>248</v>
      </c>
      <c r="GH8" s="72">
        <v>317</v>
      </c>
      <c r="GI8" s="73">
        <v>565</v>
      </c>
      <c r="GJ8" s="271"/>
      <c r="GK8" s="72">
        <v>302</v>
      </c>
      <c r="GL8" s="72">
        <v>345</v>
      </c>
      <c r="GM8" s="72">
        <v>245</v>
      </c>
      <c r="GN8" s="72">
        <v>228</v>
      </c>
      <c r="GO8" s="72">
        <v>148</v>
      </c>
      <c r="GP8" s="73">
        <v>1268</v>
      </c>
      <c r="GQ8" s="74">
        <v>1833</v>
      </c>
      <c r="GR8" s="127">
        <v>2208</v>
      </c>
      <c r="GS8" s="83">
        <v>2347</v>
      </c>
      <c r="GT8" s="84">
        <v>4555</v>
      </c>
      <c r="GU8" s="271"/>
      <c r="GV8" s="83">
        <v>2445</v>
      </c>
      <c r="GW8" s="83">
        <v>2870</v>
      </c>
      <c r="GX8" s="83">
        <v>1840</v>
      </c>
      <c r="GY8" s="83">
        <v>1514</v>
      </c>
      <c r="GZ8" s="83">
        <v>886</v>
      </c>
      <c r="HA8" s="85">
        <v>9555</v>
      </c>
      <c r="HB8" s="86">
        <v>14110</v>
      </c>
      <c r="HC8" s="71">
        <v>26</v>
      </c>
      <c r="HD8" s="72">
        <v>38</v>
      </c>
      <c r="HE8" s="73">
        <v>64</v>
      </c>
      <c r="HF8" s="271"/>
      <c r="HG8" s="72">
        <v>30</v>
      </c>
      <c r="HH8" s="72">
        <v>66</v>
      </c>
      <c r="HI8" s="72">
        <v>21</v>
      </c>
      <c r="HJ8" s="72">
        <v>29</v>
      </c>
      <c r="HK8" s="72">
        <v>21</v>
      </c>
      <c r="HL8" s="73">
        <v>167</v>
      </c>
      <c r="HM8" s="74">
        <v>231</v>
      </c>
      <c r="HN8" s="71">
        <v>87</v>
      </c>
      <c r="HO8" s="72">
        <v>115</v>
      </c>
      <c r="HP8" s="73">
        <v>202</v>
      </c>
      <c r="HQ8" s="271"/>
      <c r="HR8" s="72">
        <v>98</v>
      </c>
      <c r="HS8" s="72">
        <v>131</v>
      </c>
      <c r="HT8" s="72">
        <v>75</v>
      </c>
      <c r="HU8" s="72">
        <v>65</v>
      </c>
      <c r="HV8" s="72">
        <v>51</v>
      </c>
      <c r="HW8" s="73">
        <v>420</v>
      </c>
      <c r="HX8" s="74">
        <v>622</v>
      </c>
      <c r="HY8" s="71">
        <v>170</v>
      </c>
      <c r="HZ8" s="72">
        <v>201</v>
      </c>
      <c r="IA8" s="73">
        <v>371</v>
      </c>
      <c r="IB8" s="271"/>
      <c r="IC8" s="72">
        <v>176</v>
      </c>
      <c r="ID8" s="72">
        <v>210</v>
      </c>
      <c r="IE8" s="72">
        <v>127</v>
      </c>
      <c r="IF8" s="72">
        <v>97</v>
      </c>
      <c r="IG8" s="72">
        <v>80</v>
      </c>
      <c r="IH8" s="73">
        <v>690</v>
      </c>
      <c r="II8" s="74">
        <v>1061</v>
      </c>
      <c r="IJ8" s="71">
        <v>487</v>
      </c>
      <c r="IK8" s="72">
        <v>466</v>
      </c>
      <c r="IL8" s="73">
        <v>953</v>
      </c>
      <c r="IM8" s="271"/>
      <c r="IN8" s="72">
        <v>479</v>
      </c>
      <c r="IO8" s="72">
        <v>455</v>
      </c>
      <c r="IP8" s="72">
        <v>279</v>
      </c>
      <c r="IQ8" s="72">
        <v>242</v>
      </c>
      <c r="IR8" s="72">
        <v>149</v>
      </c>
      <c r="IS8" s="73">
        <v>1604</v>
      </c>
      <c r="IT8" s="74">
        <v>2557</v>
      </c>
      <c r="IU8" s="71">
        <v>836</v>
      </c>
      <c r="IV8" s="72">
        <v>809</v>
      </c>
      <c r="IW8" s="73">
        <v>1645</v>
      </c>
      <c r="IX8" s="271"/>
      <c r="IY8" s="72">
        <v>857</v>
      </c>
      <c r="IZ8" s="72">
        <v>930</v>
      </c>
      <c r="JA8" s="72">
        <v>571</v>
      </c>
      <c r="JB8" s="72">
        <v>449</v>
      </c>
      <c r="JC8" s="72">
        <v>264</v>
      </c>
      <c r="JD8" s="73">
        <v>3071</v>
      </c>
      <c r="JE8" s="74">
        <v>4716</v>
      </c>
      <c r="JF8" s="71">
        <v>602</v>
      </c>
      <c r="JG8" s="72">
        <v>718</v>
      </c>
      <c r="JH8" s="73">
        <v>1320</v>
      </c>
      <c r="JI8" s="271"/>
      <c r="JJ8" s="72">
        <v>805</v>
      </c>
      <c r="JK8" s="72">
        <v>1078</v>
      </c>
      <c r="JL8" s="72">
        <v>767</v>
      </c>
      <c r="JM8" s="72">
        <v>632</v>
      </c>
      <c r="JN8" s="72">
        <v>321</v>
      </c>
      <c r="JO8" s="73">
        <v>3603</v>
      </c>
      <c r="JP8" s="74">
        <v>4923</v>
      </c>
      <c r="JQ8" s="71">
        <v>0</v>
      </c>
      <c r="JR8" s="72">
        <v>0</v>
      </c>
      <c r="JS8" s="73">
        <v>0</v>
      </c>
      <c r="JT8" s="271"/>
      <c r="JU8" s="72">
        <v>0</v>
      </c>
      <c r="JV8" s="72">
        <v>0</v>
      </c>
      <c r="JW8" s="72">
        <v>0</v>
      </c>
      <c r="JX8" s="72">
        <v>0</v>
      </c>
      <c r="JY8" s="72">
        <v>0</v>
      </c>
      <c r="JZ8" s="73">
        <v>0</v>
      </c>
      <c r="KA8" s="74">
        <v>0</v>
      </c>
      <c r="KB8" s="71">
        <v>2208</v>
      </c>
      <c r="KC8" s="72">
        <v>2347</v>
      </c>
      <c r="KD8" s="73">
        <v>4555</v>
      </c>
      <c r="KE8" s="271"/>
      <c r="KF8" s="72">
        <v>2445</v>
      </c>
      <c r="KG8" s="72">
        <v>2870</v>
      </c>
      <c r="KH8" s="72">
        <v>1840</v>
      </c>
      <c r="KI8" s="72">
        <v>1514</v>
      </c>
      <c r="KJ8" s="72">
        <v>886</v>
      </c>
      <c r="KK8" s="73">
        <v>9555</v>
      </c>
      <c r="KL8" s="74">
        <v>14110</v>
      </c>
    </row>
    <row r="9" spans="1:298" ht="19.5" customHeight="1" x14ac:dyDescent="0.2">
      <c r="A9" s="130" t="s">
        <v>6</v>
      </c>
      <c r="B9" s="353">
        <v>534</v>
      </c>
      <c r="C9" s="83">
        <v>390</v>
      </c>
      <c r="D9" s="84">
        <v>924</v>
      </c>
      <c r="E9" s="271"/>
      <c r="F9" s="83">
        <v>798</v>
      </c>
      <c r="G9" s="83">
        <v>582</v>
      </c>
      <c r="H9" s="83">
        <v>396</v>
      </c>
      <c r="I9" s="83">
        <v>362</v>
      </c>
      <c r="J9" s="83">
        <v>225</v>
      </c>
      <c r="K9" s="85">
        <v>2363</v>
      </c>
      <c r="L9" s="86">
        <v>3287</v>
      </c>
      <c r="M9" s="71">
        <v>10</v>
      </c>
      <c r="N9" s="72">
        <v>7</v>
      </c>
      <c r="O9" s="73">
        <v>17</v>
      </c>
      <c r="P9" s="274"/>
      <c r="Q9" s="72">
        <v>14</v>
      </c>
      <c r="R9" s="72">
        <v>16</v>
      </c>
      <c r="S9" s="72">
        <v>8</v>
      </c>
      <c r="T9" s="72">
        <v>10</v>
      </c>
      <c r="U9" s="72">
        <v>7</v>
      </c>
      <c r="V9" s="73">
        <v>55</v>
      </c>
      <c r="W9" s="74">
        <v>72</v>
      </c>
      <c r="X9" s="71">
        <v>24</v>
      </c>
      <c r="Y9" s="72">
        <v>12</v>
      </c>
      <c r="Z9" s="73">
        <v>36</v>
      </c>
      <c r="AA9" s="271"/>
      <c r="AB9" s="72">
        <v>43</v>
      </c>
      <c r="AC9" s="72">
        <v>25</v>
      </c>
      <c r="AD9" s="72">
        <v>19</v>
      </c>
      <c r="AE9" s="72">
        <v>28</v>
      </c>
      <c r="AF9" s="72">
        <v>18</v>
      </c>
      <c r="AG9" s="73">
        <v>133</v>
      </c>
      <c r="AH9" s="74">
        <v>169</v>
      </c>
      <c r="AI9" s="71">
        <v>33</v>
      </c>
      <c r="AJ9" s="72">
        <v>35</v>
      </c>
      <c r="AK9" s="73">
        <v>68</v>
      </c>
      <c r="AL9" s="271"/>
      <c r="AM9" s="72">
        <v>54</v>
      </c>
      <c r="AN9" s="72">
        <v>44</v>
      </c>
      <c r="AO9" s="72">
        <v>28</v>
      </c>
      <c r="AP9" s="72">
        <v>22</v>
      </c>
      <c r="AQ9" s="72">
        <v>16</v>
      </c>
      <c r="AR9" s="73">
        <v>164</v>
      </c>
      <c r="AS9" s="74">
        <v>232</v>
      </c>
      <c r="AT9" s="71">
        <v>108</v>
      </c>
      <c r="AU9" s="72">
        <v>66</v>
      </c>
      <c r="AV9" s="73">
        <v>174</v>
      </c>
      <c r="AW9" s="271"/>
      <c r="AX9" s="72">
        <v>136</v>
      </c>
      <c r="AY9" s="72">
        <v>99</v>
      </c>
      <c r="AZ9" s="72">
        <v>62</v>
      </c>
      <c r="BA9" s="72">
        <v>50</v>
      </c>
      <c r="BB9" s="72">
        <v>43</v>
      </c>
      <c r="BC9" s="73">
        <v>390</v>
      </c>
      <c r="BD9" s="74">
        <v>564</v>
      </c>
      <c r="BE9" s="71">
        <v>196</v>
      </c>
      <c r="BF9" s="72">
        <v>141</v>
      </c>
      <c r="BG9" s="73">
        <v>337</v>
      </c>
      <c r="BH9" s="271"/>
      <c r="BI9" s="72">
        <v>270</v>
      </c>
      <c r="BJ9" s="72">
        <v>186</v>
      </c>
      <c r="BK9" s="72">
        <v>126</v>
      </c>
      <c r="BL9" s="72">
        <v>108</v>
      </c>
      <c r="BM9" s="72">
        <v>68</v>
      </c>
      <c r="BN9" s="73">
        <v>758</v>
      </c>
      <c r="BO9" s="74">
        <v>1095</v>
      </c>
      <c r="BP9" s="71">
        <v>163</v>
      </c>
      <c r="BQ9" s="72">
        <v>129</v>
      </c>
      <c r="BR9" s="73">
        <v>292</v>
      </c>
      <c r="BS9" s="271"/>
      <c r="BT9" s="72">
        <v>281</v>
      </c>
      <c r="BU9" s="72">
        <v>212</v>
      </c>
      <c r="BV9" s="72">
        <v>153</v>
      </c>
      <c r="BW9" s="72">
        <v>144</v>
      </c>
      <c r="BX9" s="72">
        <v>73</v>
      </c>
      <c r="BY9" s="73">
        <v>863</v>
      </c>
      <c r="BZ9" s="74">
        <v>1155</v>
      </c>
      <c r="CA9" s="71">
        <v>0</v>
      </c>
      <c r="CB9" s="72">
        <v>0</v>
      </c>
      <c r="CC9" s="73">
        <v>0</v>
      </c>
      <c r="CD9" s="271"/>
      <c r="CE9" s="72">
        <v>0</v>
      </c>
      <c r="CF9" s="72">
        <v>0</v>
      </c>
      <c r="CG9" s="72">
        <v>0</v>
      </c>
      <c r="CH9" s="72">
        <v>0</v>
      </c>
      <c r="CI9" s="72">
        <v>0</v>
      </c>
      <c r="CJ9" s="73">
        <v>0</v>
      </c>
      <c r="CK9" s="74">
        <v>0</v>
      </c>
      <c r="CL9" s="71">
        <v>534</v>
      </c>
      <c r="CM9" s="72">
        <v>390</v>
      </c>
      <c r="CN9" s="73">
        <v>924</v>
      </c>
      <c r="CO9" s="271"/>
      <c r="CP9" s="72">
        <v>798</v>
      </c>
      <c r="CQ9" s="72">
        <v>582</v>
      </c>
      <c r="CR9" s="72">
        <v>396</v>
      </c>
      <c r="CS9" s="72">
        <v>362</v>
      </c>
      <c r="CT9" s="72">
        <v>225</v>
      </c>
      <c r="CU9" s="73">
        <v>2363</v>
      </c>
      <c r="CV9" s="74">
        <v>3287</v>
      </c>
      <c r="CW9" s="127">
        <v>114</v>
      </c>
      <c r="CX9" s="83">
        <v>89</v>
      </c>
      <c r="CY9" s="84">
        <v>203</v>
      </c>
      <c r="CZ9" s="271"/>
      <c r="DA9" s="83">
        <v>112</v>
      </c>
      <c r="DB9" s="83">
        <v>101</v>
      </c>
      <c r="DC9" s="83">
        <v>77</v>
      </c>
      <c r="DD9" s="83">
        <v>75</v>
      </c>
      <c r="DE9" s="83">
        <v>68</v>
      </c>
      <c r="DF9" s="85">
        <v>433</v>
      </c>
      <c r="DG9" s="86">
        <v>636</v>
      </c>
      <c r="DH9" s="71">
        <v>0</v>
      </c>
      <c r="DI9" s="72">
        <v>1</v>
      </c>
      <c r="DJ9" s="73">
        <v>1</v>
      </c>
      <c r="DK9" s="271"/>
      <c r="DL9" s="72">
        <v>2</v>
      </c>
      <c r="DM9" s="72">
        <v>2</v>
      </c>
      <c r="DN9" s="72">
        <v>2</v>
      </c>
      <c r="DO9" s="72">
        <v>1</v>
      </c>
      <c r="DP9" s="72">
        <v>3</v>
      </c>
      <c r="DQ9" s="73">
        <v>10</v>
      </c>
      <c r="DR9" s="74">
        <v>11</v>
      </c>
      <c r="DS9" s="71">
        <v>8</v>
      </c>
      <c r="DT9" s="72">
        <v>9</v>
      </c>
      <c r="DU9" s="73">
        <v>17</v>
      </c>
      <c r="DV9" s="271"/>
      <c r="DW9" s="72">
        <v>3</v>
      </c>
      <c r="DX9" s="72">
        <v>7</v>
      </c>
      <c r="DY9" s="72">
        <v>3</v>
      </c>
      <c r="DZ9" s="72">
        <v>2</v>
      </c>
      <c r="EA9" s="72">
        <v>1</v>
      </c>
      <c r="EB9" s="73">
        <v>16</v>
      </c>
      <c r="EC9" s="74">
        <v>33</v>
      </c>
      <c r="ED9" s="71">
        <v>19</v>
      </c>
      <c r="EE9" s="72">
        <v>6</v>
      </c>
      <c r="EF9" s="73">
        <v>25</v>
      </c>
      <c r="EG9" s="271"/>
      <c r="EH9" s="72">
        <v>7</v>
      </c>
      <c r="EI9" s="72">
        <v>8</v>
      </c>
      <c r="EJ9" s="72">
        <v>3</v>
      </c>
      <c r="EK9" s="72">
        <v>4</v>
      </c>
      <c r="EL9" s="72">
        <v>3</v>
      </c>
      <c r="EM9" s="73">
        <v>25</v>
      </c>
      <c r="EN9" s="74">
        <v>50</v>
      </c>
      <c r="EO9" s="71">
        <v>31</v>
      </c>
      <c r="EP9" s="72">
        <v>25</v>
      </c>
      <c r="EQ9" s="73">
        <v>56</v>
      </c>
      <c r="ER9" s="271"/>
      <c r="ES9" s="72">
        <v>21</v>
      </c>
      <c r="ET9" s="72">
        <v>14</v>
      </c>
      <c r="EU9" s="72">
        <v>15</v>
      </c>
      <c r="EV9" s="72">
        <v>8</v>
      </c>
      <c r="EW9" s="72">
        <v>8</v>
      </c>
      <c r="EX9" s="73">
        <v>66</v>
      </c>
      <c r="EY9" s="74">
        <v>122</v>
      </c>
      <c r="EZ9" s="71">
        <v>37</v>
      </c>
      <c r="FA9" s="72">
        <v>32</v>
      </c>
      <c r="FB9" s="73">
        <v>69</v>
      </c>
      <c r="FC9" s="271"/>
      <c r="FD9" s="72">
        <v>42</v>
      </c>
      <c r="FE9" s="72">
        <v>32</v>
      </c>
      <c r="FF9" s="72">
        <v>20</v>
      </c>
      <c r="FG9" s="72">
        <v>25</v>
      </c>
      <c r="FH9" s="72">
        <v>20</v>
      </c>
      <c r="FI9" s="73">
        <v>139</v>
      </c>
      <c r="FJ9" s="74">
        <v>208</v>
      </c>
      <c r="FK9" s="71">
        <v>19</v>
      </c>
      <c r="FL9" s="72">
        <v>16</v>
      </c>
      <c r="FM9" s="73">
        <v>35</v>
      </c>
      <c r="FN9" s="271"/>
      <c r="FO9" s="72">
        <v>37</v>
      </c>
      <c r="FP9" s="72">
        <v>38</v>
      </c>
      <c r="FQ9" s="72">
        <v>34</v>
      </c>
      <c r="FR9" s="72">
        <v>35</v>
      </c>
      <c r="FS9" s="72">
        <v>33</v>
      </c>
      <c r="FT9" s="73">
        <v>177</v>
      </c>
      <c r="FU9" s="74">
        <v>212</v>
      </c>
      <c r="FV9" s="71">
        <v>0</v>
      </c>
      <c r="FW9" s="72">
        <v>0</v>
      </c>
      <c r="FX9" s="73">
        <v>0</v>
      </c>
      <c r="FY9" s="271"/>
      <c r="FZ9" s="72">
        <v>0</v>
      </c>
      <c r="GA9" s="72">
        <v>0</v>
      </c>
      <c r="GB9" s="72">
        <v>0</v>
      </c>
      <c r="GC9" s="72">
        <v>0</v>
      </c>
      <c r="GD9" s="72">
        <v>0</v>
      </c>
      <c r="GE9" s="73">
        <v>0</v>
      </c>
      <c r="GF9" s="74">
        <v>0</v>
      </c>
      <c r="GG9" s="71">
        <v>114</v>
      </c>
      <c r="GH9" s="72">
        <v>89</v>
      </c>
      <c r="GI9" s="73">
        <v>203</v>
      </c>
      <c r="GJ9" s="271"/>
      <c r="GK9" s="72">
        <v>112</v>
      </c>
      <c r="GL9" s="72">
        <v>101</v>
      </c>
      <c r="GM9" s="72">
        <v>77</v>
      </c>
      <c r="GN9" s="72">
        <v>75</v>
      </c>
      <c r="GO9" s="72">
        <v>68</v>
      </c>
      <c r="GP9" s="73">
        <v>433</v>
      </c>
      <c r="GQ9" s="74">
        <v>636</v>
      </c>
      <c r="GR9" s="127">
        <v>648</v>
      </c>
      <c r="GS9" s="83">
        <v>479</v>
      </c>
      <c r="GT9" s="84">
        <v>1127</v>
      </c>
      <c r="GU9" s="271"/>
      <c r="GV9" s="83">
        <v>910</v>
      </c>
      <c r="GW9" s="83">
        <v>683</v>
      </c>
      <c r="GX9" s="83">
        <v>473</v>
      </c>
      <c r="GY9" s="83">
        <v>437</v>
      </c>
      <c r="GZ9" s="83">
        <v>293</v>
      </c>
      <c r="HA9" s="85">
        <v>2796</v>
      </c>
      <c r="HB9" s="86">
        <v>3923</v>
      </c>
      <c r="HC9" s="71">
        <v>10</v>
      </c>
      <c r="HD9" s="72">
        <v>8</v>
      </c>
      <c r="HE9" s="73">
        <v>18</v>
      </c>
      <c r="HF9" s="271"/>
      <c r="HG9" s="72">
        <v>16</v>
      </c>
      <c r="HH9" s="72">
        <v>18</v>
      </c>
      <c r="HI9" s="72">
        <v>10</v>
      </c>
      <c r="HJ9" s="72">
        <v>11</v>
      </c>
      <c r="HK9" s="72">
        <v>10</v>
      </c>
      <c r="HL9" s="73">
        <v>65</v>
      </c>
      <c r="HM9" s="74">
        <v>83</v>
      </c>
      <c r="HN9" s="71">
        <v>32</v>
      </c>
      <c r="HO9" s="72">
        <v>21</v>
      </c>
      <c r="HP9" s="73">
        <v>53</v>
      </c>
      <c r="HQ9" s="271"/>
      <c r="HR9" s="72">
        <v>46</v>
      </c>
      <c r="HS9" s="72">
        <v>32</v>
      </c>
      <c r="HT9" s="72">
        <v>22</v>
      </c>
      <c r="HU9" s="72">
        <v>30</v>
      </c>
      <c r="HV9" s="72">
        <v>19</v>
      </c>
      <c r="HW9" s="73">
        <v>149</v>
      </c>
      <c r="HX9" s="74">
        <v>202</v>
      </c>
      <c r="HY9" s="71">
        <v>52</v>
      </c>
      <c r="HZ9" s="72">
        <v>41</v>
      </c>
      <c r="IA9" s="73">
        <v>93</v>
      </c>
      <c r="IB9" s="271"/>
      <c r="IC9" s="72">
        <v>61</v>
      </c>
      <c r="ID9" s="72">
        <v>52</v>
      </c>
      <c r="IE9" s="72">
        <v>31</v>
      </c>
      <c r="IF9" s="72">
        <v>26</v>
      </c>
      <c r="IG9" s="72">
        <v>19</v>
      </c>
      <c r="IH9" s="73">
        <v>189</v>
      </c>
      <c r="II9" s="74">
        <v>282</v>
      </c>
      <c r="IJ9" s="71">
        <v>139</v>
      </c>
      <c r="IK9" s="72">
        <v>91</v>
      </c>
      <c r="IL9" s="73">
        <v>230</v>
      </c>
      <c r="IM9" s="271"/>
      <c r="IN9" s="72">
        <v>157</v>
      </c>
      <c r="IO9" s="72">
        <v>113</v>
      </c>
      <c r="IP9" s="72">
        <v>77</v>
      </c>
      <c r="IQ9" s="72">
        <v>58</v>
      </c>
      <c r="IR9" s="72">
        <v>51</v>
      </c>
      <c r="IS9" s="73">
        <v>456</v>
      </c>
      <c r="IT9" s="74">
        <v>686</v>
      </c>
      <c r="IU9" s="71">
        <v>233</v>
      </c>
      <c r="IV9" s="72">
        <v>173</v>
      </c>
      <c r="IW9" s="73">
        <v>406</v>
      </c>
      <c r="IX9" s="271"/>
      <c r="IY9" s="72">
        <v>312</v>
      </c>
      <c r="IZ9" s="72">
        <v>218</v>
      </c>
      <c r="JA9" s="72">
        <v>146</v>
      </c>
      <c r="JB9" s="72">
        <v>133</v>
      </c>
      <c r="JC9" s="72">
        <v>88</v>
      </c>
      <c r="JD9" s="73">
        <v>897</v>
      </c>
      <c r="JE9" s="74">
        <v>1303</v>
      </c>
      <c r="JF9" s="71">
        <v>182</v>
      </c>
      <c r="JG9" s="72">
        <v>145</v>
      </c>
      <c r="JH9" s="73">
        <v>327</v>
      </c>
      <c r="JI9" s="271"/>
      <c r="JJ9" s="72">
        <v>318</v>
      </c>
      <c r="JK9" s="72">
        <v>250</v>
      </c>
      <c r="JL9" s="72">
        <v>187</v>
      </c>
      <c r="JM9" s="72">
        <v>179</v>
      </c>
      <c r="JN9" s="72">
        <v>106</v>
      </c>
      <c r="JO9" s="73">
        <v>1040</v>
      </c>
      <c r="JP9" s="74">
        <v>1367</v>
      </c>
      <c r="JQ9" s="71">
        <v>0</v>
      </c>
      <c r="JR9" s="72">
        <v>0</v>
      </c>
      <c r="JS9" s="73">
        <v>0</v>
      </c>
      <c r="JT9" s="271"/>
      <c r="JU9" s="72">
        <v>0</v>
      </c>
      <c r="JV9" s="72">
        <v>0</v>
      </c>
      <c r="JW9" s="72">
        <v>0</v>
      </c>
      <c r="JX9" s="72">
        <v>0</v>
      </c>
      <c r="JY9" s="72">
        <v>0</v>
      </c>
      <c r="JZ9" s="73">
        <v>0</v>
      </c>
      <c r="KA9" s="74">
        <v>0</v>
      </c>
      <c r="KB9" s="71">
        <v>648</v>
      </c>
      <c r="KC9" s="72">
        <v>479</v>
      </c>
      <c r="KD9" s="73">
        <v>1127</v>
      </c>
      <c r="KE9" s="271"/>
      <c r="KF9" s="72">
        <v>910</v>
      </c>
      <c r="KG9" s="72">
        <v>683</v>
      </c>
      <c r="KH9" s="72">
        <v>473</v>
      </c>
      <c r="KI9" s="72">
        <v>437</v>
      </c>
      <c r="KJ9" s="72">
        <v>293</v>
      </c>
      <c r="KK9" s="73">
        <v>2796</v>
      </c>
      <c r="KL9" s="74">
        <v>3923</v>
      </c>
    </row>
    <row r="10" spans="1:298" ht="19.5" customHeight="1" x14ac:dyDescent="0.2">
      <c r="A10" s="130" t="s">
        <v>14</v>
      </c>
      <c r="B10" s="353">
        <v>302</v>
      </c>
      <c r="C10" s="83">
        <v>332</v>
      </c>
      <c r="D10" s="84">
        <v>634</v>
      </c>
      <c r="E10" s="271"/>
      <c r="F10" s="83">
        <v>431</v>
      </c>
      <c r="G10" s="83">
        <v>380</v>
      </c>
      <c r="H10" s="83">
        <v>266</v>
      </c>
      <c r="I10" s="83">
        <v>232</v>
      </c>
      <c r="J10" s="83">
        <v>130</v>
      </c>
      <c r="K10" s="85">
        <v>1439</v>
      </c>
      <c r="L10" s="86">
        <v>2073</v>
      </c>
      <c r="M10" s="71">
        <v>5</v>
      </c>
      <c r="N10" s="72">
        <v>4</v>
      </c>
      <c r="O10" s="73">
        <v>9</v>
      </c>
      <c r="P10" s="274"/>
      <c r="Q10" s="72">
        <v>5</v>
      </c>
      <c r="R10" s="72">
        <v>5</v>
      </c>
      <c r="S10" s="72">
        <v>7</v>
      </c>
      <c r="T10" s="72">
        <v>3</v>
      </c>
      <c r="U10" s="72">
        <v>3</v>
      </c>
      <c r="V10" s="73">
        <v>23</v>
      </c>
      <c r="W10" s="74">
        <v>32</v>
      </c>
      <c r="X10" s="71">
        <v>12</v>
      </c>
      <c r="Y10" s="72">
        <v>22</v>
      </c>
      <c r="Z10" s="73">
        <v>34</v>
      </c>
      <c r="AA10" s="271"/>
      <c r="AB10" s="72">
        <v>19</v>
      </c>
      <c r="AC10" s="72">
        <v>10</v>
      </c>
      <c r="AD10" s="72">
        <v>22</v>
      </c>
      <c r="AE10" s="72">
        <v>17</v>
      </c>
      <c r="AF10" s="72">
        <v>12</v>
      </c>
      <c r="AG10" s="73">
        <v>80</v>
      </c>
      <c r="AH10" s="74">
        <v>114</v>
      </c>
      <c r="AI10" s="71">
        <v>34</v>
      </c>
      <c r="AJ10" s="72">
        <v>31</v>
      </c>
      <c r="AK10" s="73">
        <v>65</v>
      </c>
      <c r="AL10" s="271"/>
      <c r="AM10" s="72">
        <v>49</v>
      </c>
      <c r="AN10" s="72">
        <v>45</v>
      </c>
      <c r="AO10" s="72">
        <v>20</v>
      </c>
      <c r="AP10" s="72">
        <v>20</v>
      </c>
      <c r="AQ10" s="72">
        <v>15</v>
      </c>
      <c r="AR10" s="73">
        <v>149</v>
      </c>
      <c r="AS10" s="74">
        <v>214</v>
      </c>
      <c r="AT10" s="71">
        <v>66</v>
      </c>
      <c r="AU10" s="72">
        <v>80</v>
      </c>
      <c r="AV10" s="73">
        <v>146</v>
      </c>
      <c r="AW10" s="271"/>
      <c r="AX10" s="72">
        <v>95</v>
      </c>
      <c r="AY10" s="72">
        <v>79</v>
      </c>
      <c r="AZ10" s="72">
        <v>59</v>
      </c>
      <c r="BA10" s="72">
        <v>45</v>
      </c>
      <c r="BB10" s="72">
        <v>15</v>
      </c>
      <c r="BC10" s="73">
        <v>293</v>
      </c>
      <c r="BD10" s="74">
        <v>439</v>
      </c>
      <c r="BE10" s="71">
        <v>99</v>
      </c>
      <c r="BF10" s="72">
        <v>94</v>
      </c>
      <c r="BG10" s="73">
        <v>193</v>
      </c>
      <c r="BH10" s="271"/>
      <c r="BI10" s="72">
        <v>128</v>
      </c>
      <c r="BJ10" s="72">
        <v>135</v>
      </c>
      <c r="BK10" s="72">
        <v>76</v>
      </c>
      <c r="BL10" s="72">
        <v>65</v>
      </c>
      <c r="BM10" s="72">
        <v>43</v>
      </c>
      <c r="BN10" s="73">
        <v>447</v>
      </c>
      <c r="BO10" s="74">
        <v>640</v>
      </c>
      <c r="BP10" s="71">
        <v>86</v>
      </c>
      <c r="BQ10" s="72">
        <v>101</v>
      </c>
      <c r="BR10" s="73">
        <v>187</v>
      </c>
      <c r="BS10" s="271"/>
      <c r="BT10" s="72">
        <v>135</v>
      </c>
      <c r="BU10" s="72">
        <v>106</v>
      </c>
      <c r="BV10" s="72">
        <v>82</v>
      </c>
      <c r="BW10" s="72">
        <v>82</v>
      </c>
      <c r="BX10" s="72">
        <v>42</v>
      </c>
      <c r="BY10" s="73">
        <v>447</v>
      </c>
      <c r="BZ10" s="74">
        <v>634</v>
      </c>
      <c r="CA10" s="71">
        <v>0</v>
      </c>
      <c r="CB10" s="72">
        <v>0</v>
      </c>
      <c r="CC10" s="73">
        <v>0</v>
      </c>
      <c r="CD10" s="271"/>
      <c r="CE10" s="72">
        <v>0</v>
      </c>
      <c r="CF10" s="72">
        <v>0</v>
      </c>
      <c r="CG10" s="72">
        <v>0</v>
      </c>
      <c r="CH10" s="72">
        <v>0</v>
      </c>
      <c r="CI10" s="72">
        <v>0</v>
      </c>
      <c r="CJ10" s="73">
        <v>0</v>
      </c>
      <c r="CK10" s="74">
        <v>0</v>
      </c>
      <c r="CL10" s="71">
        <v>302</v>
      </c>
      <c r="CM10" s="72">
        <v>332</v>
      </c>
      <c r="CN10" s="73">
        <v>634</v>
      </c>
      <c r="CO10" s="271"/>
      <c r="CP10" s="72">
        <v>431</v>
      </c>
      <c r="CQ10" s="72">
        <v>380</v>
      </c>
      <c r="CR10" s="72">
        <v>266</v>
      </c>
      <c r="CS10" s="72">
        <v>232</v>
      </c>
      <c r="CT10" s="72">
        <v>130</v>
      </c>
      <c r="CU10" s="73">
        <v>1439</v>
      </c>
      <c r="CV10" s="74">
        <v>2073</v>
      </c>
      <c r="CW10" s="127">
        <v>33</v>
      </c>
      <c r="CX10" s="83">
        <v>44</v>
      </c>
      <c r="CY10" s="84">
        <v>77</v>
      </c>
      <c r="CZ10" s="271"/>
      <c r="DA10" s="83">
        <v>45</v>
      </c>
      <c r="DB10" s="83">
        <v>46</v>
      </c>
      <c r="DC10" s="83">
        <v>29</v>
      </c>
      <c r="DD10" s="83">
        <v>31</v>
      </c>
      <c r="DE10" s="83">
        <v>14</v>
      </c>
      <c r="DF10" s="85">
        <v>165</v>
      </c>
      <c r="DG10" s="86">
        <v>242</v>
      </c>
      <c r="DH10" s="71">
        <v>0</v>
      </c>
      <c r="DI10" s="72">
        <v>2</v>
      </c>
      <c r="DJ10" s="73">
        <v>2</v>
      </c>
      <c r="DK10" s="271"/>
      <c r="DL10" s="72">
        <v>0</v>
      </c>
      <c r="DM10" s="72">
        <v>0</v>
      </c>
      <c r="DN10" s="72">
        <v>0</v>
      </c>
      <c r="DO10" s="72">
        <v>0</v>
      </c>
      <c r="DP10" s="72">
        <v>0</v>
      </c>
      <c r="DQ10" s="73">
        <v>0</v>
      </c>
      <c r="DR10" s="74">
        <v>2</v>
      </c>
      <c r="DS10" s="71">
        <v>4</v>
      </c>
      <c r="DT10" s="72">
        <v>4</v>
      </c>
      <c r="DU10" s="73">
        <v>8</v>
      </c>
      <c r="DV10" s="271"/>
      <c r="DW10" s="72">
        <v>1</v>
      </c>
      <c r="DX10" s="72">
        <v>1</v>
      </c>
      <c r="DY10" s="72">
        <v>3</v>
      </c>
      <c r="DZ10" s="72">
        <v>2</v>
      </c>
      <c r="EA10" s="72">
        <v>2</v>
      </c>
      <c r="EB10" s="73">
        <v>9</v>
      </c>
      <c r="EC10" s="74">
        <v>17</v>
      </c>
      <c r="ED10" s="71">
        <v>4</v>
      </c>
      <c r="EE10" s="72">
        <v>4</v>
      </c>
      <c r="EF10" s="73">
        <v>8</v>
      </c>
      <c r="EG10" s="271"/>
      <c r="EH10" s="72">
        <v>8</v>
      </c>
      <c r="EI10" s="72">
        <v>3</v>
      </c>
      <c r="EJ10" s="72">
        <v>1</v>
      </c>
      <c r="EK10" s="72">
        <v>4</v>
      </c>
      <c r="EL10" s="72">
        <v>0</v>
      </c>
      <c r="EM10" s="73">
        <v>16</v>
      </c>
      <c r="EN10" s="74">
        <v>24</v>
      </c>
      <c r="EO10" s="71">
        <v>9</v>
      </c>
      <c r="EP10" s="72">
        <v>12</v>
      </c>
      <c r="EQ10" s="73">
        <v>21</v>
      </c>
      <c r="ER10" s="271"/>
      <c r="ES10" s="72">
        <v>7</v>
      </c>
      <c r="ET10" s="72">
        <v>13</v>
      </c>
      <c r="EU10" s="72">
        <v>8</v>
      </c>
      <c r="EV10" s="72">
        <v>4</v>
      </c>
      <c r="EW10" s="72">
        <v>1</v>
      </c>
      <c r="EX10" s="73">
        <v>33</v>
      </c>
      <c r="EY10" s="74">
        <v>54</v>
      </c>
      <c r="EZ10" s="71">
        <v>10</v>
      </c>
      <c r="FA10" s="72">
        <v>12</v>
      </c>
      <c r="FB10" s="73">
        <v>22</v>
      </c>
      <c r="FC10" s="271"/>
      <c r="FD10" s="72">
        <v>14</v>
      </c>
      <c r="FE10" s="72">
        <v>10</v>
      </c>
      <c r="FF10" s="72">
        <v>6</v>
      </c>
      <c r="FG10" s="72">
        <v>6</v>
      </c>
      <c r="FH10" s="72">
        <v>2</v>
      </c>
      <c r="FI10" s="73">
        <v>38</v>
      </c>
      <c r="FJ10" s="74">
        <v>60</v>
      </c>
      <c r="FK10" s="71">
        <v>6</v>
      </c>
      <c r="FL10" s="72">
        <v>10</v>
      </c>
      <c r="FM10" s="73">
        <v>16</v>
      </c>
      <c r="FN10" s="271"/>
      <c r="FO10" s="72">
        <v>15</v>
      </c>
      <c r="FP10" s="72">
        <v>19</v>
      </c>
      <c r="FQ10" s="72">
        <v>11</v>
      </c>
      <c r="FR10" s="72">
        <v>15</v>
      </c>
      <c r="FS10" s="72">
        <v>9</v>
      </c>
      <c r="FT10" s="73">
        <v>69</v>
      </c>
      <c r="FU10" s="74">
        <v>85</v>
      </c>
      <c r="FV10" s="71">
        <v>0</v>
      </c>
      <c r="FW10" s="72">
        <v>0</v>
      </c>
      <c r="FX10" s="73">
        <v>0</v>
      </c>
      <c r="FY10" s="271"/>
      <c r="FZ10" s="72">
        <v>0</v>
      </c>
      <c r="GA10" s="72">
        <v>0</v>
      </c>
      <c r="GB10" s="72">
        <v>0</v>
      </c>
      <c r="GC10" s="72">
        <v>0</v>
      </c>
      <c r="GD10" s="72">
        <v>0</v>
      </c>
      <c r="GE10" s="73">
        <v>0</v>
      </c>
      <c r="GF10" s="74">
        <v>0</v>
      </c>
      <c r="GG10" s="71">
        <v>33</v>
      </c>
      <c r="GH10" s="72">
        <v>44</v>
      </c>
      <c r="GI10" s="73">
        <v>77</v>
      </c>
      <c r="GJ10" s="271"/>
      <c r="GK10" s="72">
        <v>45</v>
      </c>
      <c r="GL10" s="72">
        <v>46</v>
      </c>
      <c r="GM10" s="72">
        <v>29</v>
      </c>
      <c r="GN10" s="72">
        <v>31</v>
      </c>
      <c r="GO10" s="72">
        <v>14</v>
      </c>
      <c r="GP10" s="73">
        <v>165</v>
      </c>
      <c r="GQ10" s="74">
        <v>242</v>
      </c>
      <c r="GR10" s="127">
        <v>335</v>
      </c>
      <c r="GS10" s="83">
        <v>376</v>
      </c>
      <c r="GT10" s="84">
        <v>711</v>
      </c>
      <c r="GU10" s="271"/>
      <c r="GV10" s="83">
        <v>476</v>
      </c>
      <c r="GW10" s="83">
        <v>426</v>
      </c>
      <c r="GX10" s="83">
        <v>295</v>
      </c>
      <c r="GY10" s="83">
        <v>263</v>
      </c>
      <c r="GZ10" s="83">
        <v>144</v>
      </c>
      <c r="HA10" s="85">
        <v>1604</v>
      </c>
      <c r="HB10" s="86">
        <v>2315</v>
      </c>
      <c r="HC10" s="71">
        <v>5</v>
      </c>
      <c r="HD10" s="72">
        <v>6</v>
      </c>
      <c r="HE10" s="73">
        <v>11</v>
      </c>
      <c r="HF10" s="271"/>
      <c r="HG10" s="72">
        <v>5</v>
      </c>
      <c r="HH10" s="72">
        <v>5</v>
      </c>
      <c r="HI10" s="72">
        <v>7</v>
      </c>
      <c r="HJ10" s="72">
        <v>3</v>
      </c>
      <c r="HK10" s="72">
        <v>3</v>
      </c>
      <c r="HL10" s="73">
        <v>23</v>
      </c>
      <c r="HM10" s="74">
        <v>34</v>
      </c>
      <c r="HN10" s="71">
        <v>16</v>
      </c>
      <c r="HO10" s="72">
        <v>26</v>
      </c>
      <c r="HP10" s="73">
        <v>42</v>
      </c>
      <c r="HQ10" s="271"/>
      <c r="HR10" s="72">
        <v>20</v>
      </c>
      <c r="HS10" s="72">
        <v>11</v>
      </c>
      <c r="HT10" s="72">
        <v>25</v>
      </c>
      <c r="HU10" s="72">
        <v>19</v>
      </c>
      <c r="HV10" s="72">
        <v>14</v>
      </c>
      <c r="HW10" s="73">
        <v>89</v>
      </c>
      <c r="HX10" s="74">
        <v>131</v>
      </c>
      <c r="HY10" s="71">
        <v>38</v>
      </c>
      <c r="HZ10" s="72">
        <v>35</v>
      </c>
      <c r="IA10" s="73">
        <v>73</v>
      </c>
      <c r="IB10" s="271"/>
      <c r="IC10" s="72">
        <v>57</v>
      </c>
      <c r="ID10" s="72">
        <v>48</v>
      </c>
      <c r="IE10" s="72">
        <v>21</v>
      </c>
      <c r="IF10" s="72">
        <v>24</v>
      </c>
      <c r="IG10" s="72">
        <v>15</v>
      </c>
      <c r="IH10" s="73">
        <v>165</v>
      </c>
      <c r="II10" s="74">
        <v>238</v>
      </c>
      <c r="IJ10" s="71">
        <v>75</v>
      </c>
      <c r="IK10" s="72">
        <v>92</v>
      </c>
      <c r="IL10" s="73">
        <v>167</v>
      </c>
      <c r="IM10" s="271"/>
      <c r="IN10" s="72">
        <v>102</v>
      </c>
      <c r="IO10" s="72">
        <v>92</v>
      </c>
      <c r="IP10" s="72">
        <v>67</v>
      </c>
      <c r="IQ10" s="72">
        <v>49</v>
      </c>
      <c r="IR10" s="72">
        <v>16</v>
      </c>
      <c r="IS10" s="73">
        <v>326</v>
      </c>
      <c r="IT10" s="74">
        <v>493</v>
      </c>
      <c r="IU10" s="71">
        <v>109</v>
      </c>
      <c r="IV10" s="72">
        <v>106</v>
      </c>
      <c r="IW10" s="73">
        <v>215</v>
      </c>
      <c r="IX10" s="271"/>
      <c r="IY10" s="72">
        <v>142</v>
      </c>
      <c r="IZ10" s="72">
        <v>145</v>
      </c>
      <c r="JA10" s="72">
        <v>82</v>
      </c>
      <c r="JB10" s="72">
        <v>71</v>
      </c>
      <c r="JC10" s="72">
        <v>45</v>
      </c>
      <c r="JD10" s="73">
        <v>485</v>
      </c>
      <c r="JE10" s="74">
        <v>700</v>
      </c>
      <c r="JF10" s="71">
        <v>92</v>
      </c>
      <c r="JG10" s="72">
        <v>111</v>
      </c>
      <c r="JH10" s="73">
        <v>203</v>
      </c>
      <c r="JI10" s="271"/>
      <c r="JJ10" s="72">
        <v>150</v>
      </c>
      <c r="JK10" s="72">
        <v>125</v>
      </c>
      <c r="JL10" s="72">
        <v>93</v>
      </c>
      <c r="JM10" s="72">
        <v>97</v>
      </c>
      <c r="JN10" s="72">
        <v>51</v>
      </c>
      <c r="JO10" s="73">
        <v>516</v>
      </c>
      <c r="JP10" s="74">
        <v>719</v>
      </c>
      <c r="JQ10" s="71">
        <v>0</v>
      </c>
      <c r="JR10" s="72">
        <v>0</v>
      </c>
      <c r="JS10" s="73">
        <v>0</v>
      </c>
      <c r="JT10" s="271"/>
      <c r="JU10" s="72">
        <v>0</v>
      </c>
      <c r="JV10" s="72">
        <v>0</v>
      </c>
      <c r="JW10" s="72">
        <v>0</v>
      </c>
      <c r="JX10" s="72">
        <v>0</v>
      </c>
      <c r="JY10" s="72">
        <v>0</v>
      </c>
      <c r="JZ10" s="73">
        <v>0</v>
      </c>
      <c r="KA10" s="74">
        <v>0</v>
      </c>
      <c r="KB10" s="71">
        <v>335</v>
      </c>
      <c r="KC10" s="72">
        <v>376</v>
      </c>
      <c r="KD10" s="73">
        <v>711</v>
      </c>
      <c r="KE10" s="271"/>
      <c r="KF10" s="72">
        <v>476</v>
      </c>
      <c r="KG10" s="72">
        <v>426</v>
      </c>
      <c r="KH10" s="72">
        <v>295</v>
      </c>
      <c r="KI10" s="72">
        <v>263</v>
      </c>
      <c r="KJ10" s="72">
        <v>144</v>
      </c>
      <c r="KK10" s="73">
        <v>1604</v>
      </c>
      <c r="KL10" s="74">
        <v>2315</v>
      </c>
    </row>
    <row r="11" spans="1:298" ht="19.5" customHeight="1" x14ac:dyDescent="0.2">
      <c r="A11" s="130" t="s">
        <v>7</v>
      </c>
      <c r="B11" s="353">
        <v>242</v>
      </c>
      <c r="C11" s="83">
        <v>173</v>
      </c>
      <c r="D11" s="84">
        <v>415</v>
      </c>
      <c r="E11" s="271"/>
      <c r="F11" s="83">
        <v>534</v>
      </c>
      <c r="G11" s="83">
        <v>355</v>
      </c>
      <c r="H11" s="83">
        <v>229</v>
      </c>
      <c r="I11" s="83">
        <v>185</v>
      </c>
      <c r="J11" s="83">
        <v>91</v>
      </c>
      <c r="K11" s="85">
        <v>1394</v>
      </c>
      <c r="L11" s="86">
        <v>1809</v>
      </c>
      <c r="M11" s="71">
        <v>2</v>
      </c>
      <c r="N11" s="72">
        <v>3</v>
      </c>
      <c r="O11" s="73">
        <v>5</v>
      </c>
      <c r="P11" s="274"/>
      <c r="Q11" s="72">
        <v>4</v>
      </c>
      <c r="R11" s="72">
        <v>11</v>
      </c>
      <c r="S11" s="72">
        <v>6</v>
      </c>
      <c r="T11" s="72">
        <v>1</v>
      </c>
      <c r="U11" s="72">
        <v>3</v>
      </c>
      <c r="V11" s="73">
        <v>25</v>
      </c>
      <c r="W11" s="74">
        <v>30</v>
      </c>
      <c r="X11" s="71">
        <v>15</v>
      </c>
      <c r="Y11" s="72">
        <v>5</v>
      </c>
      <c r="Z11" s="73">
        <v>20</v>
      </c>
      <c r="AA11" s="271"/>
      <c r="AB11" s="72">
        <v>18</v>
      </c>
      <c r="AC11" s="72">
        <v>10</v>
      </c>
      <c r="AD11" s="72">
        <v>9</v>
      </c>
      <c r="AE11" s="72">
        <v>7</v>
      </c>
      <c r="AF11" s="72">
        <v>4</v>
      </c>
      <c r="AG11" s="73">
        <v>48</v>
      </c>
      <c r="AH11" s="74">
        <v>68</v>
      </c>
      <c r="AI11" s="71">
        <v>19</v>
      </c>
      <c r="AJ11" s="72">
        <v>19</v>
      </c>
      <c r="AK11" s="73">
        <v>38</v>
      </c>
      <c r="AL11" s="271"/>
      <c r="AM11" s="72">
        <v>57</v>
      </c>
      <c r="AN11" s="72">
        <v>33</v>
      </c>
      <c r="AO11" s="72">
        <v>21</v>
      </c>
      <c r="AP11" s="72">
        <v>17</v>
      </c>
      <c r="AQ11" s="72">
        <v>10</v>
      </c>
      <c r="AR11" s="73">
        <v>138</v>
      </c>
      <c r="AS11" s="74">
        <v>176</v>
      </c>
      <c r="AT11" s="71">
        <v>51</v>
      </c>
      <c r="AU11" s="72">
        <v>38</v>
      </c>
      <c r="AV11" s="73">
        <v>89</v>
      </c>
      <c r="AW11" s="271"/>
      <c r="AX11" s="72">
        <v>97</v>
      </c>
      <c r="AY11" s="72">
        <v>70</v>
      </c>
      <c r="AZ11" s="72">
        <v>36</v>
      </c>
      <c r="BA11" s="72">
        <v>30</v>
      </c>
      <c r="BB11" s="72">
        <v>24</v>
      </c>
      <c r="BC11" s="73">
        <v>257</v>
      </c>
      <c r="BD11" s="74">
        <v>346</v>
      </c>
      <c r="BE11" s="71">
        <v>87</v>
      </c>
      <c r="BF11" s="72">
        <v>54</v>
      </c>
      <c r="BG11" s="73">
        <v>141</v>
      </c>
      <c r="BH11" s="271"/>
      <c r="BI11" s="72">
        <v>172</v>
      </c>
      <c r="BJ11" s="72">
        <v>108</v>
      </c>
      <c r="BK11" s="72">
        <v>89</v>
      </c>
      <c r="BL11" s="72">
        <v>61</v>
      </c>
      <c r="BM11" s="72">
        <v>30</v>
      </c>
      <c r="BN11" s="73">
        <v>460</v>
      </c>
      <c r="BO11" s="74">
        <v>601</v>
      </c>
      <c r="BP11" s="71">
        <v>68</v>
      </c>
      <c r="BQ11" s="72">
        <v>54</v>
      </c>
      <c r="BR11" s="73">
        <v>122</v>
      </c>
      <c r="BS11" s="271"/>
      <c r="BT11" s="72">
        <v>186</v>
      </c>
      <c r="BU11" s="72">
        <v>123</v>
      </c>
      <c r="BV11" s="72">
        <v>68</v>
      </c>
      <c r="BW11" s="72">
        <v>69</v>
      </c>
      <c r="BX11" s="72">
        <v>20</v>
      </c>
      <c r="BY11" s="73">
        <v>466</v>
      </c>
      <c r="BZ11" s="74">
        <v>588</v>
      </c>
      <c r="CA11" s="71">
        <v>0</v>
      </c>
      <c r="CB11" s="72">
        <v>0</v>
      </c>
      <c r="CC11" s="73">
        <v>0</v>
      </c>
      <c r="CD11" s="271"/>
      <c r="CE11" s="72">
        <v>0</v>
      </c>
      <c r="CF11" s="72">
        <v>0</v>
      </c>
      <c r="CG11" s="72">
        <v>0</v>
      </c>
      <c r="CH11" s="72">
        <v>0</v>
      </c>
      <c r="CI11" s="72">
        <v>0</v>
      </c>
      <c r="CJ11" s="73">
        <v>0</v>
      </c>
      <c r="CK11" s="74">
        <v>0</v>
      </c>
      <c r="CL11" s="71">
        <v>242</v>
      </c>
      <c r="CM11" s="72">
        <v>173</v>
      </c>
      <c r="CN11" s="73">
        <v>415</v>
      </c>
      <c r="CO11" s="271"/>
      <c r="CP11" s="72">
        <v>534</v>
      </c>
      <c r="CQ11" s="72">
        <v>355</v>
      </c>
      <c r="CR11" s="72">
        <v>229</v>
      </c>
      <c r="CS11" s="72">
        <v>185</v>
      </c>
      <c r="CT11" s="72">
        <v>91</v>
      </c>
      <c r="CU11" s="73">
        <v>1394</v>
      </c>
      <c r="CV11" s="74">
        <v>1809</v>
      </c>
      <c r="CW11" s="127">
        <v>29</v>
      </c>
      <c r="CX11" s="83">
        <v>29</v>
      </c>
      <c r="CY11" s="84">
        <v>58</v>
      </c>
      <c r="CZ11" s="271"/>
      <c r="DA11" s="83">
        <v>61</v>
      </c>
      <c r="DB11" s="83">
        <v>45</v>
      </c>
      <c r="DC11" s="83">
        <v>32</v>
      </c>
      <c r="DD11" s="83">
        <v>23</v>
      </c>
      <c r="DE11" s="83">
        <v>18</v>
      </c>
      <c r="DF11" s="85">
        <v>179</v>
      </c>
      <c r="DG11" s="86">
        <v>237</v>
      </c>
      <c r="DH11" s="71">
        <v>0</v>
      </c>
      <c r="DI11" s="72">
        <v>1</v>
      </c>
      <c r="DJ11" s="73">
        <v>1</v>
      </c>
      <c r="DK11" s="271"/>
      <c r="DL11" s="72">
        <v>2</v>
      </c>
      <c r="DM11" s="72">
        <v>0</v>
      </c>
      <c r="DN11" s="72">
        <v>1</v>
      </c>
      <c r="DO11" s="72">
        <v>0</v>
      </c>
      <c r="DP11" s="72">
        <v>0</v>
      </c>
      <c r="DQ11" s="73">
        <v>3</v>
      </c>
      <c r="DR11" s="74">
        <v>4</v>
      </c>
      <c r="DS11" s="71">
        <v>6</v>
      </c>
      <c r="DT11" s="72">
        <v>1</v>
      </c>
      <c r="DU11" s="73">
        <v>7</v>
      </c>
      <c r="DV11" s="271"/>
      <c r="DW11" s="72">
        <v>2</v>
      </c>
      <c r="DX11" s="72">
        <v>5</v>
      </c>
      <c r="DY11" s="72">
        <v>0</v>
      </c>
      <c r="DZ11" s="72">
        <v>3</v>
      </c>
      <c r="EA11" s="72">
        <v>2</v>
      </c>
      <c r="EB11" s="73">
        <v>12</v>
      </c>
      <c r="EC11" s="74">
        <v>19</v>
      </c>
      <c r="ED11" s="71">
        <v>2</v>
      </c>
      <c r="EE11" s="72">
        <v>3</v>
      </c>
      <c r="EF11" s="73">
        <v>5</v>
      </c>
      <c r="EG11" s="271"/>
      <c r="EH11" s="72">
        <v>2</v>
      </c>
      <c r="EI11" s="72">
        <v>4</v>
      </c>
      <c r="EJ11" s="72">
        <v>4</v>
      </c>
      <c r="EK11" s="72">
        <v>1</v>
      </c>
      <c r="EL11" s="72">
        <v>3</v>
      </c>
      <c r="EM11" s="73">
        <v>14</v>
      </c>
      <c r="EN11" s="74">
        <v>19</v>
      </c>
      <c r="EO11" s="71">
        <v>6</v>
      </c>
      <c r="EP11" s="72">
        <v>8</v>
      </c>
      <c r="EQ11" s="73">
        <v>14</v>
      </c>
      <c r="ER11" s="271"/>
      <c r="ES11" s="72">
        <v>12</v>
      </c>
      <c r="ET11" s="72">
        <v>4</v>
      </c>
      <c r="EU11" s="72">
        <v>5</v>
      </c>
      <c r="EV11" s="72">
        <v>2</v>
      </c>
      <c r="EW11" s="72">
        <v>0</v>
      </c>
      <c r="EX11" s="73">
        <v>23</v>
      </c>
      <c r="EY11" s="74">
        <v>37</v>
      </c>
      <c r="EZ11" s="71">
        <v>9</v>
      </c>
      <c r="FA11" s="72">
        <v>8</v>
      </c>
      <c r="FB11" s="73">
        <v>17</v>
      </c>
      <c r="FC11" s="271"/>
      <c r="FD11" s="72">
        <v>16</v>
      </c>
      <c r="FE11" s="72">
        <v>10</v>
      </c>
      <c r="FF11" s="72">
        <v>8</v>
      </c>
      <c r="FG11" s="72">
        <v>6</v>
      </c>
      <c r="FH11" s="72">
        <v>5</v>
      </c>
      <c r="FI11" s="73">
        <v>45</v>
      </c>
      <c r="FJ11" s="74">
        <v>62</v>
      </c>
      <c r="FK11" s="71">
        <v>6</v>
      </c>
      <c r="FL11" s="72">
        <v>8</v>
      </c>
      <c r="FM11" s="73">
        <v>14</v>
      </c>
      <c r="FN11" s="271"/>
      <c r="FO11" s="72">
        <v>27</v>
      </c>
      <c r="FP11" s="72">
        <v>22</v>
      </c>
      <c r="FQ11" s="72">
        <v>14</v>
      </c>
      <c r="FR11" s="72">
        <v>11</v>
      </c>
      <c r="FS11" s="72">
        <v>8</v>
      </c>
      <c r="FT11" s="73">
        <v>82</v>
      </c>
      <c r="FU11" s="74">
        <v>96</v>
      </c>
      <c r="FV11" s="71">
        <v>0</v>
      </c>
      <c r="FW11" s="72">
        <v>0</v>
      </c>
      <c r="FX11" s="73">
        <v>0</v>
      </c>
      <c r="FY11" s="271"/>
      <c r="FZ11" s="72">
        <v>0</v>
      </c>
      <c r="GA11" s="72">
        <v>0</v>
      </c>
      <c r="GB11" s="72">
        <v>0</v>
      </c>
      <c r="GC11" s="72">
        <v>0</v>
      </c>
      <c r="GD11" s="72">
        <v>0</v>
      </c>
      <c r="GE11" s="73">
        <v>0</v>
      </c>
      <c r="GF11" s="74">
        <v>0</v>
      </c>
      <c r="GG11" s="71">
        <v>29</v>
      </c>
      <c r="GH11" s="72">
        <v>29</v>
      </c>
      <c r="GI11" s="73">
        <v>58</v>
      </c>
      <c r="GJ11" s="271"/>
      <c r="GK11" s="72">
        <v>61</v>
      </c>
      <c r="GL11" s="72">
        <v>45</v>
      </c>
      <c r="GM11" s="72">
        <v>32</v>
      </c>
      <c r="GN11" s="72">
        <v>23</v>
      </c>
      <c r="GO11" s="72">
        <v>18</v>
      </c>
      <c r="GP11" s="73">
        <v>179</v>
      </c>
      <c r="GQ11" s="74">
        <v>237</v>
      </c>
      <c r="GR11" s="127">
        <v>271</v>
      </c>
      <c r="GS11" s="83">
        <v>202</v>
      </c>
      <c r="GT11" s="84">
        <v>473</v>
      </c>
      <c r="GU11" s="271"/>
      <c r="GV11" s="83">
        <v>595</v>
      </c>
      <c r="GW11" s="83">
        <v>400</v>
      </c>
      <c r="GX11" s="83">
        <v>261</v>
      </c>
      <c r="GY11" s="83">
        <v>208</v>
      </c>
      <c r="GZ11" s="83">
        <v>109</v>
      </c>
      <c r="HA11" s="85">
        <v>1573</v>
      </c>
      <c r="HB11" s="86">
        <v>2046</v>
      </c>
      <c r="HC11" s="71">
        <v>2</v>
      </c>
      <c r="HD11" s="72">
        <v>4</v>
      </c>
      <c r="HE11" s="73">
        <v>6</v>
      </c>
      <c r="HF11" s="271"/>
      <c r="HG11" s="72">
        <v>6</v>
      </c>
      <c r="HH11" s="72">
        <v>11</v>
      </c>
      <c r="HI11" s="72">
        <v>7</v>
      </c>
      <c r="HJ11" s="72">
        <v>1</v>
      </c>
      <c r="HK11" s="72">
        <v>3</v>
      </c>
      <c r="HL11" s="73">
        <v>28</v>
      </c>
      <c r="HM11" s="74">
        <v>34</v>
      </c>
      <c r="HN11" s="71">
        <v>21</v>
      </c>
      <c r="HO11" s="72">
        <v>6</v>
      </c>
      <c r="HP11" s="73">
        <v>27</v>
      </c>
      <c r="HQ11" s="271"/>
      <c r="HR11" s="72">
        <v>20</v>
      </c>
      <c r="HS11" s="72">
        <v>15</v>
      </c>
      <c r="HT11" s="72">
        <v>9</v>
      </c>
      <c r="HU11" s="72">
        <v>10</v>
      </c>
      <c r="HV11" s="72">
        <v>6</v>
      </c>
      <c r="HW11" s="73">
        <v>60</v>
      </c>
      <c r="HX11" s="74">
        <v>87</v>
      </c>
      <c r="HY11" s="71">
        <v>21</v>
      </c>
      <c r="HZ11" s="72">
        <v>22</v>
      </c>
      <c r="IA11" s="73">
        <v>43</v>
      </c>
      <c r="IB11" s="271"/>
      <c r="IC11" s="72">
        <v>59</v>
      </c>
      <c r="ID11" s="72">
        <v>37</v>
      </c>
      <c r="IE11" s="72">
        <v>25</v>
      </c>
      <c r="IF11" s="72">
        <v>18</v>
      </c>
      <c r="IG11" s="72">
        <v>13</v>
      </c>
      <c r="IH11" s="73">
        <v>152</v>
      </c>
      <c r="II11" s="74">
        <v>195</v>
      </c>
      <c r="IJ11" s="71">
        <v>57</v>
      </c>
      <c r="IK11" s="72">
        <v>46</v>
      </c>
      <c r="IL11" s="73">
        <v>103</v>
      </c>
      <c r="IM11" s="271"/>
      <c r="IN11" s="72">
        <v>109</v>
      </c>
      <c r="IO11" s="72">
        <v>74</v>
      </c>
      <c r="IP11" s="72">
        <v>41</v>
      </c>
      <c r="IQ11" s="72">
        <v>32</v>
      </c>
      <c r="IR11" s="72">
        <v>24</v>
      </c>
      <c r="IS11" s="73">
        <v>280</v>
      </c>
      <c r="IT11" s="74">
        <v>383</v>
      </c>
      <c r="IU11" s="71">
        <v>96</v>
      </c>
      <c r="IV11" s="72">
        <v>62</v>
      </c>
      <c r="IW11" s="73">
        <v>158</v>
      </c>
      <c r="IX11" s="271"/>
      <c r="IY11" s="72">
        <v>188</v>
      </c>
      <c r="IZ11" s="72">
        <v>118</v>
      </c>
      <c r="JA11" s="72">
        <v>97</v>
      </c>
      <c r="JB11" s="72">
        <v>67</v>
      </c>
      <c r="JC11" s="72">
        <v>35</v>
      </c>
      <c r="JD11" s="73">
        <v>505</v>
      </c>
      <c r="JE11" s="74">
        <v>663</v>
      </c>
      <c r="JF11" s="71">
        <v>74</v>
      </c>
      <c r="JG11" s="72">
        <v>62</v>
      </c>
      <c r="JH11" s="73">
        <v>136</v>
      </c>
      <c r="JI11" s="271"/>
      <c r="JJ11" s="72">
        <v>213</v>
      </c>
      <c r="JK11" s="72">
        <v>145</v>
      </c>
      <c r="JL11" s="72">
        <v>82</v>
      </c>
      <c r="JM11" s="72">
        <v>80</v>
      </c>
      <c r="JN11" s="72">
        <v>28</v>
      </c>
      <c r="JO11" s="73">
        <v>548</v>
      </c>
      <c r="JP11" s="74">
        <v>684</v>
      </c>
      <c r="JQ11" s="71">
        <v>0</v>
      </c>
      <c r="JR11" s="72">
        <v>0</v>
      </c>
      <c r="JS11" s="73">
        <v>0</v>
      </c>
      <c r="JT11" s="271"/>
      <c r="JU11" s="72">
        <v>0</v>
      </c>
      <c r="JV11" s="72">
        <v>0</v>
      </c>
      <c r="JW11" s="72">
        <v>0</v>
      </c>
      <c r="JX11" s="72">
        <v>0</v>
      </c>
      <c r="JY11" s="72">
        <v>0</v>
      </c>
      <c r="JZ11" s="73">
        <v>0</v>
      </c>
      <c r="KA11" s="74">
        <v>0</v>
      </c>
      <c r="KB11" s="71">
        <v>271</v>
      </c>
      <c r="KC11" s="72">
        <v>202</v>
      </c>
      <c r="KD11" s="73">
        <v>473</v>
      </c>
      <c r="KE11" s="271"/>
      <c r="KF11" s="72">
        <v>595</v>
      </c>
      <c r="KG11" s="72">
        <v>400</v>
      </c>
      <c r="KH11" s="72">
        <v>261</v>
      </c>
      <c r="KI11" s="72">
        <v>208</v>
      </c>
      <c r="KJ11" s="72">
        <v>109</v>
      </c>
      <c r="KK11" s="73">
        <v>1573</v>
      </c>
      <c r="KL11" s="74">
        <v>2046</v>
      </c>
    </row>
    <row r="12" spans="1:298" ht="19.5" customHeight="1" x14ac:dyDescent="0.2">
      <c r="A12" s="130" t="s">
        <v>8</v>
      </c>
      <c r="B12" s="353">
        <v>104</v>
      </c>
      <c r="C12" s="83">
        <v>59</v>
      </c>
      <c r="D12" s="84">
        <v>163</v>
      </c>
      <c r="E12" s="271"/>
      <c r="F12" s="83">
        <v>154</v>
      </c>
      <c r="G12" s="83">
        <v>127</v>
      </c>
      <c r="H12" s="83">
        <v>85</v>
      </c>
      <c r="I12" s="83">
        <v>59</v>
      </c>
      <c r="J12" s="83">
        <v>31</v>
      </c>
      <c r="K12" s="85">
        <v>456</v>
      </c>
      <c r="L12" s="86">
        <v>619</v>
      </c>
      <c r="M12" s="71">
        <v>2</v>
      </c>
      <c r="N12" s="72">
        <v>3</v>
      </c>
      <c r="O12" s="73">
        <v>5</v>
      </c>
      <c r="P12" s="274"/>
      <c r="Q12" s="72">
        <v>1</v>
      </c>
      <c r="R12" s="72">
        <v>1</v>
      </c>
      <c r="S12" s="72">
        <v>1</v>
      </c>
      <c r="T12" s="72">
        <v>1</v>
      </c>
      <c r="U12" s="72">
        <v>2</v>
      </c>
      <c r="V12" s="73">
        <v>6</v>
      </c>
      <c r="W12" s="74">
        <v>11</v>
      </c>
      <c r="X12" s="71">
        <v>7</v>
      </c>
      <c r="Y12" s="72">
        <v>5</v>
      </c>
      <c r="Z12" s="73">
        <v>12</v>
      </c>
      <c r="AA12" s="271"/>
      <c r="AB12" s="72">
        <v>4</v>
      </c>
      <c r="AC12" s="72">
        <v>10</v>
      </c>
      <c r="AD12" s="72">
        <v>3</v>
      </c>
      <c r="AE12" s="72">
        <v>6</v>
      </c>
      <c r="AF12" s="72">
        <v>1</v>
      </c>
      <c r="AG12" s="73">
        <v>24</v>
      </c>
      <c r="AH12" s="74">
        <v>36</v>
      </c>
      <c r="AI12" s="71">
        <v>9</v>
      </c>
      <c r="AJ12" s="72">
        <v>3</v>
      </c>
      <c r="AK12" s="73">
        <v>12</v>
      </c>
      <c r="AL12" s="271"/>
      <c r="AM12" s="72">
        <v>13</v>
      </c>
      <c r="AN12" s="72">
        <v>13</v>
      </c>
      <c r="AO12" s="72">
        <v>5</v>
      </c>
      <c r="AP12" s="72">
        <v>4</v>
      </c>
      <c r="AQ12" s="72">
        <v>7</v>
      </c>
      <c r="AR12" s="73">
        <v>42</v>
      </c>
      <c r="AS12" s="74">
        <v>54</v>
      </c>
      <c r="AT12" s="71">
        <v>25</v>
      </c>
      <c r="AU12" s="72">
        <v>7</v>
      </c>
      <c r="AV12" s="73">
        <v>32</v>
      </c>
      <c r="AW12" s="271"/>
      <c r="AX12" s="72">
        <v>26</v>
      </c>
      <c r="AY12" s="72">
        <v>28</v>
      </c>
      <c r="AZ12" s="72">
        <v>11</v>
      </c>
      <c r="BA12" s="72">
        <v>14</v>
      </c>
      <c r="BB12" s="72">
        <v>3</v>
      </c>
      <c r="BC12" s="73">
        <v>82</v>
      </c>
      <c r="BD12" s="74">
        <v>114</v>
      </c>
      <c r="BE12" s="71">
        <v>29</v>
      </c>
      <c r="BF12" s="72">
        <v>22</v>
      </c>
      <c r="BG12" s="73">
        <v>51</v>
      </c>
      <c r="BH12" s="271"/>
      <c r="BI12" s="72">
        <v>56</v>
      </c>
      <c r="BJ12" s="72">
        <v>31</v>
      </c>
      <c r="BK12" s="72">
        <v>28</v>
      </c>
      <c r="BL12" s="72">
        <v>15</v>
      </c>
      <c r="BM12" s="72">
        <v>5</v>
      </c>
      <c r="BN12" s="73">
        <v>135</v>
      </c>
      <c r="BO12" s="74">
        <v>186</v>
      </c>
      <c r="BP12" s="71">
        <v>32</v>
      </c>
      <c r="BQ12" s="72">
        <v>19</v>
      </c>
      <c r="BR12" s="73">
        <v>51</v>
      </c>
      <c r="BS12" s="271"/>
      <c r="BT12" s="72">
        <v>54</v>
      </c>
      <c r="BU12" s="72">
        <v>44</v>
      </c>
      <c r="BV12" s="72">
        <v>37</v>
      </c>
      <c r="BW12" s="72">
        <v>19</v>
      </c>
      <c r="BX12" s="72">
        <v>13</v>
      </c>
      <c r="BY12" s="73">
        <v>167</v>
      </c>
      <c r="BZ12" s="74">
        <v>218</v>
      </c>
      <c r="CA12" s="71">
        <v>0</v>
      </c>
      <c r="CB12" s="72">
        <v>0</v>
      </c>
      <c r="CC12" s="73">
        <v>0</v>
      </c>
      <c r="CD12" s="271"/>
      <c r="CE12" s="72">
        <v>0</v>
      </c>
      <c r="CF12" s="72">
        <v>0</v>
      </c>
      <c r="CG12" s="72">
        <v>0</v>
      </c>
      <c r="CH12" s="72">
        <v>0</v>
      </c>
      <c r="CI12" s="72">
        <v>0</v>
      </c>
      <c r="CJ12" s="73">
        <v>0</v>
      </c>
      <c r="CK12" s="74">
        <v>0</v>
      </c>
      <c r="CL12" s="71">
        <v>104</v>
      </c>
      <c r="CM12" s="72">
        <v>59</v>
      </c>
      <c r="CN12" s="73">
        <v>163</v>
      </c>
      <c r="CO12" s="271"/>
      <c r="CP12" s="72">
        <v>154</v>
      </c>
      <c r="CQ12" s="72">
        <v>127</v>
      </c>
      <c r="CR12" s="72">
        <v>85</v>
      </c>
      <c r="CS12" s="72">
        <v>59</v>
      </c>
      <c r="CT12" s="72">
        <v>31</v>
      </c>
      <c r="CU12" s="73">
        <v>456</v>
      </c>
      <c r="CV12" s="74">
        <v>619</v>
      </c>
      <c r="CW12" s="127">
        <v>12</v>
      </c>
      <c r="CX12" s="83">
        <v>14</v>
      </c>
      <c r="CY12" s="84">
        <v>26</v>
      </c>
      <c r="CZ12" s="271"/>
      <c r="DA12" s="83">
        <v>19</v>
      </c>
      <c r="DB12" s="83">
        <v>26</v>
      </c>
      <c r="DC12" s="83">
        <v>14</v>
      </c>
      <c r="DD12" s="83">
        <v>10</v>
      </c>
      <c r="DE12" s="83">
        <v>8</v>
      </c>
      <c r="DF12" s="85">
        <v>77</v>
      </c>
      <c r="DG12" s="86">
        <v>103</v>
      </c>
      <c r="DH12" s="71">
        <v>1</v>
      </c>
      <c r="DI12" s="72">
        <v>0</v>
      </c>
      <c r="DJ12" s="73">
        <v>1</v>
      </c>
      <c r="DK12" s="271"/>
      <c r="DL12" s="72">
        <v>0</v>
      </c>
      <c r="DM12" s="72">
        <v>0</v>
      </c>
      <c r="DN12" s="72">
        <v>0</v>
      </c>
      <c r="DO12" s="72">
        <v>0</v>
      </c>
      <c r="DP12" s="72">
        <v>0</v>
      </c>
      <c r="DQ12" s="73">
        <v>0</v>
      </c>
      <c r="DR12" s="74">
        <v>1</v>
      </c>
      <c r="DS12" s="71">
        <v>0</v>
      </c>
      <c r="DT12" s="72">
        <v>2</v>
      </c>
      <c r="DU12" s="73">
        <v>2</v>
      </c>
      <c r="DV12" s="271"/>
      <c r="DW12" s="72">
        <v>1</v>
      </c>
      <c r="DX12" s="72">
        <v>1</v>
      </c>
      <c r="DY12" s="72">
        <v>1</v>
      </c>
      <c r="DZ12" s="72">
        <v>1</v>
      </c>
      <c r="EA12" s="72">
        <v>0</v>
      </c>
      <c r="EB12" s="73">
        <v>4</v>
      </c>
      <c r="EC12" s="74">
        <v>6</v>
      </c>
      <c r="ED12" s="71">
        <v>3</v>
      </c>
      <c r="EE12" s="72">
        <v>1</v>
      </c>
      <c r="EF12" s="73">
        <v>4</v>
      </c>
      <c r="EG12" s="271"/>
      <c r="EH12" s="72">
        <v>1</v>
      </c>
      <c r="EI12" s="72">
        <v>1</v>
      </c>
      <c r="EJ12" s="72">
        <v>2</v>
      </c>
      <c r="EK12" s="72">
        <v>1</v>
      </c>
      <c r="EL12" s="72">
        <v>0</v>
      </c>
      <c r="EM12" s="73">
        <v>5</v>
      </c>
      <c r="EN12" s="74">
        <v>9</v>
      </c>
      <c r="EO12" s="71">
        <v>3</v>
      </c>
      <c r="EP12" s="72">
        <v>2</v>
      </c>
      <c r="EQ12" s="73">
        <v>5</v>
      </c>
      <c r="ER12" s="271"/>
      <c r="ES12" s="72">
        <v>4</v>
      </c>
      <c r="ET12" s="72">
        <v>5</v>
      </c>
      <c r="EU12" s="72">
        <v>2</v>
      </c>
      <c r="EV12" s="72">
        <v>1</v>
      </c>
      <c r="EW12" s="72">
        <v>2</v>
      </c>
      <c r="EX12" s="73">
        <v>14</v>
      </c>
      <c r="EY12" s="74">
        <v>19</v>
      </c>
      <c r="EZ12" s="71">
        <v>2</v>
      </c>
      <c r="FA12" s="72">
        <v>2</v>
      </c>
      <c r="FB12" s="73">
        <v>4</v>
      </c>
      <c r="FC12" s="271"/>
      <c r="FD12" s="72">
        <v>5</v>
      </c>
      <c r="FE12" s="72">
        <v>7</v>
      </c>
      <c r="FF12" s="72">
        <v>2</v>
      </c>
      <c r="FG12" s="72">
        <v>3</v>
      </c>
      <c r="FH12" s="72">
        <v>1</v>
      </c>
      <c r="FI12" s="73">
        <v>18</v>
      </c>
      <c r="FJ12" s="74">
        <v>22</v>
      </c>
      <c r="FK12" s="71">
        <v>3</v>
      </c>
      <c r="FL12" s="72">
        <v>7</v>
      </c>
      <c r="FM12" s="73">
        <v>10</v>
      </c>
      <c r="FN12" s="271"/>
      <c r="FO12" s="72">
        <v>8</v>
      </c>
      <c r="FP12" s="72">
        <v>12</v>
      </c>
      <c r="FQ12" s="72">
        <v>7</v>
      </c>
      <c r="FR12" s="72">
        <v>4</v>
      </c>
      <c r="FS12" s="72">
        <v>5</v>
      </c>
      <c r="FT12" s="73">
        <v>36</v>
      </c>
      <c r="FU12" s="74">
        <v>46</v>
      </c>
      <c r="FV12" s="71">
        <v>0</v>
      </c>
      <c r="FW12" s="72">
        <v>0</v>
      </c>
      <c r="FX12" s="73">
        <v>0</v>
      </c>
      <c r="FY12" s="271"/>
      <c r="FZ12" s="72">
        <v>0</v>
      </c>
      <c r="GA12" s="72">
        <v>0</v>
      </c>
      <c r="GB12" s="72">
        <v>0</v>
      </c>
      <c r="GC12" s="72">
        <v>0</v>
      </c>
      <c r="GD12" s="72">
        <v>0</v>
      </c>
      <c r="GE12" s="73">
        <v>0</v>
      </c>
      <c r="GF12" s="74">
        <v>0</v>
      </c>
      <c r="GG12" s="71">
        <v>12</v>
      </c>
      <c r="GH12" s="72">
        <v>14</v>
      </c>
      <c r="GI12" s="73">
        <v>26</v>
      </c>
      <c r="GJ12" s="271"/>
      <c r="GK12" s="72">
        <v>19</v>
      </c>
      <c r="GL12" s="72">
        <v>26</v>
      </c>
      <c r="GM12" s="72">
        <v>14</v>
      </c>
      <c r="GN12" s="72">
        <v>10</v>
      </c>
      <c r="GO12" s="72">
        <v>8</v>
      </c>
      <c r="GP12" s="73">
        <v>77</v>
      </c>
      <c r="GQ12" s="74">
        <v>103</v>
      </c>
      <c r="GR12" s="127">
        <v>116</v>
      </c>
      <c r="GS12" s="83">
        <v>73</v>
      </c>
      <c r="GT12" s="84">
        <v>189</v>
      </c>
      <c r="GU12" s="271"/>
      <c r="GV12" s="83">
        <v>173</v>
      </c>
      <c r="GW12" s="83">
        <v>153</v>
      </c>
      <c r="GX12" s="83">
        <v>99</v>
      </c>
      <c r="GY12" s="83">
        <v>69</v>
      </c>
      <c r="GZ12" s="83">
        <v>39</v>
      </c>
      <c r="HA12" s="85">
        <v>533</v>
      </c>
      <c r="HB12" s="86">
        <v>722</v>
      </c>
      <c r="HC12" s="71">
        <v>3</v>
      </c>
      <c r="HD12" s="72">
        <v>3</v>
      </c>
      <c r="HE12" s="73">
        <v>6</v>
      </c>
      <c r="HF12" s="271"/>
      <c r="HG12" s="72">
        <v>1</v>
      </c>
      <c r="HH12" s="72">
        <v>1</v>
      </c>
      <c r="HI12" s="72">
        <v>1</v>
      </c>
      <c r="HJ12" s="72">
        <v>1</v>
      </c>
      <c r="HK12" s="72">
        <v>2</v>
      </c>
      <c r="HL12" s="73">
        <v>6</v>
      </c>
      <c r="HM12" s="74">
        <v>12</v>
      </c>
      <c r="HN12" s="71">
        <v>7</v>
      </c>
      <c r="HO12" s="72">
        <v>7</v>
      </c>
      <c r="HP12" s="73">
        <v>14</v>
      </c>
      <c r="HQ12" s="271"/>
      <c r="HR12" s="72">
        <v>5</v>
      </c>
      <c r="HS12" s="72">
        <v>11</v>
      </c>
      <c r="HT12" s="72">
        <v>4</v>
      </c>
      <c r="HU12" s="72">
        <v>7</v>
      </c>
      <c r="HV12" s="72">
        <v>1</v>
      </c>
      <c r="HW12" s="73">
        <v>28</v>
      </c>
      <c r="HX12" s="74">
        <v>42</v>
      </c>
      <c r="HY12" s="71">
        <v>12</v>
      </c>
      <c r="HZ12" s="72">
        <v>4</v>
      </c>
      <c r="IA12" s="73">
        <v>16</v>
      </c>
      <c r="IB12" s="271"/>
      <c r="IC12" s="72">
        <v>14</v>
      </c>
      <c r="ID12" s="72">
        <v>14</v>
      </c>
      <c r="IE12" s="72">
        <v>7</v>
      </c>
      <c r="IF12" s="72">
        <v>5</v>
      </c>
      <c r="IG12" s="72">
        <v>7</v>
      </c>
      <c r="IH12" s="73">
        <v>47</v>
      </c>
      <c r="II12" s="74">
        <v>63</v>
      </c>
      <c r="IJ12" s="71">
        <v>28</v>
      </c>
      <c r="IK12" s="72">
        <v>9</v>
      </c>
      <c r="IL12" s="73">
        <v>37</v>
      </c>
      <c r="IM12" s="271"/>
      <c r="IN12" s="72">
        <v>30</v>
      </c>
      <c r="IO12" s="72">
        <v>33</v>
      </c>
      <c r="IP12" s="72">
        <v>13</v>
      </c>
      <c r="IQ12" s="72">
        <v>15</v>
      </c>
      <c r="IR12" s="72">
        <v>5</v>
      </c>
      <c r="IS12" s="73">
        <v>96</v>
      </c>
      <c r="IT12" s="74">
        <v>133</v>
      </c>
      <c r="IU12" s="71">
        <v>31</v>
      </c>
      <c r="IV12" s="72">
        <v>24</v>
      </c>
      <c r="IW12" s="73">
        <v>55</v>
      </c>
      <c r="IX12" s="271"/>
      <c r="IY12" s="72">
        <v>61</v>
      </c>
      <c r="IZ12" s="72">
        <v>38</v>
      </c>
      <c r="JA12" s="72">
        <v>30</v>
      </c>
      <c r="JB12" s="72">
        <v>18</v>
      </c>
      <c r="JC12" s="72">
        <v>6</v>
      </c>
      <c r="JD12" s="73">
        <v>153</v>
      </c>
      <c r="JE12" s="74">
        <v>208</v>
      </c>
      <c r="JF12" s="71">
        <v>35</v>
      </c>
      <c r="JG12" s="72">
        <v>26</v>
      </c>
      <c r="JH12" s="73">
        <v>61</v>
      </c>
      <c r="JI12" s="271"/>
      <c r="JJ12" s="72">
        <v>62</v>
      </c>
      <c r="JK12" s="72">
        <v>56</v>
      </c>
      <c r="JL12" s="72">
        <v>44</v>
      </c>
      <c r="JM12" s="72">
        <v>23</v>
      </c>
      <c r="JN12" s="72">
        <v>18</v>
      </c>
      <c r="JO12" s="73">
        <v>203</v>
      </c>
      <c r="JP12" s="74">
        <v>264</v>
      </c>
      <c r="JQ12" s="71">
        <v>0</v>
      </c>
      <c r="JR12" s="72">
        <v>0</v>
      </c>
      <c r="JS12" s="73">
        <v>0</v>
      </c>
      <c r="JT12" s="271"/>
      <c r="JU12" s="72">
        <v>0</v>
      </c>
      <c r="JV12" s="72">
        <v>0</v>
      </c>
      <c r="JW12" s="72">
        <v>0</v>
      </c>
      <c r="JX12" s="72">
        <v>0</v>
      </c>
      <c r="JY12" s="72">
        <v>0</v>
      </c>
      <c r="JZ12" s="73">
        <v>0</v>
      </c>
      <c r="KA12" s="74">
        <v>0</v>
      </c>
      <c r="KB12" s="71">
        <v>116</v>
      </c>
      <c r="KC12" s="72">
        <v>73</v>
      </c>
      <c r="KD12" s="73">
        <v>189</v>
      </c>
      <c r="KE12" s="271"/>
      <c r="KF12" s="72">
        <v>173</v>
      </c>
      <c r="KG12" s="72">
        <v>153</v>
      </c>
      <c r="KH12" s="72">
        <v>99</v>
      </c>
      <c r="KI12" s="72">
        <v>69</v>
      </c>
      <c r="KJ12" s="72">
        <v>39</v>
      </c>
      <c r="KK12" s="73">
        <v>533</v>
      </c>
      <c r="KL12" s="74">
        <v>722</v>
      </c>
    </row>
    <row r="13" spans="1:298" ht="19.5" customHeight="1" x14ac:dyDescent="0.2">
      <c r="A13" s="130" t="s">
        <v>9</v>
      </c>
      <c r="B13" s="353">
        <v>158</v>
      </c>
      <c r="C13" s="83">
        <v>127</v>
      </c>
      <c r="D13" s="84">
        <v>285</v>
      </c>
      <c r="E13" s="271"/>
      <c r="F13" s="83">
        <v>221</v>
      </c>
      <c r="G13" s="83">
        <v>163</v>
      </c>
      <c r="H13" s="83">
        <v>120</v>
      </c>
      <c r="I13" s="83">
        <v>111</v>
      </c>
      <c r="J13" s="83">
        <v>50</v>
      </c>
      <c r="K13" s="85">
        <v>665</v>
      </c>
      <c r="L13" s="86">
        <v>950</v>
      </c>
      <c r="M13" s="71">
        <v>3</v>
      </c>
      <c r="N13" s="72">
        <v>1</v>
      </c>
      <c r="O13" s="73">
        <v>4</v>
      </c>
      <c r="P13" s="274"/>
      <c r="Q13" s="72">
        <v>0</v>
      </c>
      <c r="R13" s="72">
        <v>1</v>
      </c>
      <c r="S13" s="72">
        <v>0</v>
      </c>
      <c r="T13" s="72">
        <v>0</v>
      </c>
      <c r="U13" s="72">
        <v>0</v>
      </c>
      <c r="V13" s="73">
        <v>1</v>
      </c>
      <c r="W13" s="74">
        <v>5</v>
      </c>
      <c r="X13" s="71">
        <v>6</v>
      </c>
      <c r="Y13" s="72">
        <v>2</v>
      </c>
      <c r="Z13" s="73">
        <v>8</v>
      </c>
      <c r="AA13" s="271"/>
      <c r="AB13" s="72">
        <v>3</v>
      </c>
      <c r="AC13" s="72">
        <v>5</v>
      </c>
      <c r="AD13" s="72">
        <v>2</v>
      </c>
      <c r="AE13" s="72">
        <v>4</v>
      </c>
      <c r="AF13" s="72">
        <v>1</v>
      </c>
      <c r="AG13" s="73">
        <v>15</v>
      </c>
      <c r="AH13" s="74">
        <v>23</v>
      </c>
      <c r="AI13" s="71">
        <v>6</v>
      </c>
      <c r="AJ13" s="72">
        <v>6</v>
      </c>
      <c r="AK13" s="73">
        <v>12</v>
      </c>
      <c r="AL13" s="271"/>
      <c r="AM13" s="72">
        <v>12</v>
      </c>
      <c r="AN13" s="72">
        <v>9</v>
      </c>
      <c r="AO13" s="72">
        <v>6</v>
      </c>
      <c r="AP13" s="72">
        <v>4</v>
      </c>
      <c r="AQ13" s="72">
        <v>3</v>
      </c>
      <c r="AR13" s="73">
        <v>34</v>
      </c>
      <c r="AS13" s="74">
        <v>46</v>
      </c>
      <c r="AT13" s="71">
        <v>25</v>
      </c>
      <c r="AU13" s="72">
        <v>28</v>
      </c>
      <c r="AV13" s="73">
        <v>53</v>
      </c>
      <c r="AW13" s="271"/>
      <c r="AX13" s="72">
        <v>36</v>
      </c>
      <c r="AY13" s="72">
        <v>25</v>
      </c>
      <c r="AZ13" s="72">
        <v>14</v>
      </c>
      <c r="BA13" s="72">
        <v>14</v>
      </c>
      <c r="BB13" s="72">
        <v>8</v>
      </c>
      <c r="BC13" s="73">
        <v>97</v>
      </c>
      <c r="BD13" s="74">
        <v>150</v>
      </c>
      <c r="BE13" s="71">
        <v>72</v>
      </c>
      <c r="BF13" s="72">
        <v>45</v>
      </c>
      <c r="BG13" s="73">
        <v>117</v>
      </c>
      <c r="BH13" s="271"/>
      <c r="BI13" s="72">
        <v>88</v>
      </c>
      <c r="BJ13" s="72">
        <v>49</v>
      </c>
      <c r="BK13" s="72">
        <v>44</v>
      </c>
      <c r="BL13" s="72">
        <v>46</v>
      </c>
      <c r="BM13" s="72">
        <v>16</v>
      </c>
      <c r="BN13" s="73">
        <v>243</v>
      </c>
      <c r="BO13" s="74">
        <v>360</v>
      </c>
      <c r="BP13" s="71">
        <v>46</v>
      </c>
      <c r="BQ13" s="72">
        <v>45</v>
      </c>
      <c r="BR13" s="73">
        <v>91</v>
      </c>
      <c r="BS13" s="271"/>
      <c r="BT13" s="72">
        <v>82</v>
      </c>
      <c r="BU13" s="72">
        <v>74</v>
      </c>
      <c r="BV13" s="72">
        <v>54</v>
      </c>
      <c r="BW13" s="72">
        <v>43</v>
      </c>
      <c r="BX13" s="72">
        <v>22</v>
      </c>
      <c r="BY13" s="73">
        <v>275</v>
      </c>
      <c r="BZ13" s="74">
        <v>366</v>
      </c>
      <c r="CA13" s="71">
        <v>0</v>
      </c>
      <c r="CB13" s="72">
        <v>0</v>
      </c>
      <c r="CC13" s="73">
        <v>0</v>
      </c>
      <c r="CD13" s="271"/>
      <c r="CE13" s="72">
        <v>0</v>
      </c>
      <c r="CF13" s="72">
        <v>0</v>
      </c>
      <c r="CG13" s="72">
        <v>0</v>
      </c>
      <c r="CH13" s="72">
        <v>0</v>
      </c>
      <c r="CI13" s="72">
        <v>0</v>
      </c>
      <c r="CJ13" s="73">
        <v>0</v>
      </c>
      <c r="CK13" s="74">
        <v>0</v>
      </c>
      <c r="CL13" s="71">
        <v>158</v>
      </c>
      <c r="CM13" s="72">
        <v>127</v>
      </c>
      <c r="CN13" s="73">
        <v>285</v>
      </c>
      <c r="CO13" s="271"/>
      <c r="CP13" s="72">
        <v>221</v>
      </c>
      <c r="CQ13" s="72">
        <v>163</v>
      </c>
      <c r="CR13" s="72">
        <v>120</v>
      </c>
      <c r="CS13" s="72">
        <v>111</v>
      </c>
      <c r="CT13" s="72">
        <v>50</v>
      </c>
      <c r="CU13" s="73">
        <v>665</v>
      </c>
      <c r="CV13" s="74">
        <v>950</v>
      </c>
      <c r="CW13" s="127">
        <v>35</v>
      </c>
      <c r="CX13" s="83">
        <v>26</v>
      </c>
      <c r="CY13" s="84">
        <v>61</v>
      </c>
      <c r="CZ13" s="271"/>
      <c r="DA13" s="83">
        <v>37</v>
      </c>
      <c r="DB13" s="83">
        <v>18</v>
      </c>
      <c r="DC13" s="83">
        <v>19</v>
      </c>
      <c r="DD13" s="83">
        <v>9</v>
      </c>
      <c r="DE13" s="83">
        <v>17</v>
      </c>
      <c r="DF13" s="85">
        <v>100</v>
      </c>
      <c r="DG13" s="86">
        <v>161</v>
      </c>
      <c r="DH13" s="71">
        <v>2</v>
      </c>
      <c r="DI13" s="72">
        <v>1</v>
      </c>
      <c r="DJ13" s="73">
        <v>3</v>
      </c>
      <c r="DK13" s="271"/>
      <c r="DL13" s="72">
        <v>0</v>
      </c>
      <c r="DM13" s="72">
        <v>0</v>
      </c>
      <c r="DN13" s="72">
        <v>0</v>
      </c>
      <c r="DO13" s="72">
        <v>0</v>
      </c>
      <c r="DP13" s="72">
        <v>0</v>
      </c>
      <c r="DQ13" s="73">
        <v>0</v>
      </c>
      <c r="DR13" s="74">
        <v>3</v>
      </c>
      <c r="DS13" s="71">
        <v>2</v>
      </c>
      <c r="DT13" s="72">
        <v>2</v>
      </c>
      <c r="DU13" s="73">
        <v>4</v>
      </c>
      <c r="DV13" s="271"/>
      <c r="DW13" s="72">
        <v>1</v>
      </c>
      <c r="DX13" s="72">
        <v>0</v>
      </c>
      <c r="DY13" s="72">
        <v>1</v>
      </c>
      <c r="DZ13" s="72">
        <v>0</v>
      </c>
      <c r="EA13" s="72">
        <v>0</v>
      </c>
      <c r="EB13" s="73">
        <v>2</v>
      </c>
      <c r="EC13" s="74">
        <v>6</v>
      </c>
      <c r="ED13" s="71">
        <v>7</v>
      </c>
      <c r="EE13" s="72">
        <v>3</v>
      </c>
      <c r="EF13" s="73">
        <v>10</v>
      </c>
      <c r="EG13" s="271"/>
      <c r="EH13" s="72">
        <v>4</v>
      </c>
      <c r="EI13" s="72">
        <v>2</v>
      </c>
      <c r="EJ13" s="72">
        <v>3</v>
      </c>
      <c r="EK13" s="72">
        <v>0</v>
      </c>
      <c r="EL13" s="72">
        <v>1</v>
      </c>
      <c r="EM13" s="73">
        <v>10</v>
      </c>
      <c r="EN13" s="74">
        <v>20</v>
      </c>
      <c r="EO13" s="71">
        <v>4</v>
      </c>
      <c r="EP13" s="72">
        <v>5</v>
      </c>
      <c r="EQ13" s="73">
        <v>9</v>
      </c>
      <c r="ER13" s="271"/>
      <c r="ES13" s="72">
        <v>6</v>
      </c>
      <c r="ET13" s="72">
        <v>1</v>
      </c>
      <c r="EU13" s="72">
        <v>0</v>
      </c>
      <c r="EV13" s="72">
        <v>1</v>
      </c>
      <c r="EW13" s="72">
        <v>3</v>
      </c>
      <c r="EX13" s="73">
        <v>11</v>
      </c>
      <c r="EY13" s="74">
        <v>20</v>
      </c>
      <c r="EZ13" s="71">
        <v>12</v>
      </c>
      <c r="FA13" s="72">
        <v>7</v>
      </c>
      <c r="FB13" s="73">
        <v>19</v>
      </c>
      <c r="FC13" s="271"/>
      <c r="FD13" s="72">
        <v>13</v>
      </c>
      <c r="FE13" s="72">
        <v>4</v>
      </c>
      <c r="FF13" s="72">
        <v>6</v>
      </c>
      <c r="FG13" s="72">
        <v>3</v>
      </c>
      <c r="FH13" s="72">
        <v>3</v>
      </c>
      <c r="FI13" s="73">
        <v>29</v>
      </c>
      <c r="FJ13" s="74">
        <v>48</v>
      </c>
      <c r="FK13" s="71">
        <v>8</v>
      </c>
      <c r="FL13" s="72">
        <v>8</v>
      </c>
      <c r="FM13" s="73">
        <v>16</v>
      </c>
      <c r="FN13" s="271"/>
      <c r="FO13" s="72">
        <v>13</v>
      </c>
      <c r="FP13" s="72">
        <v>11</v>
      </c>
      <c r="FQ13" s="72">
        <v>9</v>
      </c>
      <c r="FR13" s="72">
        <v>5</v>
      </c>
      <c r="FS13" s="72">
        <v>10</v>
      </c>
      <c r="FT13" s="73">
        <v>48</v>
      </c>
      <c r="FU13" s="74">
        <v>64</v>
      </c>
      <c r="FV13" s="71">
        <v>0</v>
      </c>
      <c r="FW13" s="72">
        <v>0</v>
      </c>
      <c r="FX13" s="73">
        <v>0</v>
      </c>
      <c r="FY13" s="271"/>
      <c r="FZ13" s="72">
        <v>0</v>
      </c>
      <c r="GA13" s="72">
        <v>0</v>
      </c>
      <c r="GB13" s="72">
        <v>0</v>
      </c>
      <c r="GC13" s="72">
        <v>0</v>
      </c>
      <c r="GD13" s="72">
        <v>0</v>
      </c>
      <c r="GE13" s="73">
        <v>0</v>
      </c>
      <c r="GF13" s="74">
        <v>0</v>
      </c>
      <c r="GG13" s="71">
        <v>35</v>
      </c>
      <c r="GH13" s="72">
        <v>26</v>
      </c>
      <c r="GI13" s="73">
        <v>61</v>
      </c>
      <c r="GJ13" s="271"/>
      <c r="GK13" s="72">
        <v>37</v>
      </c>
      <c r="GL13" s="72">
        <v>18</v>
      </c>
      <c r="GM13" s="72">
        <v>19</v>
      </c>
      <c r="GN13" s="72">
        <v>9</v>
      </c>
      <c r="GO13" s="72">
        <v>17</v>
      </c>
      <c r="GP13" s="73">
        <v>100</v>
      </c>
      <c r="GQ13" s="74">
        <v>161</v>
      </c>
      <c r="GR13" s="127">
        <v>193</v>
      </c>
      <c r="GS13" s="83">
        <v>153</v>
      </c>
      <c r="GT13" s="84">
        <v>346</v>
      </c>
      <c r="GU13" s="271"/>
      <c r="GV13" s="83">
        <v>258</v>
      </c>
      <c r="GW13" s="83">
        <v>181</v>
      </c>
      <c r="GX13" s="83">
        <v>139</v>
      </c>
      <c r="GY13" s="83">
        <v>120</v>
      </c>
      <c r="GZ13" s="83">
        <v>67</v>
      </c>
      <c r="HA13" s="85">
        <v>765</v>
      </c>
      <c r="HB13" s="86">
        <v>1111</v>
      </c>
      <c r="HC13" s="71">
        <v>5</v>
      </c>
      <c r="HD13" s="72">
        <v>2</v>
      </c>
      <c r="HE13" s="73">
        <v>7</v>
      </c>
      <c r="HF13" s="271"/>
      <c r="HG13" s="72">
        <v>0</v>
      </c>
      <c r="HH13" s="72">
        <v>1</v>
      </c>
      <c r="HI13" s="72">
        <v>0</v>
      </c>
      <c r="HJ13" s="72">
        <v>0</v>
      </c>
      <c r="HK13" s="72">
        <v>0</v>
      </c>
      <c r="HL13" s="73">
        <v>1</v>
      </c>
      <c r="HM13" s="74">
        <v>8</v>
      </c>
      <c r="HN13" s="71">
        <v>8</v>
      </c>
      <c r="HO13" s="72">
        <v>4</v>
      </c>
      <c r="HP13" s="73">
        <v>12</v>
      </c>
      <c r="HQ13" s="271"/>
      <c r="HR13" s="72">
        <v>4</v>
      </c>
      <c r="HS13" s="72">
        <v>5</v>
      </c>
      <c r="HT13" s="72">
        <v>3</v>
      </c>
      <c r="HU13" s="72">
        <v>4</v>
      </c>
      <c r="HV13" s="72">
        <v>1</v>
      </c>
      <c r="HW13" s="73">
        <v>17</v>
      </c>
      <c r="HX13" s="74">
        <v>29</v>
      </c>
      <c r="HY13" s="71">
        <v>13</v>
      </c>
      <c r="HZ13" s="72">
        <v>9</v>
      </c>
      <c r="IA13" s="73">
        <v>22</v>
      </c>
      <c r="IB13" s="271"/>
      <c r="IC13" s="72">
        <v>16</v>
      </c>
      <c r="ID13" s="72">
        <v>11</v>
      </c>
      <c r="IE13" s="72">
        <v>9</v>
      </c>
      <c r="IF13" s="72">
        <v>4</v>
      </c>
      <c r="IG13" s="72">
        <v>4</v>
      </c>
      <c r="IH13" s="73">
        <v>44</v>
      </c>
      <c r="II13" s="74">
        <v>66</v>
      </c>
      <c r="IJ13" s="71">
        <v>29</v>
      </c>
      <c r="IK13" s="72">
        <v>33</v>
      </c>
      <c r="IL13" s="73">
        <v>62</v>
      </c>
      <c r="IM13" s="271"/>
      <c r="IN13" s="72">
        <v>42</v>
      </c>
      <c r="IO13" s="72">
        <v>26</v>
      </c>
      <c r="IP13" s="72">
        <v>14</v>
      </c>
      <c r="IQ13" s="72">
        <v>15</v>
      </c>
      <c r="IR13" s="72">
        <v>11</v>
      </c>
      <c r="IS13" s="73">
        <v>108</v>
      </c>
      <c r="IT13" s="74">
        <v>170</v>
      </c>
      <c r="IU13" s="71">
        <v>84</v>
      </c>
      <c r="IV13" s="72">
        <v>52</v>
      </c>
      <c r="IW13" s="73">
        <v>136</v>
      </c>
      <c r="IX13" s="271"/>
      <c r="IY13" s="72">
        <v>101</v>
      </c>
      <c r="IZ13" s="72">
        <v>53</v>
      </c>
      <c r="JA13" s="72">
        <v>50</v>
      </c>
      <c r="JB13" s="72">
        <v>49</v>
      </c>
      <c r="JC13" s="72">
        <v>19</v>
      </c>
      <c r="JD13" s="73">
        <v>272</v>
      </c>
      <c r="JE13" s="74">
        <v>408</v>
      </c>
      <c r="JF13" s="71">
        <v>54</v>
      </c>
      <c r="JG13" s="72">
        <v>53</v>
      </c>
      <c r="JH13" s="73">
        <v>107</v>
      </c>
      <c r="JI13" s="271"/>
      <c r="JJ13" s="72">
        <v>95</v>
      </c>
      <c r="JK13" s="72">
        <v>85</v>
      </c>
      <c r="JL13" s="72">
        <v>63</v>
      </c>
      <c r="JM13" s="72">
        <v>48</v>
      </c>
      <c r="JN13" s="72">
        <v>32</v>
      </c>
      <c r="JO13" s="73">
        <v>323</v>
      </c>
      <c r="JP13" s="74">
        <v>430</v>
      </c>
      <c r="JQ13" s="71">
        <v>0</v>
      </c>
      <c r="JR13" s="72">
        <v>0</v>
      </c>
      <c r="JS13" s="73">
        <v>0</v>
      </c>
      <c r="JT13" s="271"/>
      <c r="JU13" s="72">
        <v>0</v>
      </c>
      <c r="JV13" s="72">
        <v>0</v>
      </c>
      <c r="JW13" s="72">
        <v>0</v>
      </c>
      <c r="JX13" s="72">
        <v>0</v>
      </c>
      <c r="JY13" s="72">
        <v>0</v>
      </c>
      <c r="JZ13" s="73">
        <v>0</v>
      </c>
      <c r="KA13" s="74">
        <v>0</v>
      </c>
      <c r="KB13" s="71">
        <v>193</v>
      </c>
      <c r="KC13" s="72">
        <v>153</v>
      </c>
      <c r="KD13" s="73">
        <v>346</v>
      </c>
      <c r="KE13" s="271"/>
      <c r="KF13" s="72">
        <v>258</v>
      </c>
      <c r="KG13" s="72">
        <v>181</v>
      </c>
      <c r="KH13" s="72">
        <v>139</v>
      </c>
      <c r="KI13" s="72">
        <v>120</v>
      </c>
      <c r="KJ13" s="72">
        <v>67</v>
      </c>
      <c r="KK13" s="73">
        <v>765</v>
      </c>
      <c r="KL13" s="74">
        <v>1111</v>
      </c>
    </row>
    <row r="14" spans="1:298" ht="19.5" customHeight="1" x14ac:dyDescent="0.2">
      <c r="A14" s="130" t="s">
        <v>10</v>
      </c>
      <c r="B14" s="353">
        <v>341</v>
      </c>
      <c r="C14" s="83">
        <v>243</v>
      </c>
      <c r="D14" s="84">
        <v>584</v>
      </c>
      <c r="E14" s="271"/>
      <c r="F14" s="83">
        <v>335</v>
      </c>
      <c r="G14" s="83">
        <v>198</v>
      </c>
      <c r="H14" s="83">
        <v>136</v>
      </c>
      <c r="I14" s="83">
        <v>117</v>
      </c>
      <c r="J14" s="83">
        <v>80</v>
      </c>
      <c r="K14" s="85">
        <v>866</v>
      </c>
      <c r="L14" s="86">
        <v>1450</v>
      </c>
      <c r="M14" s="71">
        <v>6</v>
      </c>
      <c r="N14" s="72">
        <v>0</v>
      </c>
      <c r="O14" s="73">
        <v>6</v>
      </c>
      <c r="P14" s="274"/>
      <c r="Q14" s="72">
        <v>7</v>
      </c>
      <c r="R14" s="72">
        <v>4</v>
      </c>
      <c r="S14" s="72">
        <v>1</v>
      </c>
      <c r="T14" s="72">
        <v>3</v>
      </c>
      <c r="U14" s="72">
        <v>6</v>
      </c>
      <c r="V14" s="73">
        <v>21</v>
      </c>
      <c r="W14" s="74">
        <v>27</v>
      </c>
      <c r="X14" s="71">
        <v>10</v>
      </c>
      <c r="Y14" s="72">
        <v>15</v>
      </c>
      <c r="Z14" s="73">
        <v>25</v>
      </c>
      <c r="AA14" s="271"/>
      <c r="AB14" s="72">
        <v>12</v>
      </c>
      <c r="AC14" s="72">
        <v>11</v>
      </c>
      <c r="AD14" s="72">
        <v>4</v>
      </c>
      <c r="AE14" s="72">
        <v>2</v>
      </c>
      <c r="AF14" s="72">
        <v>2</v>
      </c>
      <c r="AG14" s="73">
        <v>31</v>
      </c>
      <c r="AH14" s="74">
        <v>56</v>
      </c>
      <c r="AI14" s="71">
        <v>23</v>
      </c>
      <c r="AJ14" s="72">
        <v>21</v>
      </c>
      <c r="AK14" s="73">
        <v>44</v>
      </c>
      <c r="AL14" s="271"/>
      <c r="AM14" s="72">
        <v>19</v>
      </c>
      <c r="AN14" s="72">
        <v>21</v>
      </c>
      <c r="AO14" s="72">
        <v>13</v>
      </c>
      <c r="AP14" s="72">
        <v>4</v>
      </c>
      <c r="AQ14" s="72">
        <v>9</v>
      </c>
      <c r="AR14" s="73">
        <v>66</v>
      </c>
      <c r="AS14" s="74">
        <v>110</v>
      </c>
      <c r="AT14" s="71">
        <v>74</v>
      </c>
      <c r="AU14" s="72">
        <v>54</v>
      </c>
      <c r="AV14" s="73">
        <v>128</v>
      </c>
      <c r="AW14" s="271"/>
      <c r="AX14" s="72">
        <v>61</v>
      </c>
      <c r="AY14" s="72">
        <v>33</v>
      </c>
      <c r="AZ14" s="72">
        <v>28</v>
      </c>
      <c r="BA14" s="72">
        <v>21</v>
      </c>
      <c r="BB14" s="72">
        <v>13</v>
      </c>
      <c r="BC14" s="73">
        <v>156</v>
      </c>
      <c r="BD14" s="74">
        <v>284</v>
      </c>
      <c r="BE14" s="71">
        <v>121</v>
      </c>
      <c r="BF14" s="72">
        <v>85</v>
      </c>
      <c r="BG14" s="73">
        <v>206</v>
      </c>
      <c r="BH14" s="271"/>
      <c r="BI14" s="72">
        <v>112</v>
      </c>
      <c r="BJ14" s="72">
        <v>53</v>
      </c>
      <c r="BK14" s="72">
        <v>37</v>
      </c>
      <c r="BL14" s="72">
        <v>41</v>
      </c>
      <c r="BM14" s="72">
        <v>20</v>
      </c>
      <c r="BN14" s="73">
        <v>263</v>
      </c>
      <c r="BO14" s="74">
        <v>469</v>
      </c>
      <c r="BP14" s="71">
        <v>107</v>
      </c>
      <c r="BQ14" s="72">
        <v>68</v>
      </c>
      <c r="BR14" s="73">
        <v>175</v>
      </c>
      <c r="BS14" s="271"/>
      <c r="BT14" s="72">
        <v>124</v>
      </c>
      <c r="BU14" s="72">
        <v>76</v>
      </c>
      <c r="BV14" s="72">
        <v>53</v>
      </c>
      <c r="BW14" s="72">
        <v>46</v>
      </c>
      <c r="BX14" s="72">
        <v>30</v>
      </c>
      <c r="BY14" s="73">
        <v>329</v>
      </c>
      <c r="BZ14" s="74">
        <v>504</v>
      </c>
      <c r="CA14" s="71">
        <v>0</v>
      </c>
      <c r="CB14" s="72">
        <v>0</v>
      </c>
      <c r="CC14" s="73">
        <v>0</v>
      </c>
      <c r="CD14" s="271"/>
      <c r="CE14" s="72">
        <v>0</v>
      </c>
      <c r="CF14" s="72">
        <v>0</v>
      </c>
      <c r="CG14" s="72">
        <v>0</v>
      </c>
      <c r="CH14" s="72">
        <v>0</v>
      </c>
      <c r="CI14" s="72">
        <v>0</v>
      </c>
      <c r="CJ14" s="73">
        <v>0</v>
      </c>
      <c r="CK14" s="74">
        <v>0</v>
      </c>
      <c r="CL14" s="71">
        <v>341</v>
      </c>
      <c r="CM14" s="72">
        <v>243</v>
      </c>
      <c r="CN14" s="73">
        <v>584</v>
      </c>
      <c r="CO14" s="271"/>
      <c r="CP14" s="72">
        <v>335</v>
      </c>
      <c r="CQ14" s="72">
        <v>198</v>
      </c>
      <c r="CR14" s="72">
        <v>136</v>
      </c>
      <c r="CS14" s="72">
        <v>117</v>
      </c>
      <c r="CT14" s="72">
        <v>80</v>
      </c>
      <c r="CU14" s="73">
        <v>866</v>
      </c>
      <c r="CV14" s="74">
        <v>1450</v>
      </c>
      <c r="CW14" s="127">
        <v>42</v>
      </c>
      <c r="CX14" s="83">
        <v>29</v>
      </c>
      <c r="CY14" s="84">
        <v>71</v>
      </c>
      <c r="CZ14" s="271"/>
      <c r="DA14" s="83">
        <v>48</v>
      </c>
      <c r="DB14" s="83">
        <v>23</v>
      </c>
      <c r="DC14" s="83">
        <v>19</v>
      </c>
      <c r="DD14" s="83">
        <v>21</v>
      </c>
      <c r="DE14" s="83">
        <v>17</v>
      </c>
      <c r="DF14" s="85">
        <v>128</v>
      </c>
      <c r="DG14" s="86">
        <v>199</v>
      </c>
      <c r="DH14" s="71">
        <v>0</v>
      </c>
      <c r="DI14" s="72">
        <v>1</v>
      </c>
      <c r="DJ14" s="73">
        <v>1</v>
      </c>
      <c r="DK14" s="271"/>
      <c r="DL14" s="72">
        <v>1</v>
      </c>
      <c r="DM14" s="72">
        <v>0</v>
      </c>
      <c r="DN14" s="72">
        <v>0</v>
      </c>
      <c r="DO14" s="72">
        <v>0</v>
      </c>
      <c r="DP14" s="72">
        <v>0</v>
      </c>
      <c r="DQ14" s="73">
        <v>1</v>
      </c>
      <c r="DR14" s="74">
        <v>2</v>
      </c>
      <c r="DS14" s="71">
        <v>2</v>
      </c>
      <c r="DT14" s="72">
        <v>3</v>
      </c>
      <c r="DU14" s="73">
        <v>5</v>
      </c>
      <c r="DV14" s="271"/>
      <c r="DW14" s="72">
        <v>2</v>
      </c>
      <c r="DX14" s="72">
        <v>2</v>
      </c>
      <c r="DY14" s="72">
        <v>0</v>
      </c>
      <c r="DZ14" s="72">
        <v>0</v>
      </c>
      <c r="EA14" s="72">
        <v>1</v>
      </c>
      <c r="EB14" s="73">
        <v>5</v>
      </c>
      <c r="EC14" s="74">
        <v>10</v>
      </c>
      <c r="ED14" s="71">
        <v>5</v>
      </c>
      <c r="EE14" s="72">
        <v>5</v>
      </c>
      <c r="EF14" s="73">
        <v>10</v>
      </c>
      <c r="EG14" s="271"/>
      <c r="EH14" s="72">
        <v>3</v>
      </c>
      <c r="EI14" s="72">
        <v>1</v>
      </c>
      <c r="EJ14" s="72">
        <v>0</v>
      </c>
      <c r="EK14" s="72">
        <v>0</v>
      </c>
      <c r="EL14" s="72">
        <v>0</v>
      </c>
      <c r="EM14" s="73">
        <v>4</v>
      </c>
      <c r="EN14" s="74">
        <v>14</v>
      </c>
      <c r="EO14" s="71">
        <v>13</v>
      </c>
      <c r="EP14" s="72">
        <v>6</v>
      </c>
      <c r="EQ14" s="73">
        <v>19</v>
      </c>
      <c r="ER14" s="271"/>
      <c r="ES14" s="72">
        <v>6</v>
      </c>
      <c r="ET14" s="72">
        <v>0</v>
      </c>
      <c r="EU14" s="72">
        <v>5</v>
      </c>
      <c r="EV14" s="72">
        <v>1</v>
      </c>
      <c r="EW14" s="72">
        <v>1</v>
      </c>
      <c r="EX14" s="73">
        <v>13</v>
      </c>
      <c r="EY14" s="74">
        <v>32</v>
      </c>
      <c r="EZ14" s="71">
        <v>13</v>
      </c>
      <c r="FA14" s="72">
        <v>5</v>
      </c>
      <c r="FB14" s="73">
        <v>18</v>
      </c>
      <c r="FC14" s="271"/>
      <c r="FD14" s="72">
        <v>12</v>
      </c>
      <c r="FE14" s="72">
        <v>8</v>
      </c>
      <c r="FF14" s="72">
        <v>4</v>
      </c>
      <c r="FG14" s="72">
        <v>9</v>
      </c>
      <c r="FH14" s="72">
        <v>4</v>
      </c>
      <c r="FI14" s="73">
        <v>37</v>
      </c>
      <c r="FJ14" s="74">
        <v>55</v>
      </c>
      <c r="FK14" s="71">
        <v>9</v>
      </c>
      <c r="FL14" s="72">
        <v>9</v>
      </c>
      <c r="FM14" s="73">
        <v>18</v>
      </c>
      <c r="FN14" s="271"/>
      <c r="FO14" s="72">
        <v>24</v>
      </c>
      <c r="FP14" s="72">
        <v>12</v>
      </c>
      <c r="FQ14" s="72">
        <v>10</v>
      </c>
      <c r="FR14" s="72">
        <v>11</v>
      </c>
      <c r="FS14" s="72">
        <v>11</v>
      </c>
      <c r="FT14" s="73">
        <v>68</v>
      </c>
      <c r="FU14" s="74">
        <v>86</v>
      </c>
      <c r="FV14" s="71">
        <v>0</v>
      </c>
      <c r="FW14" s="72">
        <v>0</v>
      </c>
      <c r="FX14" s="73">
        <v>0</v>
      </c>
      <c r="FY14" s="271"/>
      <c r="FZ14" s="72">
        <v>0</v>
      </c>
      <c r="GA14" s="72">
        <v>0</v>
      </c>
      <c r="GB14" s="72">
        <v>0</v>
      </c>
      <c r="GC14" s="72">
        <v>0</v>
      </c>
      <c r="GD14" s="72">
        <v>0</v>
      </c>
      <c r="GE14" s="73">
        <v>0</v>
      </c>
      <c r="GF14" s="74">
        <v>0</v>
      </c>
      <c r="GG14" s="71">
        <v>42</v>
      </c>
      <c r="GH14" s="72">
        <v>29</v>
      </c>
      <c r="GI14" s="73">
        <v>71</v>
      </c>
      <c r="GJ14" s="271"/>
      <c r="GK14" s="72">
        <v>48</v>
      </c>
      <c r="GL14" s="72">
        <v>23</v>
      </c>
      <c r="GM14" s="72">
        <v>19</v>
      </c>
      <c r="GN14" s="72">
        <v>21</v>
      </c>
      <c r="GO14" s="72">
        <v>17</v>
      </c>
      <c r="GP14" s="73">
        <v>128</v>
      </c>
      <c r="GQ14" s="74">
        <v>199</v>
      </c>
      <c r="GR14" s="127">
        <v>383</v>
      </c>
      <c r="GS14" s="83">
        <v>272</v>
      </c>
      <c r="GT14" s="84">
        <v>655</v>
      </c>
      <c r="GU14" s="271"/>
      <c r="GV14" s="83">
        <v>383</v>
      </c>
      <c r="GW14" s="83">
        <v>221</v>
      </c>
      <c r="GX14" s="83">
        <v>155</v>
      </c>
      <c r="GY14" s="83">
        <v>138</v>
      </c>
      <c r="GZ14" s="83">
        <v>97</v>
      </c>
      <c r="HA14" s="85">
        <v>994</v>
      </c>
      <c r="HB14" s="86">
        <v>1649</v>
      </c>
      <c r="HC14" s="71">
        <v>6</v>
      </c>
      <c r="HD14" s="72">
        <v>1</v>
      </c>
      <c r="HE14" s="73">
        <v>7</v>
      </c>
      <c r="HF14" s="271"/>
      <c r="HG14" s="72">
        <v>8</v>
      </c>
      <c r="HH14" s="72">
        <v>4</v>
      </c>
      <c r="HI14" s="72">
        <v>1</v>
      </c>
      <c r="HJ14" s="72">
        <v>3</v>
      </c>
      <c r="HK14" s="72">
        <v>6</v>
      </c>
      <c r="HL14" s="73">
        <v>22</v>
      </c>
      <c r="HM14" s="74">
        <v>29</v>
      </c>
      <c r="HN14" s="71">
        <v>12</v>
      </c>
      <c r="HO14" s="72">
        <v>18</v>
      </c>
      <c r="HP14" s="73">
        <v>30</v>
      </c>
      <c r="HQ14" s="271"/>
      <c r="HR14" s="72">
        <v>14</v>
      </c>
      <c r="HS14" s="72">
        <v>13</v>
      </c>
      <c r="HT14" s="72">
        <v>4</v>
      </c>
      <c r="HU14" s="72">
        <v>2</v>
      </c>
      <c r="HV14" s="72">
        <v>3</v>
      </c>
      <c r="HW14" s="73">
        <v>36</v>
      </c>
      <c r="HX14" s="74">
        <v>66</v>
      </c>
      <c r="HY14" s="71">
        <v>28</v>
      </c>
      <c r="HZ14" s="72">
        <v>26</v>
      </c>
      <c r="IA14" s="73">
        <v>54</v>
      </c>
      <c r="IB14" s="271"/>
      <c r="IC14" s="72">
        <v>22</v>
      </c>
      <c r="ID14" s="72">
        <v>22</v>
      </c>
      <c r="IE14" s="72">
        <v>13</v>
      </c>
      <c r="IF14" s="72">
        <v>4</v>
      </c>
      <c r="IG14" s="72">
        <v>9</v>
      </c>
      <c r="IH14" s="73">
        <v>70</v>
      </c>
      <c r="II14" s="74">
        <v>124</v>
      </c>
      <c r="IJ14" s="71">
        <v>87</v>
      </c>
      <c r="IK14" s="72">
        <v>60</v>
      </c>
      <c r="IL14" s="73">
        <v>147</v>
      </c>
      <c r="IM14" s="271"/>
      <c r="IN14" s="72">
        <v>67</v>
      </c>
      <c r="IO14" s="72">
        <v>33</v>
      </c>
      <c r="IP14" s="72">
        <v>33</v>
      </c>
      <c r="IQ14" s="72">
        <v>22</v>
      </c>
      <c r="IR14" s="72">
        <v>14</v>
      </c>
      <c r="IS14" s="73">
        <v>169</v>
      </c>
      <c r="IT14" s="74">
        <v>316</v>
      </c>
      <c r="IU14" s="71">
        <v>134</v>
      </c>
      <c r="IV14" s="72">
        <v>90</v>
      </c>
      <c r="IW14" s="73">
        <v>224</v>
      </c>
      <c r="IX14" s="271"/>
      <c r="IY14" s="72">
        <v>124</v>
      </c>
      <c r="IZ14" s="72">
        <v>61</v>
      </c>
      <c r="JA14" s="72">
        <v>41</v>
      </c>
      <c r="JB14" s="72">
        <v>50</v>
      </c>
      <c r="JC14" s="72">
        <v>24</v>
      </c>
      <c r="JD14" s="73">
        <v>300</v>
      </c>
      <c r="JE14" s="74">
        <v>524</v>
      </c>
      <c r="JF14" s="71">
        <v>116</v>
      </c>
      <c r="JG14" s="72">
        <v>77</v>
      </c>
      <c r="JH14" s="73">
        <v>193</v>
      </c>
      <c r="JI14" s="271"/>
      <c r="JJ14" s="72">
        <v>148</v>
      </c>
      <c r="JK14" s="72">
        <v>88</v>
      </c>
      <c r="JL14" s="72">
        <v>63</v>
      </c>
      <c r="JM14" s="72">
        <v>57</v>
      </c>
      <c r="JN14" s="72">
        <v>41</v>
      </c>
      <c r="JO14" s="73">
        <v>397</v>
      </c>
      <c r="JP14" s="74">
        <v>590</v>
      </c>
      <c r="JQ14" s="71">
        <v>0</v>
      </c>
      <c r="JR14" s="72">
        <v>0</v>
      </c>
      <c r="JS14" s="73">
        <v>0</v>
      </c>
      <c r="JT14" s="271"/>
      <c r="JU14" s="72">
        <v>0</v>
      </c>
      <c r="JV14" s="72">
        <v>0</v>
      </c>
      <c r="JW14" s="72">
        <v>0</v>
      </c>
      <c r="JX14" s="72">
        <v>0</v>
      </c>
      <c r="JY14" s="72">
        <v>0</v>
      </c>
      <c r="JZ14" s="73">
        <v>0</v>
      </c>
      <c r="KA14" s="74">
        <v>0</v>
      </c>
      <c r="KB14" s="71">
        <v>383</v>
      </c>
      <c r="KC14" s="72">
        <v>272</v>
      </c>
      <c r="KD14" s="73">
        <v>655</v>
      </c>
      <c r="KE14" s="271"/>
      <c r="KF14" s="72">
        <v>383</v>
      </c>
      <c r="KG14" s="72">
        <v>221</v>
      </c>
      <c r="KH14" s="72">
        <v>155</v>
      </c>
      <c r="KI14" s="72">
        <v>138</v>
      </c>
      <c r="KJ14" s="72">
        <v>97</v>
      </c>
      <c r="KK14" s="73">
        <v>994</v>
      </c>
      <c r="KL14" s="74">
        <v>1649</v>
      </c>
    </row>
    <row r="15" spans="1:298" ht="19.5" customHeight="1" x14ac:dyDescent="0.2">
      <c r="A15" s="130" t="s">
        <v>11</v>
      </c>
      <c r="B15" s="353">
        <v>73</v>
      </c>
      <c r="C15" s="83">
        <v>51</v>
      </c>
      <c r="D15" s="84">
        <v>124</v>
      </c>
      <c r="E15" s="271"/>
      <c r="F15" s="83">
        <v>160</v>
      </c>
      <c r="G15" s="83">
        <v>81</v>
      </c>
      <c r="H15" s="83">
        <v>63</v>
      </c>
      <c r="I15" s="83">
        <v>54</v>
      </c>
      <c r="J15" s="83">
        <v>27</v>
      </c>
      <c r="K15" s="85">
        <v>385</v>
      </c>
      <c r="L15" s="86">
        <v>509</v>
      </c>
      <c r="M15" s="71">
        <v>2</v>
      </c>
      <c r="N15" s="72">
        <v>1</v>
      </c>
      <c r="O15" s="73">
        <v>3</v>
      </c>
      <c r="P15" s="274"/>
      <c r="Q15" s="72">
        <v>6</v>
      </c>
      <c r="R15" s="72">
        <v>2</v>
      </c>
      <c r="S15" s="72">
        <v>0</v>
      </c>
      <c r="T15" s="72">
        <v>0</v>
      </c>
      <c r="U15" s="72">
        <v>0</v>
      </c>
      <c r="V15" s="73">
        <v>8</v>
      </c>
      <c r="W15" s="74">
        <v>11</v>
      </c>
      <c r="X15" s="71">
        <v>1</v>
      </c>
      <c r="Y15" s="72">
        <v>6</v>
      </c>
      <c r="Z15" s="73">
        <v>7</v>
      </c>
      <c r="AA15" s="271"/>
      <c r="AB15" s="72">
        <v>9</v>
      </c>
      <c r="AC15" s="72">
        <v>2</v>
      </c>
      <c r="AD15" s="72">
        <v>4</v>
      </c>
      <c r="AE15" s="72">
        <v>2</v>
      </c>
      <c r="AF15" s="72">
        <v>2</v>
      </c>
      <c r="AG15" s="73">
        <v>19</v>
      </c>
      <c r="AH15" s="74">
        <v>26</v>
      </c>
      <c r="AI15" s="71">
        <v>5</v>
      </c>
      <c r="AJ15" s="72">
        <v>4</v>
      </c>
      <c r="AK15" s="73">
        <v>9</v>
      </c>
      <c r="AL15" s="271"/>
      <c r="AM15" s="72">
        <v>12</v>
      </c>
      <c r="AN15" s="72">
        <v>5</v>
      </c>
      <c r="AO15" s="72">
        <v>7</v>
      </c>
      <c r="AP15" s="72">
        <v>6</v>
      </c>
      <c r="AQ15" s="72">
        <v>4</v>
      </c>
      <c r="AR15" s="73">
        <v>34</v>
      </c>
      <c r="AS15" s="74">
        <v>43</v>
      </c>
      <c r="AT15" s="71">
        <v>18</v>
      </c>
      <c r="AU15" s="72">
        <v>10</v>
      </c>
      <c r="AV15" s="73">
        <v>28</v>
      </c>
      <c r="AW15" s="271"/>
      <c r="AX15" s="72">
        <v>28</v>
      </c>
      <c r="AY15" s="72">
        <v>17</v>
      </c>
      <c r="AZ15" s="72">
        <v>8</v>
      </c>
      <c r="BA15" s="72">
        <v>6</v>
      </c>
      <c r="BB15" s="72">
        <v>7</v>
      </c>
      <c r="BC15" s="73">
        <v>66</v>
      </c>
      <c r="BD15" s="74">
        <v>94</v>
      </c>
      <c r="BE15" s="71">
        <v>29</v>
      </c>
      <c r="BF15" s="72">
        <v>17</v>
      </c>
      <c r="BG15" s="73">
        <v>46</v>
      </c>
      <c r="BH15" s="271"/>
      <c r="BI15" s="72">
        <v>48</v>
      </c>
      <c r="BJ15" s="72">
        <v>25</v>
      </c>
      <c r="BK15" s="72">
        <v>14</v>
      </c>
      <c r="BL15" s="72">
        <v>14</v>
      </c>
      <c r="BM15" s="72">
        <v>8</v>
      </c>
      <c r="BN15" s="73">
        <v>109</v>
      </c>
      <c r="BO15" s="74">
        <v>155</v>
      </c>
      <c r="BP15" s="71">
        <v>18</v>
      </c>
      <c r="BQ15" s="72">
        <v>13</v>
      </c>
      <c r="BR15" s="73">
        <v>31</v>
      </c>
      <c r="BS15" s="271"/>
      <c r="BT15" s="72">
        <v>57</v>
      </c>
      <c r="BU15" s="72">
        <v>30</v>
      </c>
      <c r="BV15" s="72">
        <v>30</v>
      </c>
      <c r="BW15" s="72">
        <v>26</v>
      </c>
      <c r="BX15" s="72">
        <v>6</v>
      </c>
      <c r="BY15" s="73">
        <v>149</v>
      </c>
      <c r="BZ15" s="74">
        <v>180</v>
      </c>
      <c r="CA15" s="71">
        <v>0</v>
      </c>
      <c r="CB15" s="72">
        <v>0</v>
      </c>
      <c r="CC15" s="73">
        <v>0</v>
      </c>
      <c r="CD15" s="271"/>
      <c r="CE15" s="72">
        <v>0</v>
      </c>
      <c r="CF15" s="72">
        <v>0</v>
      </c>
      <c r="CG15" s="72">
        <v>0</v>
      </c>
      <c r="CH15" s="72">
        <v>0</v>
      </c>
      <c r="CI15" s="72">
        <v>0</v>
      </c>
      <c r="CJ15" s="73">
        <v>0</v>
      </c>
      <c r="CK15" s="74">
        <v>0</v>
      </c>
      <c r="CL15" s="71">
        <v>73</v>
      </c>
      <c r="CM15" s="72">
        <v>51</v>
      </c>
      <c r="CN15" s="73">
        <v>124</v>
      </c>
      <c r="CO15" s="271"/>
      <c r="CP15" s="72">
        <v>160</v>
      </c>
      <c r="CQ15" s="72">
        <v>81</v>
      </c>
      <c r="CR15" s="72">
        <v>63</v>
      </c>
      <c r="CS15" s="72">
        <v>54</v>
      </c>
      <c r="CT15" s="72">
        <v>27</v>
      </c>
      <c r="CU15" s="73">
        <v>385</v>
      </c>
      <c r="CV15" s="74">
        <v>509</v>
      </c>
      <c r="CW15" s="127">
        <v>14</v>
      </c>
      <c r="CX15" s="83">
        <v>13</v>
      </c>
      <c r="CY15" s="84">
        <v>27</v>
      </c>
      <c r="CZ15" s="271"/>
      <c r="DA15" s="83">
        <v>23</v>
      </c>
      <c r="DB15" s="83">
        <v>18</v>
      </c>
      <c r="DC15" s="83">
        <v>12</v>
      </c>
      <c r="DD15" s="83">
        <v>17</v>
      </c>
      <c r="DE15" s="83">
        <v>7</v>
      </c>
      <c r="DF15" s="85">
        <v>77</v>
      </c>
      <c r="DG15" s="86">
        <v>104</v>
      </c>
      <c r="DH15" s="71">
        <v>1</v>
      </c>
      <c r="DI15" s="72">
        <v>0</v>
      </c>
      <c r="DJ15" s="73">
        <v>1</v>
      </c>
      <c r="DK15" s="271"/>
      <c r="DL15" s="72">
        <v>1</v>
      </c>
      <c r="DM15" s="72">
        <v>0</v>
      </c>
      <c r="DN15" s="72">
        <v>1</v>
      </c>
      <c r="DO15" s="72">
        <v>0</v>
      </c>
      <c r="DP15" s="72">
        <v>0</v>
      </c>
      <c r="DQ15" s="73">
        <v>2</v>
      </c>
      <c r="DR15" s="74">
        <v>3</v>
      </c>
      <c r="DS15" s="71">
        <v>1</v>
      </c>
      <c r="DT15" s="72">
        <v>1</v>
      </c>
      <c r="DU15" s="73">
        <v>2</v>
      </c>
      <c r="DV15" s="271"/>
      <c r="DW15" s="72">
        <v>1</v>
      </c>
      <c r="DX15" s="72">
        <v>0</v>
      </c>
      <c r="DY15" s="72">
        <v>0</v>
      </c>
      <c r="DZ15" s="72">
        <v>0</v>
      </c>
      <c r="EA15" s="72">
        <v>1</v>
      </c>
      <c r="EB15" s="73">
        <v>2</v>
      </c>
      <c r="EC15" s="74">
        <v>4</v>
      </c>
      <c r="ED15" s="71">
        <v>0</v>
      </c>
      <c r="EE15" s="72">
        <v>0</v>
      </c>
      <c r="EF15" s="73">
        <v>0</v>
      </c>
      <c r="EG15" s="271"/>
      <c r="EH15" s="72">
        <v>0</v>
      </c>
      <c r="EI15" s="72">
        <v>1</v>
      </c>
      <c r="EJ15" s="72">
        <v>1</v>
      </c>
      <c r="EK15" s="72">
        <v>0</v>
      </c>
      <c r="EL15" s="72">
        <v>0</v>
      </c>
      <c r="EM15" s="73">
        <v>2</v>
      </c>
      <c r="EN15" s="74">
        <v>2</v>
      </c>
      <c r="EO15" s="71">
        <v>3</v>
      </c>
      <c r="EP15" s="72">
        <v>2</v>
      </c>
      <c r="EQ15" s="73">
        <v>5</v>
      </c>
      <c r="ER15" s="271"/>
      <c r="ES15" s="72">
        <v>5</v>
      </c>
      <c r="ET15" s="72">
        <v>2</v>
      </c>
      <c r="EU15" s="72">
        <v>0</v>
      </c>
      <c r="EV15" s="72">
        <v>2</v>
      </c>
      <c r="EW15" s="72">
        <v>0</v>
      </c>
      <c r="EX15" s="73">
        <v>9</v>
      </c>
      <c r="EY15" s="74">
        <v>14</v>
      </c>
      <c r="EZ15" s="71">
        <v>6</v>
      </c>
      <c r="FA15" s="72">
        <v>8</v>
      </c>
      <c r="FB15" s="73">
        <v>14</v>
      </c>
      <c r="FC15" s="271"/>
      <c r="FD15" s="72">
        <v>11</v>
      </c>
      <c r="FE15" s="72">
        <v>8</v>
      </c>
      <c r="FF15" s="72">
        <v>3</v>
      </c>
      <c r="FG15" s="72">
        <v>4</v>
      </c>
      <c r="FH15" s="72">
        <v>3</v>
      </c>
      <c r="FI15" s="73">
        <v>29</v>
      </c>
      <c r="FJ15" s="74">
        <v>43</v>
      </c>
      <c r="FK15" s="71">
        <v>3</v>
      </c>
      <c r="FL15" s="72">
        <v>2</v>
      </c>
      <c r="FM15" s="73">
        <v>5</v>
      </c>
      <c r="FN15" s="271"/>
      <c r="FO15" s="72">
        <v>5</v>
      </c>
      <c r="FP15" s="72">
        <v>7</v>
      </c>
      <c r="FQ15" s="72">
        <v>7</v>
      </c>
      <c r="FR15" s="72">
        <v>11</v>
      </c>
      <c r="FS15" s="72">
        <v>3</v>
      </c>
      <c r="FT15" s="73">
        <v>33</v>
      </c>
      <c r="FU15" s="74">
        <v>38</v>
      </c>
      <c r="FV15" s="71">
        <v>0</v>
      </c>
      <c r="FW15" s="72">
        <v>0</v>
      </c>
      <c r="FX15" s="73">
        <v>0</v>
      </c>
      <c r="FY15" s="271"/>
      <c r="FZ15" s="72">
        <v>0</v>
      </c>
      <c r="GA15" s="72">
        <v>0</v>
      </c>
      <c r="GB15" s="72">
        <v>0</v>
      </c>
      <c r="GC15" s="72">
        <v>0</v>
      </c>
      <c r="GD15" s="72">
        <v>0</v>
      </c>
      <c r="GE15" s="73">
        <v>0</v>
      </c>
      <c r="GF15" s="74">
        <v>0</v>
      </c>
      <c r="GG15" s="71">
        <v>14</v>
      </c>
      <c r="GH15" s="72">
        <v>13</v>
      </c>
      <c r="GI15" s="73">
        <v>27</v>
      </c>
      <c r="GJ15" s="271"/>
      <c r="GK15" s="72">
        <v>23</v>
      </c>
      <c r="GL15" s="72">
        <v>18</v>
      </c>
      <c r="GM15" s="72">
        <v>12</v>
      </c>
      <c r="GN15" s="72">
        <v>17</v>
      </c>
      <c r="GO15" s="72">
        <v>7</v>
      </c>
      <c r="GP15" s="73">
        <v>77</v>
      </c>
      <c r="GQ15" s="74">
        <v>104</v>
      </c>
      <c r="GR15" s="127">
        <v>87</v>
      </c>
      <c r="GS15" s="83">
        <v>64</v>
      </c>
      <c r="GT15" s="84">
        <v>151</v>
      </c>
      <c r="GU15" s="271"/>
      <c r="GV15" s="83">
        <v>183</v>
      </c>
      <c r="GW15" s="83">
        <v>99</v>
      </c>
      <c r="GX15" s="83">
        <v>75</v>
      </c>
      <c r="GY15" s="83">
        <v>71</v>
      </c>
      <c r="GZ15" s="83">
        <v>34</v>
      </c>
      <c r="HA15" s="85">
        <v>462</v>
      </c>
      <c r="HB15" s="86">
        <v>613</v>
      </c>
      <c r="HC15" s="71">
        <v>3</v>
      </c>
      <c r="HD15" s="72">
        <v>1</v>
      </c>
      <c r="HE15" s="73">
        <v>4</v>
      </c>
      <c r="HF15" s="271"/>
      <c r="HG15" s="72">
        <v>7</v>
      </c>
      <c r="HH15" s="72">
        <v>2</v>
      </c>
      <c r="HI15" s="72">
        <v>1</v>
      </c>
      <c r="HJ15" s="72">
        <v>0</v>
      </c>
      <c r="HK15" s="72">
        <v>0</v>
      </c>
      <c r="HL15" s="73">
        <v>10</v>
      </c>
      <c r="HM15" s="74">
        <v>14</v>
      </c>
      <c r="HN15" s="71">
        <v>2</v>
      </c>
      <c r="HO15" s="72">
        <v>7</v>
      </c>
      <c r="HP15" s="73">
        <v>9</v>
      </c>
      <c r="HQ15" s="271"/>
      <c r="HR15" s="72">
        <v>10</v>
      </c>
      <c r="HS15" s="72">
        <v>2</v>
      </c>
      <c r="HT15" s="72">
        <v>4</v>
      </c>
      <c r="HU15" s="72">
        <v>2</v>
      </c>
      <c r="HV15" s="72">
        <v>3</v>
      </c>
      <c r="HW15" s="73">
        <v>21</v>
      </c>
      <c r="HX15" s="74">
        <v>30</v>
      </c>
      <c r="HY15" s="71">
        <v>5</v>
      </c>
      <c r="HZ15" s="72">
        <v>4</v>
      </c>
      <c r="IA15" s="73">
        <v>9</v>
      </c>
      <c r="IB15" s="271"/>
      <c r="IC15" s="72">
        <v>12</v>
      </c>
      <c r="ID15" s="72">
        <v>6</v>
      </c>
      <c r="IE15" s="72">
        <v>8</v>
      </c>
      <c r="IF15" s="72">
        <v>6</v>
      </c>
      <c r="IG15" s="72">
        <v>4</v>
      </c>
      <c r="IH15" s="73">
        <v>36</v>
      </c>
      <c r="II15" s="74">
        <v>45</v>
      </c>
      <c r="IJ15" s="71">
        <v>21</v>
      </c>
      <c r="IK15" s="72">
        <v>12</v>
      </c>
      <c r="IL15" s="73">
        <v>33</v>
      </c>
      <c r="IM15" s="271"/>
      <c r="IN15" s="72">
        <v>33</v>
      </c>
      <c r="IO15" s="72">
        <v>19</v>
      </c>
      <c r="IP15" s="72">
        <v>8</v>
      </c>
      <c r="IQ15" s="72">
        <v>8</v>
      </c>
      <c r="IR15" s="72">
        <v>7</v>
      </c>
      <c r="IS15" s="73">
        <v>75</v>
      </c>
      <c r="IT15" s="74">
        <v>108</v>
      </c>
      <c r="IU15" s="71">
        <v>35</v>
      </c>
      <c r="IV15" s="72">
        <v>25</v>
      </c>
      <c r="IW15" s="73">
        <v>60</v>
      </c>
      <c r="IX15" s="271"/>
      <c r="IY15" s="72">
        <v>59</v>
      </c>
      <c r="IZ15" s="72">
        <v>33</v>
      </c>
      <c r="JA15" s="72">
        <v>17</v>
      </c>
      <c r="JB15" s="72">
        <v>18</v>
      </c>
      <c r="JC15" s="72">
        <v>11</v>
      </c>
      <c r="JD15" s="73">
        <v>138</v>
      </c>
      <c r="JE15" s="74">
        <v>198</v>
      </c>
      <c r="JF15" s="71">
        <v>21</v>
      </c>
      <c r="JG15" s="72">
        <v>15</v>
      </c>
      <c r="JH15" s="73">
        <v>36</v>
      </c>
      <c r="JI15" s="271"/>
      <c r="JJ15" s="72">
        <v>62</v>
      </c>
      <c r="JK15" s="72">
        <v>37</v>
      </c>
      <c r="JL15" s="72">
        <v>37</v>
      </c>
      <c r="JM15" s="72">
        <v>37</v>
      </c>
      <c r="JN15" s="72">
        <v>9</v>
      </c>
      <c r="JO15" s="73">
        <v>182</v>
      </c>
      <c r="JP15" s="74">
        <v>218</v>
      </c>
      <c r="JQ15" s="71">
        <v>0</v>
      </c>
      <c r="JR15" s="72">
        <v>0</v>
      </c>
      <c r="JS15" s="73">
        <v>0</v>
      </c>
      <c r="JT15" s="271"/>
      <c r="JU15" s="72">
        <v>0</v>
      </c>
      <c r="JV15" s="72">
        <v>0</v>
      </c>
      <c r="JW15" s="72">
        <v>0</v>
      </c>
      <c r="JX15" s="72">
        <v>0</v>
      </c>
      <c r="JY15" s="72">
        <v>0</v>
      </c>
      <c r="JZ15" s="73">
        <v>0</v>
      </c>
      <c r="KA15" s="74">
        <v>0</v>
      </c>
      <c r="KB15" s="71">
        <v>87</v>
      </c>
      <c r="KC15" s="72">
        <v>64</v>
      </c>
      <c r="KD15" s="73">
        <v>151</v>
      </c>
      <c r="KE15" s="271"/>
      <c r="KF15" s="72">
        <v>183</v>
      </c>
      <c r="KG15" s="72">
        <v>99</v>
      </c>
      <c r="KH15" s="72">
        <v>75</v>
      </c>
      <c r="KI15" s="72">
        <v>71</v>
      </c>
      <c r="KJ15" s="72">
        <v>34</v>
      </c>
      <c r="KK15" s="73">
        <v>462</v>
      </c>
      <c r="KL15" s="74">
        <v>613</v>
      </c>
    </row>
    <row r="16" spans="1:298" ht="19.5" customHeight="1" x14ac:dyDescent="0.2">
      <c r="A16" s="130" t="s">
        <v>12</v>
      </c>
      <c r="B16" s="353">
        <v>145</v>
      </c>
      <c r="C16" s="83">
        <v>118</v>
      </c>
      <c r="D16" s="84">
        <v>263</v>
      </c>
      <c r="E16" s="271"/>
      <c r="F16" s="83">
        <v>177</v>
      </c>
      <c r="G16" s="83">
        <v>114</v>
      </c>
      <c r="H16" s="83">
        <v>90</v>
      </c>
      <c r="I16" s="83">
        <v>88</v>
      </c>
      <c r="J16" s="83">
        <v>44</v>
      </c>
      <c r="K16" s="85">
        <v>513</v>
      </c>
      <c r="L16" s="86">
        <v>776</v>
      </c>
      <c r="M16" s="87">
        <v>3</v>
      </c>
      <c r="N16" s="72">
        <v>2</v>
      </c>
      <c r="O16" s="73">
        <v>5</v>
      </c>
      <c r="P16" s="274"/>
      <c r="Q16" s="72">
        <v>2</v>
      </c>
      <c r="R16" s="72">
        <v>1</v>
      </c>
      <c r="S16" s="72">
        <v>1</v>
      </c>
      <c r="T16" s="72">
        <v>0</v>
      </c>
      <c r="U16" s="72">
        <v>1</v>
      </c>
      <c r="V16" s="73">
        <v>5</v>
      </c>
      <c r="W16" s="74">
        <v>10</v>
      </c>
      <c r="X16" s="71">
        <v>8</v>
      </c>
      <c r="Y16" s="72">
        <v>7</v>
      </c>
      <c r="Z16" s="73">
        <v>15</v>
      </c>
      <c r="AA16" s="271"/>
      <c r="AB16" s="72">
        <v>7</v>
      </c>
      <c r="AC16" s="72">
        <v>1</v>
      </c>
      <c r="AD16" s="72">
        <v>3</v>
      </c>
      <c r="AE16" s="72">
        <v>4</v>
      </c>
      <c r="AF16" s="72">
        <v>4</v>
      </c>
      <c r="AG16" s="73">
        <v>19</v>
      </c>
      <c r="AH16" s="74">
        <v>34</v>
      </c>
      <c r="AI16" s="87">
        <v>9</v>
      </c>
      <c r="AJ16" s="72">
        <v>7</v>
      </c>
      <c r="AK16" s="73">
        <v>16</v>
      </c>
      <c r="AL16" s="271"/>
      <c r="AM16" s="72">
        <v>13</v>
      </c>
      <c r="AN16" s="72">
        <v>10</v>
      </c>
      <c r="AO16" s="72">
        <v>10</v>
      </c>
      <c r="AP16" s="72">
        <v>11</v>
      </c>
      <c r="AQ16" s="72">
        <v>4</v>
      </c>
      <c r="AR16" s="73">
        <v>48</v>
      </c>
      <c r="AS16" s="74">
        <v>64</v>
      </c>
      <c r="AT16" s="71">
        <v>26</v>
      </c>
      <c r="AU16" s="72">
        <v>22</v>
      </c>
      <c r="AV16" s="73">
        <v>48</v>
      </c>
      <c r="AW16" s="271"/>
      <c r="AX16" s="72">
        <v>40</v>
      </c>
      <c r="AY16" s="72">
        <v>20</v>
      </c>
      <c r="AZ16" s="72">
        <v>16</v>
      </c>
      <c r="BA16" s="72">
        <v>11</v>
      </c>
      <c r="BB16" s="72">
        <v>10</v>
      </c>
      <c r="BC16" s="73">
        <v>97</v>
      </c>
      <c r="BD16" s="74">
        <v>145</v>
      </c>
      <c r="BE16" s="87">
        <v>48</v>
      </c>
      <c r="BF16" s="72">
        <v>38</v>
      </c>
      <c r="BG16" s="73">
        <v>86</v>
      </c>
      <c r="BH16" s="271"/>
      <c r="BI16" s="72">
        <v>70</v>
      </c>
      <c r="BJ16" s="72">
        <v>36</v>
      </c>
      <c r="BK16" s="72">
        <v>28</v>
      </c>
      <c r="BL16" s="72">
        <v>28</v>
      </c>
      <c r="BM16" s="72">
        <v>10</v>
      </c>
      <c r="BN16" s="73">
        <v>172</v>
      </c>
      <c r="BO16" s="74">
        <v>258</v>
      </c>
      <c r="BP16" s="71">
        <v>51</v>
      </c>
      <c r="BQ16" s="72">
        <v>42</v>
      </c>
      <c r="BR16" s="73">
        <v>93</v>
      </c>
      <c r="BS16" s="271"/>
      <c r="BT16" s="72">
        <v>45</v>
      </c>
      <c r="BU16" s="72">
        <v>46</v>
      </c>
      <c r="BV16" s="72">
        <v>32</v>
      </c>
      <c r="BW16" s="72">
        <v>34</v>
      </c>
      <c r="BX16" s="72">
        <v>15</v>
      </c>
      <c r="BY16" s="73">
        <v>172</v>
      </c>
      <c r="BZ16" s="74">
        <v>265</v>
      </c>
      <c r="CA16" s="71">
        <v>0</v>
      </c>
      <c r="CB16" s="72">
        <v>0</v>
      </c>
      <c r="CC16" s="73">
        <v>0</v>
      </c>
      <c r="CD16" s="271"/>
      <c r="CE16" s="72">
        <v>0</v>
      </c>
      <c r="CF16" s="72">
        <v>0</v>
      </c>
      <c r="CG16" s="72">
        <v>0</v>
      </c>
      <c r="CH16" s="72">
        <v>0</v>
      </c>
      <c r="CI16" s="72">
        <v>0</v>
      </c>
      <c r="CJ16" s="73">
        <v>0</v>
      </c>
      <c r="CK16" s="74">
        <v>0</v>
      </c>
      <c r="CL16" s="71">
        <v>145</v>
      </c>
      <c r="CM16" s="72">
        <v>118</v>
      </c>
      <c r="CN16" s="73">
        <v>263</v>
      </c>
      <c r="CO16" s="271"/>
      <c r="CP16" s="72">
        <v>177</v>
      </c>
      <c r="CQ16" s="72">
        <v>114</v>
      </c>
      <c r="CR16" s="72">
        <v>90</v>
      </c>
      <c r="CS16" s="72">
        <v>88</v>
      </c>
      <c r="CT16" s="72">
        <v>44</v>
      </c>
      <c r="CU16" s="73">
        <v>513</v>
      </c>
      <c r="CV16" s="74">
        <v>776</v>
      </c>
      <c r="CW16" s="127">
        <v>18</v>
      </c>
      <c r="CX16" s="83">
        <v>26</v>
      </c>
      <c r="CY16" s="84">
        <v>44</v>
      </c>
      <c r="CZ16" s="271"/>
      <c r="DA16" s="83">
        <v>17</v>
      </c>
      <c r="DB16" s="83">
        <v>15</v>
      </c>
      <c r="DC16" s="83">
        <v>8</v>
      </c>
      <c r="DD16" s="83">
        <v>16</v>
      </c>
      <c r="DE16" s="83">
        <v>5</v>
      </c>
      <c r="DF16" s="85">
        <v>61</v>
      </c>
      <c r="DG16" s="86">
        <v>105</v>
      </c>
      <c r="DH16" s="87">
        <v>0</v>
      </c>
      <c r="DI16" s="72">
        <v>1</v>
      </c>
      <c r="DJ16" s="73">
        <v>1</v>
      </c>
      <c r="DK16" s="271"/>
      <c r="DL16" s="72">
        <v>0</v>
      </c>
      <c r="DM16" s="72">
        <v>0</v>
      </c>
      <c r="DN16" s="72">
        <v>1</v>
      </c>
      <c r="DO16" s="72">
        <v>0</v>
      </c>
      <c r="DP16" s="72">
        <v>0</v>
      </c>
      <c r="DQ16" s="73">
        <v>1</v>
      </c>
      <c r="DR16" s="74">
        <v>2</v>
      </c>
      <c r="DS16" s="71">
        <v>1</v>
      </c>
      <c r="DT16" s="72">
        <v>1</v>
      </c>
      <c r="DU16" s="73">
        <v>2</v>
      </c>
      <c r="DV16" s="271"/>
      <c r="DW16" s="72">
        <v>3</v>
      </c>
      <c r="DX16" s="72">
        <v>0</v>
      </c>
      <c r="DY16" s="72">
        <v>0</v>
      </c>
      <c r="DZ16" s="72">
        <v>1</v>
      </c>
      <c r="EA16" s="72">
        <v>0</v>
      </c>
      <c r="EB16" s="73">
        <v>4</v>
      </c>
      <c r="EC16" s="74">
        <v>6</v>
      </c>
      <c r="ED16" s="87">
        <v>1</v>
      </c>
      <c r="EE16" s="72">
        <v>1</v>
      </c>
      <c r="EF16" s="73">
        <v>2</v>
      </c>
      <c r="EG16" s="271"/>
      <c r="EH16" s="72">
        <v>1</v>
      </c>
      <c r="EI16" s="72">
        <v>2</v>
      </c>
      <c r="EJ16" s="72">
        <v>1</v>
      </c>
      <c r="EK16" s="72">
        <v>1</v>
      </c>
      <c r="EL16" s="72">
        <v>1</v>
      </c>
      <c r="EM16" s="73">
        <v>6</v>
      </c>
      <c r="EN16" s="74">
        <v>8</v>
      </c>
      <c r="EO16" s="71">
        <v>6</v>
      </c>
      <c r="EP16" s="72">
        <v>6</v>
      </c>
      <c r="EQ16" s="73">
        <v>12</v>
      </c>
      <c r="ER16" s="271"/>
      <c r="ES16" s="72">
        <v>0</v>
      </c>
      <c r="ET16" s="72">
        <v>2</v>
      </c>
      <c r="EU16" s="72">
        <v>1</v>
      </c>
      <c r="EV16" s="72">
        <v>3</v>
      </c>
      <c r="EW16" s="72">
        <v>0</v>
      </c>
      <c r="EX16" s="73">
        <v>6</v>
      </c>
      <c r="EY16" s="74">
        <v>18</v>
      </c>
      <c r="EZ16" s="87">
        <v>4</v>
      </c>
      <c r="FA16" s="72">
        <v>10</v>
      </c>
      <c r="FB16" s="73">
        <v>14</v>
      </c>
      <c r="FC16" s="271"/>
      <c r="FD16" s="72">
        <v>6</v>
      </c>
      <c r="FE16" s="72">
        <v>3</v>
      </c>
      <c r="FF16" s="72">
        <v>2</v>
      </c>
      <c r="FG16" s="72">
        <v>0</v>
      </c>
      <c r="FH16" s="72">
        <v>1</v>
      </c>
      <c r="FI16" s="73">
        <v>12</v>
      </c>
      <c r="FJ16" s="74">
        <v>26</v>
      </c>
      <c r="FK16" s="71">
        <v>6</v>
      </c>
      <c r="FL16" s="72">
        <v>7</v>
      </c>
      <c r="FM16" s="73">
        <v>13</v>
      </c>
      <c r="FN16" s="271"/>
      <c r="FO16" s="72">
        <v>7</v>
      </c>
      <c r="FP16" s="72">
        <v>8</v>
      </c>
      <c r="FQ16" s="72">
        <v>3</v>
      </c>
      <c r="FR16" s="72">
        <v>11</v>
      </c>
      <c r="FS16" s="72">
        <v>3</v>
      </c>
      <c r="FT16" s="73">
        <v>32</v>
      </c>
      <c r="FU16" s="74">
        <v>45</v>
      </c>
      <c r="FV16" s="71">
        <v>0</v>
      </c>
      <c r="FW16" s="72">
        <v>0</v>
      </c>
      <c r="FX16" s="73">
        <v>0</v>
      </c>
      <c r="FY16" s="271"/>
      <c r="FZ16" s="72">
        <v>0</v>
      </c>
      <c r="GA16" s="72">
        <v>0</v>
      </c>
      <c r="GB16" s="72">
        <v>0</v>
      </c>
      <c r="GC16" s="72">
        <v>0</v>
      </c>
      <c r="GD16" s="72">
        <v>0</v>
      </c>
      <c r="GE16" s="73">
        <v>0</v>
      </c>
      <c r="GF16" s="74">
        <v>0</v>
      </c>
      <c r="GG16" s="71">
        <v>18</v>
      </c>
      <c r="GH16" s="72">
        <v>26</v>
      </c>
      <c r="GI16" s="73">
        <v>44</v>
      </c>
      <c r="GJ16" s="271"/>
      <c r="GK16" s="72">
        <v>17</v>
      </c>
      <c r="GL16" s="72">
        <v>15</v>
      </c>
      <c r="GM16" s="72">
        <v>8</v>
      </c>
      <c r="GN16" s="72">
        <v>16</v>
      </c>
      <c r="GO16" s="72">
        <v>5</v>
      </c>
      <c r="GP16" s="73">
        <v>61</v>
      </c>
      <c r="GQ16" s="74">
        <v>105</v>
      </c>
      <c r="GR16" s="127">
        <v>163</v>
      </c>
      <c r="GS16" s="83">
        <v>144</v>
      </c>
      <c r="GT16" s="84">
        <v>307</v>
      </c>
      <c r="GU16" s="271"/>
      <c r="GV16" s="83">
        <v>194</v>
      </c>
      <c r="GW16" s="83">
        <v>129</v>
      </c>
      <c r="GX16" s="83">
        <v>98</v>
      </c>
      <c r="GY16" s="83">
        <v>104</v>
      </c>
      <c r="GZ16" s="83">
        <v>49</v>
      </c>
      <c r="HA16" s="85">
        <v>574</v>
      </c>
      <c r="HB16" s="86">
        <v>881</v>
      </c>
      <c r="HC16" s="87">
        <v>3</v>
      </c>
      <c r="HD16" s="72">
        <v>3</v>
      </c>
      <c r="HE16" s="73">
        <v>6</v>
      </c>
      <c r="HF16" s="271"/>
      <c r="HG16" s="72">
        <v>2</v>
      </c>
      <c r="HH16" s="72">
        <v>1</v>
      </c>
      <c r="HI16" s="72">
        <v>2</v>
      </c>
      <c r="HJ16" s="72">
        <v>0</v>
      </c>
      <c r="HK16" s="72">
        <v>1</v>
      </c>
      <c r="HL16" s="73">
        <v>6</v>
      </c>
      <c r="HM16" s="74">
        <v>12</v>
      </c>
      <c r="HN16" s="71">
        <v>9</v>
      </c>
      <c r="HO16" s="72">
        <v>8</v>
      </c>
      <c r="HP16" s="73">
        <v>17</v>
      </c>
      <c r="HQ16" s="271"/>
      <c r="HR16" s="72">
        <v>10</v>
      </c>
      <c r="HS16" s="72">
        <v>1</v>
      </c>
      <c r="HT16" s="72">
        <v>3</v>
      </c>
      <c r="HU16" s="72">
        <v>5</v>
      </c>
      <c r="HV16" s="72">
        <v>4</v>
      </c>
      <c r="HW16" s="73">
        <v>23</v>
      </c>
      <c r="HX16" s="74">
        <v>40</v>
      </c>
      <c r="HY16" s="87">
        <v>10</v>
      </c>
      <c r="HZ16" s="72">
        <v>8</v>
      </c>
      <c r="IA16" s="73">
        <v>18</v>
      </c>
      <c r="IB16" s="271"/>
      <c r="IC16" s="72">
        <v>14</v>
      </c>
      <c r="ID16" s="72">
        <v>12</v>
      </c>
      <c r="IE16" s="72">
        <v>11</v>
      </c>
      <c r="IF16" s="72">
        <v>12</v>
      </c>
      <c r="IG16" s="72">
        <v>5</v>
      </c>
      <c r="IH16" s="73">
        <v>54</v>
      </c>
      <c r="II16" s="74">
        <v>72</v>
      </c>
      <c r="IJ16" s="71">
        <v>32</v>
      </c>
      <c r="IK16" s="72">
        <v>28</v>
      </c>
      <c r="IL16" s="73">
        <v>60</v>
      </c>
      <c r="IM16" s="271"/>
      <c r="IN16" s="72">
        <v>40</v>
      </c>
      <c r="IO16" s="72">
        <v>22</v>
      </c>
      <c r="IP16" s="72">
        <v>17</v>
      </c>
      <c r="IQ16" s="72">
        <v>14</v>
      </c>
      <c r="IR16" s="72">
        <v>10</v>
      </c>
      <c r="IS16" s="73">
        <v>103</v>
      </c>
      <c r="IT16" s="74">
        <v>163</v>
      </c>
      <c r="IU16" s="87">
        <v>52</v>
      </c>
      <c r="IV16" s="72">
        <v>48</v>
      </c>
      <c r="IW16" s="73">
        <v>100</v>
      </c>
      <c r="IX16" s="271"/>
      <c r="IY16" s="72">
        <v>76</v>
      </c>
      <c r="IZ16" s="72">
        <v>39</v>
      </c>
      <c r="JA16" s="72">
        <v>30</v>
      </c>
      <c r="JB16" s="72">
        <v>28</v>
      </c>
      <c r="JC16" s="72">
        <v>11</v>
      </c>
      <c r="JD16" s="73">
        <v>184</v>
      </c>
      <c r="JE16" s="74">
        <v>284</v>
      </c>
      <c r="JF16" s="71">
        <v>57</v>
      </c>
      <c r="JG16" s="72">
        <v>49</v>
      </c>
      <c r="JH16" s="73">
        <v>106</v>
      </c>
      <c r="JI16" s="271"/>
      <c r="JJ16" s="72">
        <v>52</v>
      </c>
      <c r="JK16" s="72">
        <v>54</v>
      </c>
      <c r="JL16" s="72">
        <v>35</v>
      </c>
      <c r="JM16" s="72">
        <v>45</v>
      </c>
      <c r="JN16" s="72">
        <v>18</v>
      </c>
      <c r="JO16" s="73">
        <v>204</v>
      </c>
      <c r="JP16" s="74">
        <v>310</v>
      </c>
      <c r="JQ16" s="71">
        <v>0</v>
      </c>
      <c r="JR16" s="72">
        <v>0</v>
      </c>
      <c r="JS16" s="73">
        <v>0</v>
      </c>
      <c r="JT16" s="271"/>
      <c r="JU16" s="72">
        <v>0</v>
      </c>
      <c r="JV16" s="72">
        <v>0</v>
      </c>
      <c r="JW16" s="72">
        <v>0</v>
      </c>
      <c r="JX16" s="72">
        <v>0</v>
      </c>
      <c r="JY16" s="72">
        <v>0</v>
      </c>
      <c r="JZ16" s="73">
        <v>0</v>
      </c>
      <c r="KA16" s="74">
        <v>0</v>
      </c>
      <c r="KB16" s="71">
        <v>163</v>
      </c>
      <c r="KC16" s="72">
        <v>144</v>
      </c>
      <c r="KD16" s="73">
        <v>307</v>
      </c>
      <c r="KE16" s="271"/>
      <c r="KF16" s="72">
        <v>194</v>
      </c>
      <c r="KG16" s="72">
        <v>129</v>
      </c>
      <c r="KH16" s="72">
        <v>98</v>
      </c>
      <c r="KI16" s="72">
        <v>104</v>
      </c>
      <c r="KJ16" s="72">
        <v>49</v>
      </c>
      <c r="KK16" s="73">
        <v>574</v>
      </c>
      <c r="KL16" s="74">
        <v>881</v>
      </c>
    </row>
    <row r="17" spans="1:298" ht="19.5" customHeight="1" x14ac:dyDescent="0.2">
      <c r="A17" s="130" t="s">
        <v>13</v>
      </c>
      <c r="B17" s="353">
        <v>28</v>
      </c>
      <c r="C17" s="83">
        <v>52</v>
      </c>
      <c r="D17" s="84">
        <v>80</v>
      </c>
      <c r="E17" s="271"/>
      <c r="F17" s="83">
        <v>78</v>
      </c>
      <c r="G17" s="83">
        <v>63</v>
      </c>
      <c r="H17" s="83">
        <v>43</v>
      </c>
      <c r="I17" s="83">
        <v>41</v>
      </c>
      <c r="J17" s="83">
        <v>24</v>
      </c>
      <c r="K17" s="85">
        <v>249</v>
      </c>
      <c r="L17" s="86">
        <v>329</v>
      </c>
      <c r="M17" s="71">
        <v>0</v>
      </c>
      <c r="N17" s="72">
        <v>0</v>
      </c>
      <c r="O17" s="73">
        <v>0</v>
      </c>
      <c r="P17" s="274"/>
      <c r="Q17" s="72">
        <v>0</v>
      </c>
      <c r="R17" s="72">
        <v>0</v>
      </c>
      <c r="S17" s="72">
        <v>0</v>
      </c>
      <c r="T17" s="72">
        <v>0</v>
      </c>
      <c r="U17" s="72">
        <v>0</v>
      </c>
      <c r="V17" s="73">
        <v>0</v>
      </c>
      <c r="W17" s="74">
        <v>0</v>
      </c>
      <c r="X17" s="71">
        <v>0</v>
      </c>
      <c r="Y17" s="72">
        <v>2</v>
      </c>
      <c r="Z17" s="73">
        <v>2</v>
      </c>
      <c r="AA17" s="271"/>
      <c r="AB17" s="72">
        <v>1</v>
      </c>
      <c r="AC17" s="72">
        <v>2</v>
      </c>
      <c r="AD17" s="72">
        <v>0</v>
      </c>
      <c r="AE17" s="72">
        <v>1</v>
      </c>
      <c r="AF17" s="72">
        <v>1</v>
      </c>
      <c r="AG17" s="73">
        <v>5</v>
      </c>
      <c r="AH17" s="74">
        <v>7</v>
      </c>
      <c r="AI17" s="71">
        <v>3</v>
      </c>
      <c r="AJ17" s="72">
        <v>2</v>
      </c>
      <c r="AK17" s="73">
        <v>5</v>
      </c>
      <c r="AL17" s="271"/>
      <c r="AM17" s="72">
        <v>4</v>
      </c>
      <c r="AN17" s="72">
        <v>2</v>
      </c>
      <c r="AO17" s="72">
        <v>2</v>
      </c>
      <c r="AP17" s="72">
        <v>4</v>
      </c>
      <c r="AQ17" s="72">
        <v>1</v>
      </c>
      <c r="AR17" s="73">
        <v>13</v>
      </c>
      <c r="AS17" s="74">
        <v>18</v>
      </c>
      <c r="AT17" s="71">
        <v>3</v>
      </c>
      <c r="AU17" s="72">
        <v>17</v>
      </c>
      <c r="AV17" s="73">
        <v>20</v>
      </c>
      <c r="AW17" s="271"/>
      <c r="AX17" s="72">
        <v>12</v>
      </c>
      <c r="AY17" s="72">
        <v>9</v>
      </c>
      <c r="AZ17" s="72">
        <v>7</v>
      </c>
      <c r="BA17" s="72">
        <v>6</v>
      </c>
      <c r="BB17" s="72">
        <v>3</v>
      </c>
      <c r="BC17" s="73">
        <v>37</v>
      </c>
      <c r="BD17" s="74">
        <v>57</v>
      </c>
      <c r="BE17" s="71">
        <v>11</v>
      </c>
      <c r="BF17" s="72">
        <v>17</v>
      </c>
      <c r="BG17" s="73">
        <v>28</v>
      </c>
      <c r="BH17" s="271"/>
      <c r="BI17" s="72">
        <v>31</v>
      </c>
      <c r="BJ17" s="72">
        <v>26</v>
      </c>
      <c r="BK17" s="72">
        <v>17</v>
      </c>
      <c r="BL17" s="72">
        <v>13</v>
      </c>
      <c r="BM17" s="72">
        <v>9</v>
      </c>
      <c r="BN17" s="73">
        <v>96</v>
      </c>
      <c r="BO17" s="74">
        <v>124</v>
      </c>
      <c r="BP17" s="71">
        <v>11</v>
      </c>
      <c r="BQ17" s="72">
        <v>14</v>
      </c>
      <c r="BR17" s="73">
        <v>25</v>
      </c>
      <c r="BS17" s="271"/>
      <c r="BT17" s="72">
        <v>30</v>
      </c>
      <c r="BU17" s="72">
        <v>24</v>
      </c>
      <c r="BV17" s="72">
        <v>17</v>
      </c>
      <c r="BW17" s="72">
        <v>17</v>
      </c>
      <c r="BX17" s="72">
        <v>10</v>
      </c>
      <c r="BY17" s="73">
        <v>98</v>
      </c>
      <c r="BZ17" s="74">
        <v>123</v>
      </c>
      <c r="CA17" s="71">
        <v>0</v>
      </c>
      <c r="CB17" s="72">
        <v>0</v>
      </c>
      <c r="CC17" s="73">
        <v>0</v>
      </c>
      <c r="CD17" s="271"/>
      <c r="CE17" s="72">
        <v>0</v>
      </c>
      <c r="CF17" s="72">
        <v>0</v>
      </c>
      <c r="CG17" s="72">
        <v>0</v>
      </c>
      <c r="CH17" s="72">
        <v>0</v>
      </c>
      <c r="CI17" s="72">
        <v>0</v>
      </c>
      <c r="CJ17" s="73">
        <v>0</v>
      </c>
      <c r="CK17" s="74">
        <v>0</v>
      </c>
      <c r="CL17" s="71">
        <v>28</v>
      </c>
      <c r="CM17" s="72">
        <v>52</v>
      </c>
      <c r="CN17" s="73">
        <v>80</v>
      </c>
      <c r="CO17" s="271"/>
      <c r="CP17" s="72">
        <v>78</v>
      </c>
      <c r="CQ17" s="72">
        <v>63</v>
      </c>
      <c r="CR17" s="72">
        <v>43</v>
      </c>
      <c r="CS17" s="72">
        <v>41</v>
      </c>
      <c r="CT17" s="72">
        <v>24</v>
      </c>
      <c r="CU17" s="73">
        <v>249</v>
      </c>
      <c r="CV17" s="74">
        <v>329</v>
      </c>
      <c r="CW17" s="127">
        <v>5</v>
      </c>
      <c r="CX17" s="83">
        <v>2</v>
      </c>
      <c r="CY17" s="84">
        <v>7</v>
      </c>
      <c r="CZ17" s="271"/>
      <c r="DA17" s="83">
        <v>11</v>
      </c>
      <c r="DB17" s="83">
        <v>10</v>
      </c>
      <c r="DC17" s="83">
        <v>5</v>
      </c>
      <c r="DD17" s="83">
        <v>9</v>
      </c>
      <c r="DE17" s="83">
        <v>6</v>
      </c>
      <c r="DF17" s="85">
        <v>41</v>
      </c>
      <c r="DG17" s="86">
        <v>48</v>
      </c>
      <c r="DH17" s="71">
        <v>0</v>
      </c>
      <c r="DI17" s="72">
        <v>0</v>
      </c>
      <c r="DJ17" s="73">
        <v>0</v>
      </c>
      <c r="DK17" s="271"/>
      <c r="DL17" s="72">
        <v>0</v>
      </c>
      <c r="DM17" s="72">
        <v>0</v>
      </c>
      <c r="DN17" s="72">
        <v>0</v>
      </c>
      <c r="DO17" s="72">
        <v>0</v>
      </c>
      <c r="DP17" s="72">
        <v>0</v>
      </c>
      <c r="DQ17" s="73">
        <v>0</v>
      </c>
      <c r="DR17" s="74">
        <v>0</v>
      </c>
      <c r="DS17" s="71">
        <v>0</v>
      </c>
      <c r="DT17" s="72">
        <v>0</v>
      </c>
      <c r="DU17" s="73">
        <v>0</v>
      </c>
      <c r="DV17" s="271"/>
      <c r="DW17" s="72">
        <v>0</v>
      </c>
      <c r="DX17" s="72">
        <v>0</v>
      </c>
      <c r="DY17" s="72">
        <v>0</v>
      </c>
      <c r="DZ17" s="72">
        <v>0</v>
      </c>
      <c r="EA17" s="72">
        <v>0</v>
      </c>
      <c r="EB17" s="73">
        <v>0</v>
      </c>
      <c r="EC17" s="74">
        <v>0</v>
      </c>
      <c r="ED17" s="71">
        <v>0</v>
      </c>
      <c r="EE17" s="72">
        <v>0</v>
      </c>
      <c r="EF17" s="73">
        <v>0</v>
      </c>
      <c r="EG17" s="271"/>
      <c r="EH17" s="72">
        <v>0</v>
      </c>
      <c r="EI17" s="72">
        <v>1</v>
      </c>
      <c r="EJ17" s="72">
        <v>0</v>
      </c>
      <c r="EK17" s="72">
        <v>0</v>
      </c>
      <c r="EL17" s="72">
        <v>1</v>
      </c>
      <c r="EM17" s="73">
        <v>2</v>
      </c>
      <c r="EN17" s="74">
        <v>2</v>
      </c>
      <c r="EO17" s="71">
        <v>2</v>
      </c>
      <c r="EP17" s="72">
        <v>0</v>
      </c>
      <c r="EQ17" s="73">
        <v>2</v>
      </c>
      <c r="ER17" s="271"/>
      <c r="ES17" s="72">
        <v>4</v>
      </c>
      <c r="ET17" s="72">
        <v>0</v>
      </c>
      <c r="EU17" s="72">
        <v>2</v>
      </c>
      <c r="EV17" s="72">
        <v>1</v>
      </c>
      <c r="EW17" s="72">
        <v>1</v>
      </c>
      <c r="EX17" s="73">
        <v>8</v>
      </c>
      <c r="EY17" s="74">
        <v>10</v>
      </c>
      <c r="EZ17" s="71">
        <v>3</v>
      </c>
      <c r="FA17" s="72">
        <v>1</v>
      </c>
      <c r="FB17" s="73">
        <v>4</v>
      </c>
      <c r="FC17" s="271"/>
      <c r="FD17" s="72">
        <v>5</v>
      </c>
      <c r="FE17" s="72">
        <v>4</v>
      </c>
      <c r="FF17" s="72">
        <v>0</v>
      </c>
      <c r="FG17" s="72">
        <v>3</v>
      </c>
      <c r="FH17" s="72">
        <v>1</v>
      </c>
      <c r="FI17" s="73">
        <v>13</v>
      </c>
      <c r="FJ17" s="74">
        <v>17</v>
      </c>
      <c r="FK17" s="71">
        <v>0</v>
      </c>
      <c r="FL17" s="72">
        <v>1</v>
      </c>
      <c r="FM17" s="73">
        <v>1</v>
      </c>
      <c r="FN17" s="271"/>
      <c r="FO17" s="72">
        <v>2</v>
      </c>
      <c r="FP17" s="72">
        <v>5</v>
      </c>
      <c r="FQ17" s="72">
        <v>3</v>
      </c>
      <c r="FR17" s="72">
        <v>5</v>
      </c>
      <c r="FS17" s="72">
        <v>3</v>
      </c>
      <c r="FT17" s="73">
        <v>18</v>
      </c>
      <c r="FU17" s="74">
        <v>19</v>
      </c>
      <c r="FV17" s="71">
        <v>0</v>
      </c>
      <c r="FW17" s="72">
        <v>0</v>
      </c>
      <c r="FX17" s="73">
        <v>0</v>
      </c>
      <c r="FY17" s="271"/>
      <c r="FZ17" s="72">
        <v>0</v>
      </c>
      <c r="GA17" s="72">
        <v>0</v>
      </c>
      <c r="GB17" s="72">
        <v>0</v>
      </c>
      <c r="GC17" s="72">
        <v>0</v>
      </c>
      <c r="GD17" s="72">
        <v>0</v>
      </c>
      <c r="GE17" s="73">
        <v>0</v>
      </c>
      <c r="GF17" s="74">
        <v>0</v>
      </c>
      <c r="GG17" s="71">
        <v>5</v>
      </c>
      <c r="GH17" s="72">
        <v>2</v>
      </c>
      <c r="GI17" s="73">
        <v>7</v>
      </c>
      <c r="GJ17" s="271"/>
      <c r="GK17" s="72">
        <v>11</v>
      </c>
      <c r="GL17" s="72">
        <v>10</v>
      </c>
      <c r="GM17" s="72">
        <v>5</v>
      </c>
      <c r="GN17" s="72">
        <v>9</v>
      </c>
      <c r="GO17" s="72">
        <v>6</v>
      </c>
      <c r="GP17" s="73">
        <v>41</v>
      </c>
      <c r="GQ17" s="74">
        <v>48</v>
      </c>
      <c r="GR17" s="127">
        <v>33</v>
      </c>
      <c r="GS17" s="83">
        <v>54</v>
      </c>
      <c r="GT17" s="84">
        <v>87</v>
      </c>
      <c r="GU17" s="271"/>
      <c r="GV17" s="83">
        <v>89</v>
      </c>
      <c r="GW17" s="83">
        <v>73</v>
      </c>
      <c r="GX17" s="83">
        <v>48</v>
      </c>
      <c r="GY17" s="83">
        <v>50</v>
      </c>
      <c r="GZ17" s="83">
        <v>30</v>
      </c>
      <c r="HA17" s="85">
        <v>290</v>
      </c>
      <c r="HB17" s="86">
        <v>377</v>
      </c>
      <c r="HC17" s="71">
        <v>0</v>
      </c>
      <c r="HD17" s="72">
        <v>0</v>
      </c>
      <c r="HE17" s="73">
        <v>0</v>
      </c>
      <c r="HF17" s="271"/>
      <c r="HG17" s="72">
        <v>0</v>
      </c>
      <c r="HH17" s="72">
        <v>0</v>
      </c>
      <c r="HI17" s="72">
        <v>0</v>
      </c>
      <c r="HJ17" s="72">
        <v>0</v>
      </c>
      <c r="HK17" s="72">
        <v>0</v>
      </c>
      <c r="HL17" s="73">
        <v>0</v>
      </c>
      <c r="HM17" s="74">
        <v>0</v>
      </c>
      <c r="HN17" s="71">
        <v>0</v>
      </c>
      <c r="HO17" s="72">
        <v>2</v>
      </c>
      <c r="HP17" s="73">
        <v>2</v>
      </c>
      <c r="HQ17" s="271"/>
      <c r="HR17" s="72">
        <v>1</v>
      </c>
      <c r="HS17" s="72">
        <v>2</v>
      </c>
      <c r="HT17" s="72">
        <v>0</v>
      </c>
      <c r="HU17" s="72">
        <v>1</v>
      </c>
      <c r="HV17" s="72">
        <v>1</v>
      </c>
      <c r="HW17" s="73">
        <v>5</v>
      </c>
      <c r="HX17" s="74">
        <v>7</v>
      </c>
      <c r="HY17" s="71">
        <v>3</v>
      </c>
      <c r="HZ17" s="72">
        <v>2</v>
      </c>
      <c r="IA17" s="73">
        <v>5</v>
      </c>
      <c r="IB17" s="271"/>
      <c r="IC17" s="72">
        <v>4</v>
      </c>
      <c r="ID17" s="72">
        <v>3</v>
      </c>
      <c r="IE17" s="72">
        <v>2</v>
      </c>
      <c r="IF17" s="72">
        <v>4</v>
      </c>
      <c r="IG17" s="72">
        <v>2</v>
      </c>
      <c r="IH17" s="73">
        <v>15</v>
      </c>
      <c r="II17" s="74">
        <v>20</v>
      </c>
      <c r="IJ17" s="71">
        <v>5</v>
      </c>
      <c r="IK17" s="72">
        <v>17</v>
      </c>
      <c r="IL17" s="73">
        <v>22</v>
      </c>
      <c r="IM17" s="271"/>
      <c r="IN17" s="72">
        <v>16</v>
      </c>
      <c r="IO17" s="72">
        <v>9</v>
      </c>
      <c r="IP17" s="72">
        <v>9</v>
      </c>
      <c r="IQ17" s="72">
        <v>7</v>
      </c>
      <c r="IR17" s="72">
        <v>4</v>
      </c>
      <c r="IS17" s="73">
        <v>45</v>
      </c>
      <c r="IT17" s="74">
        <v>67</v>
      </c>
      <c r="IU17" s="71">
        <v>14</v>
      </c>
      <c r="IV17" s="72">
        <v>18</v>
      </c>
      <c r="IW17" s="73">
        <v>32</v>
      </c>
      <c r="IX17" s="271"/>
      <c r="IY17" s="72">
        <v>36</v>
      </c>
      <c r="IZ17" s="72">
        <v>30</v>
      </c>
      <c r="JA17" s="72">
        <v>17</v>
      </c>
      <c r="JB17" s="72">
        <v>16</v>
      </c>
      <c r="JC17" s="72">
        <v>10</v>
      </c>
      <c r="JD17" s="73">
        <v>109</v>
      </c>
      <c r="JE17" s="74">
        <v>141</v>
      </c>
      <c r="JF17" s="71">
        <v>11</v>
      </c>
      <c r="JG17" s="72">
        <v>15</v>
      </c>
      <c r="JH17" s="73">
        <v>26</v>
      </c>
      <c r="JI17" s="271"/>
      <c r="JJ17" s="72">
        <v>32</v>
      </c>
      <c r="JK17" s="72">
        <v>29</v>
      </c>
      <c r="JL17" s="72">
        <v>20</v>
      </c>
      <c r="JM17" s="72">
        <v>22</v>
      </c>
      <c r="JN17" s="72">
        <v>13</v>
      </c>
      <c r="JO17" s="73">
        <v>116</v>
      </c>
      <c r="JP17" s="74">
        <v>142</v>
      </c>
      <c r="JQ17" s="71">
        <v>0</v>
      </c>
      <c r="JR17" s="72">
        <v>0</v>
      </c>
      <c r="JS17" s="73">
        <v>0</v>
      </c>
      <c r="JT17" s="271"/>
      <c r="JU17" s="72">
        <v>0</v>
      </c>
      <c r="JV17" s="72">
        <v>0</v>
      </c>
      <c r="JW17" s="72">
        <v>0</v>
      </c>
      <c r="JX17" s="72">
        <v>0</v>
      </c>
      <c r="JY17" s="72">
        <v>0</v>
      </c>
      <c r="JZ17" s="73">
        <v>0</v>
      </c>
      <c r="KA17" s="74">
        <v>0</v>
      </c>
      <c r="KB17" s="71">
        <v>33</v>
      </c>
      <c r="KC17" s="72">
        <v>54</v>
      </c>
      <c r="KD17" s="73">
        <v>87</v>
      </c>
      <c r="KE17" s="271"/>
      <c r="KF17" s="72">
        <v>89</v>
      </c>
      <c r="KG17" s="72">
        <v>73</v>
      </c>
      <c r="KH17" s="72">
        <v>48</v>
      </c>
      <c r="KI17" s="72">
        <v>50</v>
      </c>
      <c r="KJ17" s="72">
        <v>30</v>
      </c>
      <c r="KK17" s="73">
        <v>290</v>
      </c>
      <c r="KL17" s="74">
        <v>377</v>
      </c>
    </row>
    <row r="18" spans="1:298" ht="19.5" customHeight="1" x14ac:dyDescent="0.2">
      <c r="A18" s="130" t="s">
        <v>15</v>
      </c>
      <c r="B18" s="353">
        <v>21</v>
      </c>
      <c r="C18" s="83">
        <v>17</v>
      </c>
      <c r="D18" s="84">
        <v>38</v>
      </c>
      <c r="E18" s="271"/>
      <c r="F18" s="83">
        <v>37</v>
      </c>
      <c r="G18" s="83">
        <v>29</v>
      </c>
      <c r="H18" s="83">
        <v>20</v>
      </c>
      <c r="I18" s="83">
        <v>17</v>
      </c>
      <c r="J18" s="83">
        <v>6</v>
      </c>
      <c r="K18" s="85">
        <v>109</v>
      </c>
      <c r="L18" s="86">
        <v>147</v>
      </c>
      <c r="M18" s="71">
        <v>0</v>
      </c>
      <c r="N18" s="72">
        <v>1</v>
      </c>
      <c r="O18" s="73">
        <v>1</v>
      </c>
      <c r="P18" s="274"/>
      <c r="Q18" s="72">
        <v>1</v>
      </c>
      <c r="R18" s="72">
        <v>0</v>
      </c>
      <c r="S18" s="72">
        <v>1</v>
      </c>
      <c r="T18" s="72">
        <v>0</v>
      </c>
      <c r="U18" s="72">
        <v>0</v>
      </c>
      <c r="V18" s="73">
        <v>2</v>
      </c>
      <c r="W18" s="74">
        <v>3</v>
      </c>
      <c r="X18" s="71">
        <v>2</v>
      </c>
      <c r="Y18" s="72">
        <v>1</v>
      </c>
      <c r="Z18" s="73">
        <v>3</v>
      </c>
      <c r="AA18" s="271"/>
      <c r="AB18" s="72">
        <v>5</v>
      </c>
      <c r="AC18" s="72">
        <v>3</v>
      </c>
      <c r="AD18" s="72">
        <v>1</v>
      </c>
      <c r="AE18" s="72">
        <v>1</v>
      </c>
      <c r="AF18" s="72">
        <v>2</v>
      </c>
      <c r="AG18" s="73">
        <v>12</v>
      </c>
      <c r="AH18" s="74">
        <v>15</v>
      </c>
      <c r="AI18" s="71">
        <v>3</v>
      </c>
      <c r="AJ18" s="72">
        <v>1</v>
      </c>
      <c r="AK18" s="73">
        <v>4</v>
      </c>
      <c r="AL18" s="271"/>
      <c r="AM18" s="72">
        <v>3</v>
      </c>
      <c r="AN18" s="72">
        <v>2</v>
      </c>
      <c r="AO18" s="72">
        <v>1</v>
      </c>
      <c r="AP18" s="72">
        <v>1</v>
      </c>
      <c r="AQ18" s="72">
        <v>4</v>
      </c>
      <c r="AR18" s="73">
        <v>11</v>
      </c>
      <c r="AS18" s="74">
        <v>15</v>
      </c>
      <c r="AT18" s="71">
        <v>5</v>
      </c>
      <c r="AU18" s="72">
        <v>3</v>
      </c>
      <c r="AV18" s="73">
        <v>8</v>
      </c>
      <c r="AW18" s="271"/>
      <c r="AX18" s="72">
        <v>9</v>
      </c>
      <c r="AY18" s="72">
        <v>6</v>
      </c>
      <c r="AZ18" s="72">
        <v>3</v>
      </c>
      <c r="BA18" s="72">
        <v>3</v>
      </c>
      <c r="BB18" s="72">
        <v>0</v>
      </c>
      <c r="BC18" s="73">
        <v>21</v>
      </c>
      <c r="BD18" s="74">
        <v>29</v>
      </c>
      <c r="BE18" s="71">
        <v>4</v>
      </c>
      <c r="BF18" s="72">
        <v>5</v>
      </c>
      <c r="BG18" s="73">
        <v>9</v>
      </c>
      <c r="BH18" s="271"/>
      <c r="BI18" s="72">
        <v>8</v>
      </c>
      <c r="BJ18" s="72">
        <v>8</v>
      </c>
      <c r="BK18" s="72">
        <v>5</v>
      </c>
      <c r="BL18" s="72">
        <v>5</v>
      </c>
      <c r="BM18" s="72">
        <v>0</v>
      </c>
      <c r="BN18" s="73">
        <v>26</v>
      </c>
      <c r="BO18" s="74">
        <v>35</v>
      </c>
      <c r="BP18" s="71">
        <v>7</v>
      </c>
      <c r="BQ18" s="72">
        <v>6</v>
      </c>
      <c r="BR18" s="73">
        <v>13</v>
      </c>
      <c r="BS18" s="271"/>
      <c r="BT18" s="72">
        <v>11</v>
      </c>
      <c r="BU18" s="72">
        <v>10</v>
      </c>
      <c r="BV18" s="72">
        <v>9</v>
      </c>
      <c r="BW18" s="72">
        <v>7</v>
      </c>
      <c r="BX18" s="72">
        <v>0</v>
      </c>
      <c r="BY18" s="73">
        <v>37</v>
      </c>
      <c r="BZ18" s="74">
        <v>50</v>
      </c>
      <c r="CA18" s="71">
        <v>0</v>
      </c>
      <c r="CB18" s="72">
        <v>0</v>
      </c>
      <c r="CC18" s="73">
        <v>0</v>
      </c>
      <c r="CD18" s="271"/>
      <c r="CE18" s="72">
        <v>0</v>
      </c>
      <c r="CF18" s="72">
        <v>0</v>
      </c>
      <c r="CG18" s="72">
        <v>0</v>
      </c>
      <c r="CH18" s="72">
        <v>0</v>
      </c>
      <c r="CI18" s="72">
        <v>0</v>
      </c>
      <c r="CJ18" s="73">
        <v>0</v>
      </c>
      <c r="CK18" s="74">
        <v>0</v>
      </c>
      <c r="CL18" s="71">
        <v>21</v>
      </c>
      <c r="CM18" s="72">
        <v>17</v>
      </c>
      <c r="CN18" s="73">
        <v>38</v>
      </c>
      <c r="CO18" s="271"/>
      <c r="CP18" s="72">
        <v>37</v>
      </c>
      <c r="CQ18" s="72">
        <v>29</v>
      </c>
      <c r="CR18" s="72">
        <v>20</v>
      </c>
      <c r="CS18" s="72">
        <v>17</v>
      </c>
      <c r="CT18" s="72">
        <v>6</v>
      </c>
      <c r="CU18" s="73">
        <v>109</v>
      </c>
      <c r="CV18" s="74">
        <v>147</v>
      </c>
      <c r="CW18" s="127">
        <v>4</v>
      </c>
      <c r="CX18" s="83">
        <v>1</v>
      </c>
      <c r="CY18" s="84">
        <v>5</v>
      </c>
      <c r="CZ18" s="271"/>
      <c r="DA18" s="83">
        <v>2</v>
      </c>
      <c r="DB18" s="83">
        <v>9</v>
      </c>
      <c r="DC18" s="83">
        <v>1</v>
      </c>
      <c r="DD18" s="83">
        <v>4</v>
      </c>
      <c r="DE18" s="83">
        <v>1</v>
      </c>
      <c r="DF18" s="85">
        <v>17</v>
      </c>
      <c r="DG18" s="86">
        <v>22</v>
      </c>
      <c r="DH18" s="71">
        <v>0</v>
      </c>
      <c r="DI18" s="72">
        <v>0</v>
      </c>
      <c r="DJ18" s="73">
        <v>0</v>
      </c>
      <c r="DK18" s="271"/>
      <c r="DL18" s="72">
        <v>0</v>
      </c>
      <c r="DM18" s="72">
        <v>0</v>
      </c>
      <c r="DN18" s="72">
        <v>0</v>
      </c>
      <c r="DO18" s="72">
        <v>0</v>
      </c>
      <c r="DP18" s="72">
        <v>0</v>
      </c>
      <c r="DQ18" s="73">
        <v>0</v>
      </c>
      <c r="DR18" s="74">
        <v>0</v>
      </c>
      <c r="DS18" s="71">
        <v>0</v>
      </c>
      <c r="DT18" s="72">
        <v>0</v>
      </c>
      <c r="DU18" s="73">
        <v>0</v>
      </c>
      <c r="DV18" s="271"/>
      <c r="DW18" s="72">
        <v>1</v>
      </c>
      <c r="DX18" s="72">
        <v>0</v>
      </c>
      <c r="DY18" s="72">
        <v>0</v>
      </c>
      <c r="DZ18" s="72">
        <v>0</v>
      </c>
      <c r="EA18" s="72">
        <v>0</v>
      </c>
      <c r="EB18" s="73">
        <v>1</v>
      </c>
      <c r="EC18" s="74">
        <v>1</v>
      </c>
      <c r="ED18" s="71">
        <v>0</v>
      </c>
      <c r="EE18" s="72">
        <v>0</v>
      </c>
      <c r="EF18" s="73">
        <v>0</v>
      </c>
      <c r="EG18" s="271"/>
      <c r="EH18" s="72">
        <v>0</v>
      </c>
      <c r="EI18" s="72">
        <v>0</v>
      </c>
      <c r="EJ18" s="72">
        <v>0</v>
      </c>
      <c r="EK18" s="72">
        <v>0</v>
      </c>
      <c r="EL18" s="72">
        <v>0</v>
      </c>
      <c r="EM18" s="73">
        <v>0</v>
      </c>
      <c r="EN18" s="74">
        <v>0</v>
      </c>
      <c r="EO18" s="71">
        <v>1</v>
      </c>
      <c r="EP18" s="72">
        <v>0</v>
      </c>
      <c r="EQ18" s="73">
        <v>1</v>
      </c>
      <c r="ER18" s="271"/>
      <c r="ES18" s="72">
        <v>0</v>
      </c>
      <c r="ET18" s="72">
        <v>1</v>
      </c>
      <c r="EU18" s="72">
        <v>0</v>
      </c>
      <c r="EV18" s="72">
        <v>0</v>
      </c>
      <c r="EW18" s="72">
        <v>0</v>
      </c>
      <c r="EX18" s="73">
        <v>1</v>
      </c>
      <c r="EY18" s="74">
        <v>2</v>
      </c>
      <c r="EZ18" s="71">
        <v>1</v>
      </c>
      <c r="FA18" s="72">
        <v>0</v>
      </c>
      <c r="FB18" s="73">
        <v>1</v>
      </c>
      <c r="FC18" s="271"/>
      <c r="FD18" s="72">
        <v>0</v>
      </c>
      <c r="FE18" s="72">
        <v>2</v>
      </c>
      <c r="FF18" s="72">
        <v>1</v>
      </c>
      <c r="FG18" s="72">
        <v>2</v>
      </c>
      <c r="FH18" s="72">
        <v>0</v>
      </c>
      <c r="FI18" s="73">
        <v>5</v>
      </c>
      <c r="FJ18" s="74">
        <v>6</v>
      </c>
      <c r="FK18" s="71">
        <v>2</v>
      </c>
      <c r="FL18" s="72">
        <v>1</v>
      </c>
      <c r="FM18" s="73">
        <v>3</v>
      </c>
      <c r="FN18" s="271"/>
      <c r="FO18" s="72">
        <v>1</v>
      </c>
      <c r="FP18" s="72">
        <v>6</v>
      </c>
      <c r="FQ18" s="72">
        <v>0</v>
      </c>
      <c r="FR18" s="72">
        <v>2</v>
      </c>
      <c r="FS18" s="72">
        <v>1</v>
      </c>
      <c r="FT18" s="73">
        <v>10</v>
      </c>
      <c r="FU18" s="74">
        <v>13</v>
      </c>
      <c r="FV18" s="71">
        <v>0</v>
      </c>
      <c r="FW18" s="72">
        <v>0</v>
      </c>
      <c r="FX18" s="73">
        <v>0</v>
      </c>
      <c r="FY18" s="271"/>
      <c r="FZ18" s="72">
        <v>0</v>
      </c>
      <c r="GA18" s="72">
        <v>0</v>
      </c>
      <c r="GB18" s="72">
        <v>0</v>
      </c>
      <c r="GC18" s="72">
        <v>0</v>
      </c>
      <c r="GD18" s="72">
        <v>0</v>
      </c>
      <c r="GE18" s="73">
        <v>0</v>
      </c>
      <c r="GF18" s="74">
        <v>0</v>
      </c>
      <c r="GG18" s="71">
        <v>4</v>
      </c>
      <c r="GH18" s="72">
        <v>1</v>
      </c>
      <c r="GI18" s="73">
        <v>5</v>
      </c>
      <c r="GJ18" s="271"/>
      <c r="GK18" s="72">
        <v>2</v>
      </c>
      <c r="GL18" s="72">
        <v>9</v>
      </c>
      <c r="GM18" s="72">
        <v>1</v>
      </c>
      <c r="GN18" s="72">
        <v>4</v>
      </c>
      <c r="GO18" s="72">
        <v>1</v>
      </c>
      <c r="GP18" s="73">
        <v>17</v>
      </c>
      <c r="GQ18" s="74">
        <v>22</v>
      </c>
      <c r="GR18" s="127">
        <v>25</v>
      </c>
      <c r="GS18" s="83">
        <v>18</v>
      </c>
      <c r="GT18" s="84">
        <v>43</v>
      </c>
      <c r="GU18" s="271"/>
      <c r="GV18" s="83">
        <v>39</v>
      </c>
      <c r="GW18" s="83">
        <v>38</v>
      </c>
      <c r="GX18" s="83">
        <v>21</v>
      </c>
      <c r="GY18" s="83">
        <v>21</v>
      </c>
      <c r="GZ18" s="83">
        <v>7</v>
      </c>
      <c r="HA18" s="85">
        <v>126</v>
      </c>
      <c r="HB18" s="86">
        <v>169</v>
      </c>
      <c r="HC18" s="71">
        <v>0</v>
      </c>
      <c r="HD18" s="72">
        <v>1</v>
      </c>
      <c r="HE18" s="73">
        <v>1</v>
      </c>
      <c r="HF18" s="271"/>
      <c r="HG18" s="72">
        <v>1</v>
      </c>
      <c r="HH18" s="72">
        <v>0</v>
      </c>
      <c r="HI18" s="72">
        <v>1</v>
      </c>
      <c r="HJ18" s="72">
        <v>0</v>
      </c>
      <c r="HK18" s="72">
        <v>0</v>
      </c>
      <c r="HL18" s="73">
        <v>2</v>
      </c>
      <c r="HM18" s="74">
        <v>3</v>
      </c>
      <c r="HN18" s="71">
        <v>2</v>
      </c>
      <c r="HO18" s="72">
        <v>1</v>
      </c>
      <c r="HP18" s="73">
        <v>3</v>
      </c>
      <c r="HQ18" s="271"/>
      <c r="HR18" s="72">
        <v>6</v>
      </c>
      <c r="HS18" s="72">
        <v>3</v>
      </c>
      <c r="HT18" s="72">
        <v>1</v>
      </c>
      <c r="HU18" s="72">
        <v>1</v>
      </c>
      <c r="HV18" s="72">
        <v>2</v>
      </c>
      <c r="HW18" s="73">
        <v>13</v>
      </c>
      <c r="HX18" s="74">
        <v>16</v>
      </c>
      <c r="HY18" s="71">
        <v>3</v>
      </c>
      <c r="HZ18" s="72">
        <v>1</v>
      </c>
      <c r="IA18" s="73">
        <v>4</v>
      </c>
      <c r="IB18" s="271"/>
      <c r="IC18" s="72">
        <v>3</v>
      </c>
      <c r="ID18" s="72">
        <v>2</v>
      </c>
      <c r="IE18" s="72">
        <v>1</v>
      </c>
      <c r="IF18" s="72">
        <v>1</v>
      </c>
      <c r="IG18" s="72">
        <v>4</v>
      </c>
      <c r="IH18" s="73">
        <v>11</v>
      </c>
      <c r="II18" s="74">
        <v>15</v>
      </c>
      <c r="IJ18" s="71">
        <v>6</v>
      </c>
      <c r="IK18" s="72">
        <v>3</v>
      </c>
      <c r="IL18" s="73">
        <v>9</v>
      </c>
      <c r="IM18" s="271"/>
      <c r="IN18" s="72">
        <v>9</v>
      </c>
      <c r="IO18" s="72">
        <v>7</v>
      </c>
      <c r="IP18" s="72">
        <v>3</v>
      </c>
      <c r="IQ18" s="72">
        <v>3</v>
      </c>
      <c r="IR18" s="72">
        <v>0</v>
      </c>
      <c r="IS18" s="73">
        <v>22</v>
      </c>
      <c r="IT18" s="74">
        <v>31</v>
      </c>
      <c r="IU18" s="71">
        <v>5</v>
      </c>
      <c r="IV18" s="72">
        <v>5</v>
      </c>
      <c r="IW18" s="73">
        <v>10</v>
      </c>
      <c r="IX18" s="271"/>
      <c r="IY18" s="72">
        <v>8</v>
      </c>
      <c r="IZ18" s="72">
        <v>10</v>
      </c>
      <c r="JA18" s="72">
        <v>6</v>
      </c>
      <c r="JB18" s="72">
        <v>7</v>
      </c>
      <c r="JC18" s="72">
        <v>0</v>
      </c>
      <c r="JD18" s="73">
        <v>31</v>
      </c>
      <c r="JE18" s="74">
        <v>41</v>
      </c>
      <c r="JF18" s="71">
        <v>9</v>
      </c>
      <c r="JG18" s="72">
        <v>7</v>
      </c>
      <c r="JH18" s="73">
        <v>16</v>
      </c>
      <c r="JI18" s="271"/>
      <c r="JJ18" s="72">
        <v>12</v>
      </c>
      <c r="JK18" s="72">
        <v>16</v>
      </c>
      <c r="JL18" s="72">
        <v>9</v>
      </c>
      <c r="JM18" s="72">
        <v>9</v>
      </c>
      <c r="JN18" s="72">
        <v>1</v>
      </c>
      <c r="JO18" s="73">
        <v>47</v>
      </c>
      <c r="JP18" s="74">
        <v>63</v>
      </c>
      <c r="JQ18" s="71">
        <v>0</v>
      </c>
      <c r="JR18" s="72">
        <v>0</v>
      </c>
      <c r="JS18" s="73">
        <v>0</v>
      </c>
      <c r="JT18" s="271"/>
      <c r="JU18" s="72">
        <v>0</v>
      </c>
      <c r="JV18" s="72">
        <v>0</v>
      </c>
      <c r="JW18" s="72">
        <v>0</v>
      </c>
      <c r="JX18" s="72">
        <v>0</v>
      </c>
      <c r="JY18" s="72">
        <v>0</v>
      </c>
      <c r="JZ18" s="73">
        <v>0</v>
      </c>
      <c r="KA18" s="74">
        <v>0</v>
      </c>
      <c r="KB18" s="71">
        <v>25</v>
      </c>
      <c r="KC18" s="72">
        <v>18</v>
      </c>
      <c r="KD18" s="73">
        <v>43</v>
      </c>
      <c r="KE18" s="271"/>
      <c r="KF18" s="72">
        <v>39</v>
      </c>
      <c r="KG18" s="72">
        <v>38</v>
      </c>
      <c r="KH18" s="72">
        <v>21</v>
      </c>
      <c r="KI18" s="72">
        <v>21</v>
      </c>
      <c r="KJ18" s="72">
        <v>7</v>
      </c>
      <c r="KK18" s="73">
        <v>126</v>
      </c>
      <c r="KL18" s="74">
        <v>169</v>
      </c>
    </row>
    <row r="19" spans="1:298" ht="19.5" customHeight="1" x14ac:dyDescent="0.2">
      <c r="A19" s="130" t="s">
        <v>16</v>
      </c>
      <c r="B19" s="353">
        <v>42</v>
      </c>
      <c r="C19" s="83">
        <v>34</v>
      </c>
      <c r="D19" s="84">
        <v>76</v>
      </c>
      <c r="E19" s="271"/>
      <c r="F19" s="83">
        <v>77</v>
      </c>
      <c r="G19" s="83">
        <v>101</v>
      </c>
      <c r="H19" s="83">
        <v>59</v>
      </c>
      <c r="I19" s="83">
        <v>51</v>
      </c>
      <c r="J19" s="83">
        <v>25</v>
      </c>
      <c r="K19" s="85">
        <v>313</v>
      </c>
      <c r="L19" s="86">
        <v>389</v>
      </c>
      <c r="M19" s="71">
        <v>2</v>
      </c>
      <c r="N19" s="72">
        <v>0</v>
      </c>
      <c r="O19" s="73">
        <v>2</v>
      </c>
      <c r="P19" s="274"/>
      <c r="Q19" s="72">
        <v>2</v>
      </c>
      <c r="R19" s="72">
        <v>4</v>
      </c>
      <c r="S19" s="72">
        <v>2</v>
      </c>
      <c r="T19" s="72">
        <v>1</v>
      </c>
      <c r="U19" s="72">
        <v>0</v>
      </c>
      <c r="V19" s="73">
        <v>9</v>
      </c>
      <c r="W19" s="74">
        <v>11</v>
      </c>
      <c r="X19" s="71">
        <v>6</v>
      </c>
      <c r="Y19" s="72">
        <v>2</v>
      </c>
      <c r="Z19" s="73">
        <v>8</v>
      </c>
      <c r="AA19" s="271"/>
      <c r="AB19" s="72">
        <v>3</v>
      </c>
      <c r="AC19" s="72">
        <v>8</v>
      </c>
      <c r="AD19" s="72">
        <v>3</v>
      </c>
      <c r="AE19" s="72">
        <v>2</v>
      </c>
      <c r="AF19" s="72">
        <v>4</v>
      </c>
      <c r="AG19" s="73">
        <v>20</v>
      </c>
      <c r="AH19" s="74">
        <v>28</v>
      </c>
      <c r="AI19" s="71">
        <v>8</v>
      </c>
      <c r="AJ19" s="72">
        <v>3</v>
      </c>
      <c r="AK19" s="73">
        <v>11</v>
      </c>
      <c r="AL19" s="271"/>
      <c r="AM19" s="72">
        <v>7</v>
      </c>
      <c r="AN19" s="72">
        <v>8</v>
      </c>
      <c r="AO19" s="72">
        <v>6</v>
      </c>
      <c r="AP19" s="72">
        <v>6</v>
      </c>
      <c r="AQ19" s="72">
        <v>1</v>
      </c>
      <c r="AR19" s="73">
        <v>28</v>
      </c>
      <c r="AS19" s="74">
        <v>39</v>
      </c>
      <c r="AT19" s="71">
        <v>7</v>
      </c>
      <c r="AU19" s="72">
        <v>3</v>
      </c>
      <c r="AV19" s="73">
        <v>10</v>
      </c>
      <c r="AW19" s="271"/>
      <c r="AX19" s="72">
        <v>19</v>
      </c>
      <c r="AY19" s="72">
        <v>20</v>
      </c>
      <c r="AZ19" s="72">
        <v>10</v>
      </c>
      <c r="BA19" s="72">
        <v>7</v>
      </c>
      <c r="BB19" s="72">
        <v>5</v>
      </c>
      <c r="BC19" s="73">
        <v>61</v>
      </c>
      <c r="BD19" s="74">
        <v>71</v>
      </c>
      <c r="BE19" s="71">
        <v>9</v>
      </c>
      <c r="BF19" s="72">
        <v>14</v>
      </c>
      <c r="BG19" s="73">
        <v>23</v>
      </c>
      <c r="BH19" s="271"/>
      <c r="BI19" s="72">
        <v>27</v>
      </c>
      <c r="BJ19" s="72">
        <v>30</v>
      </c>
      <c r="BK19" s="72">
        <v>18</v>
      </c>
      <c r="BL19" s="72">
        <v>13</v>
      </c>
      <c r="BM19" s="72">
        <v>8</v>
      </c>
      <c r="BN19" s="73">
        <v>96</v>
      </c>
      <c r="BO19" s="74">
        <v>119</v>
      </c>
      <c r="BP19" s="71">
        <v>10</v>
      </c>
      <c r="BQ19" s="72">
        <v>12</v>
      </c>
      <c r="BR19" s="73">
        <v>22</v>
      </c>
      <c r="BS19" s="271"/>
      <c r="BT19" s="72">
        <v>19</v>
      </c>
      <c r="BU19" s="72">
        <v>31</v>
      </c>
      <c r="BV19" s="72">
        <v>20</v>
      </c>
      <c r="BW19" s="72">
        <v>22</v>
      </c>
      <c r="BX19" s="72">
        <v>7</v>
      </c>
      <c r="BY19" s="73">
        <v>99</v>
      </c>
      <c r="BZ19" s="74">
        <v>121</v>
      </c>
      <c r="CA19" s="71">
        <v>0</v>
      </c>
      <c r="CB19" s="72">
        <v>0</v>
      </c>
      <c r="CC19" s="73">
        <v>0</v>
      </c>
      <c r="CD19" s="271"/>
      <c r="CE19" s="72">
        <v>0</v>
      </c>
      <c r="CF19" s="72">
        <v>0</v>
      </c>
      <c r="CG19" s="72">
        <v>0</v>
      </c>
      <c r="CH19" s="72">
        <v>0</v>
      </c>
      <c r="CI19" s="72">
        <v>0</v>
      </c>
      <c r="CJ19" s="73">
        <v>0</v>
      </c>
      <c r="CK19" s="74">
        <v>0</v>
      </c>
      <c r="CL19" s="71">
        <v>42</v>
      </c>
      <c r="CM19" s="72">
        <v>34</v>
      </c>
      <c r="CN19" s="73">
        <v>76</v>
      </c>
      <c r="CO19" s="271"/>
      <c r="CP19" s="72">
        <v>77</v>
      </c>
      <c r="CQ19" s="72">
        <v>101</v>
      </c>
      <c r="CR19" s="72">
        <v>59</v>
      </c>
      <c r="CS19" s="72">
        <v>51</v>
      </c>
      <c r="CT19" s="72">
        <v>25</v>
      </c>
      <c r="CU19" s="73">
        <v>313</v>
      </c>
      <c r="CV19" s="74">
        <v>389</v>
      </c>
      <c r="CW19" s="127">
        <v>6</v>
      </c>
      <c r="CX19" s="83">
        <v>5</v>
      </c>
      <c r="CY19" s="84">
        <v>11</v>
      </c>
      <c r="CZ19" s="271"/>
      <c r="DA19" s="83">
        <v>18</v>
      </c>
      <c r="DB19" s="83">
        <v>17</v>
      </c>
      <c r="DC19" s="83">
        <v>8</v>
      </c>
      <c r="DD19" s="83">
        <v>7</v>
      </c>
      <c r="DE19" s="83">
        <v>10</v>
      </c>
      <c r="DF19" s="85">
        <v>60</v>
      </c>
      <c r="DG19" s="86">
        <v>71</v>
      </c>
      <c r="DH19" s="71">
        <v>0</v>
      </c>
      <c r="DI19" s="72">
        <v>0</v>
      </c>
      <c r="DJ19" s="73">
        <v>0</v>
      </c>
      <c r="DK19" s="271"/>
      <c r="DL19" s="72">
        <v>0</v>
      </c>
      <c r="DM19" s="72">
        <v>0</v>
      </c>
      <c r="DN19" s="72">
        <v>0</v>
      </c>
      <c r="DO19" s="72">
        <v>0</v>
      </c>
      <c r="DP19" s="72">
        <v>0</v>
      </c>
      <c r="DQ19" s="73">
        <v>0</v>
      </c>
      <c r="DR19" s="74">
        <v>0</v>
      </c>
      <c r="DS19" s="71">
        <v>1</v>
      </c>
      <c r="DT19" s="72">
        <v>1</v>
      </c>
      <c r="DU19" s="73">
        <v>2</v>
      </c>
      <c r="DV19" s="271"/>
      <c r="DW19" s="72">
        <v>2</v>
      </c>
      <c r="DX19" s="72">
        <v>0</v>
      </c>
      <c r="DY19" s="72">
        <v>0</v>
      </c>
      <c r="DZ19" s="72">
        <v>0</v>
      </c>
      <c r="EA19" s="72">
        <v>0</v>
      </c>
      <c r="EB19" s="73">
        <v>2</v>
      </c>
      <c r="EC19" s="74">
        <v>4</v>
      </c>
      <c r="ED19" s="71">
        <v>2</v>
      </c>
      <c r="EE19" s="72">
        <v>0</v>
      </c>
      <c r="EF19" s="73">
        <v>2</v>
      </c>
      <c r="EG19" s="271"/>
      <c r="EH19" s="72">
        <v>3</v>
      </c>
      <c r="EI19" s="72">
        <v>1</v>
      </c>
      <c r="EJ19" s="72">
        <v>0</v>
      </c>
      <c r="EK19" s="72">
        <v>0</v>
      </c>
      <c r="EL19" s="72">
        <v>0</v>
      </c>
      <c r="EM19" s="73">
        <v>4</v>
      </c>
      <c r="EN19" s="74">
        <v>6</v>
      </c>
      <c r="EO19" s="71">
        <v>1</v>
      </c>
      <c r="EP19" s="72">
        <v>2</v>
      </c>
      <c r="EQ19" s="73">
        <v>3</v>
      </c>
      <c r="ER19" s="271"/>
      <c r="ES19" s="72">
        <v>4</v>
      </c>
      <c r="ET19" s="72">
        <v>4</v>
      </c>
      <c r="EU19" s="72">
        <v>1</v>
      </c>
      <c r="EV19" s="72">
        <v>0</v>
      </c>
      <c r="EW19" s="72">
        <v>0</v>
      </c>
      <c r="EX19" s="73">
        <v>9</v>
      </c>
      <c r="EY19" s="74">
        <v>12</v>
      </c>
      <c r="EZ19" s="71">
        <v>1</v>
      </c>
      <c r="FA19" s="72">
        <v>1</v>
      </c>
      <c r="FB19" s="73">
        <v>2</v>
      </c>
      <c r="FC19" s="271"/>
      <c r="FD19" s="72">
        <v>3</v>
      </c>
      <c r="FE19" s="72">
        <v>3</v>
      </c>
      <c r="FF19" s="72">
        <v>2</v>
      </c>
      <c r="FG19" s="72">
        <v>1</v>
      </c>
      <c r="FH19" s="72">
        <v>3</v>
      </c>
      <c r="FI19" s="73">
        <v>12</v>
      </c>
      <c r="FJ19" s="74">
        <v>14</v>
      </c>
      <c r="FK19" s="71">
        <v>1</v>
      </c>
      <c r="FL19" s="72">
        <v>1</v>
      </c>
      <c r="FM19" s="73">
        <v>2</v>
      </c>
      <c r="FN19" s="271"/>
      <c r="FO19" s="72">
        <v>6</v>
      </c>
      <c r="FP19" s="72">
        <v>9</v>
      </c>
      <c r="FQ19" s="72">
        <v>5</v>
      </c>
      <c r="FR19" s="72">
        <v>6</v>
      </c>
      <c r="FS19" s="72">
        <v>7</v>
      </c>
      <c r="FT19" s="73">
        <v>33</v>
      </c>
      <c r="FU19" s="74">
        <v>35</v>
      </c>
      <c r="FV19" s="71">
        <v>0</v>
      </c>
      <c r="FW19" s="72">
        <v>0</v>
      </c>
      <c r="FX19" s="73">
        <v>0</v>
      </c>
      <c r="FY19" s="271"/>
      <c r="FZ19" s="72">
        <v>0</v>
      </c>
      <c r="GA19" s="72">
        <v>0</v>
      </c>
      <c r="GB19" s="72">
        <v>0</v>
      </c>
      <c r="GC19" s="72">
        <v>0</v>
      </c>
      <c r="GD19" s="72">
        <v>0</v>
      </c>
      <c r="GE19" s="73">
        <v>0</v>
      </c>
      <c r="GF19" s="74">
        <v>0</v>
      </c>
      <c r="GG19" s="71">
        <v>6</v>
      </c>
      <c r="GH19" s="72">
        <v>5</v>
      </c>
      <c r="GI19" s="73">
        <v>11</v>
      </c>
      <c r="GJ19" s="271"/>
      <c r="GK19" s="72">
        <v>18</v>
      </c>
      <c r="GL19" s="72">
        <v>17</v>
      </c>
      <c r="GM19" s="72">
        <v>8</v>
      </c>
      <c r="GN19" s="72">
        <v>7</v>
      </c>
      <c r="GO19" s="72">
        <v>10</v>
      </c>
      <c r="GP19" s="73">
        <v>60</v>
      </c>
      <c r="GQ19" s="74">
        <v>71</v>
      </c>
      <c r="GR19" s="127">
        <v>48</v>
      </c>
      <c r="GS19" s="83">
        <v>39</v>
      </c>
      <c r="GT19" s="84">
        <v>87</v>
      </c>
      <c r="GU19" s="271"/>
      <c r="GV19" s="83">
        <v>95</v>
      </c>
      <c r="GW19" s="83">
        <v>118</v>
      </c>
      <c r="GX19" s="83">
        <v>67</v>
      </c>
      <c r="GY19" s="83">
        <v>58</v>
      </c>
      <c r="GZ19" s="83">
        <v>35</v>
      </c>
      <c r="HA19" s="85">
        <v>373</v>
      </c>
      <c r="HB19" s="86">
        <v>460</v>
      </c>
      <c r="HC19" s="71">
        <v>2</v>
      </c>
      <c r="HD19" s="72">
        <v>0</v>
      </c>
      <c r="HE19" s="73">
        <v>2</v>
      </c>
      <c r="HF19" s="271"/>
      <c r="HG19" s="72">
        <v>2</v>
      </c>
      <c r="HH19" s="72">
        <v>4</v>
      </c>
      <c r="HI19" s="72">
        <v>2</v>
      </c>
      <c r="HJ19" s="72">
        <v>1</v>
      </c>
      <c r="HK19" s="72">
        <v>0</v>
      </c>
      <c r="HL19" s="73">
        <v>9</v>
      </c>
      <c r="HM19" s="74">
        <v>11</v>
      </c>
      <c r="HN19" s="71">
        <v>7</v>
      </c>
      <c r="HO19" s="72">
        <v>3</v>
      </c>
      <c r="HP19" s="73">
        <v>10</v>
      </c>
      <c r="HQ19" s="271"/>
      <c r="HR19" s="72">
        <v>5</v>
      </c>
      <c r="HS19" s="72">
        <v>8</v>
      </c>
      <c r="HT19" s="72">
        <v>3</v>
      </c>
      <c r="HU19" s="72">
        <v>2</v>
      </c>
      <c r="HV19" s="72">
        <v>4</v>
      </c>
      <c r="HW19" s="73">
        <v>22</v>
      </c>
      <c r="HX19" s="74">
        <v>32</v>
      </c>
      <c r="HY19" s="71">
        <v>10</v>
      </c>
      <c r="HZ19" s="72">
        <v>3</v>
      </c>
      <c r="IA19" s="73">
        <v>13</v>
      </c>
      <c r="IB19" s="271"/>
      <c r="IC19" s="72">
        <v>10</v>
      </c>
      <c r="ID19" s="72">
        <v>9</v>
      </c>
      <c r="IE19" s="72">
        <v>6</v>
      </c>
      <c r="IF19" s="72">
        <v>6</v>
      </c>
      <c r="IG19" s="72">
        <v>1</v>
      </c>
      <c r="IH19" s="73">
        <v>32</v>
      </c>
      <c r="II19" s="74">
        <v>45</v>
      </c>
      <c r="IJ19" s="71">
        <v>8</v>
      </c>
      <c r="IK19" s="72">
        <v>5</v>
      </c>
      <c r="IL19" s="73">
        <v>13</v>
      </c>
      <c r="IM19" s="271"/>
      <c r="IN19" s="72">
        <v>23</v>
      </c>
      <c r="IO19" s="72">
        <v>24</v>
      </c>
      <c r="IP19" s="72">
        <v>11</v>
      </c>
      <c r="IQ19" s="72">
        <v>7</v>
      </c>
      <c r="IR19" s="72">
        <v>5</v>
      </c>
      <c r="IS19" s="73">
        <v>70</v>
      </c>
      <c r="IT19" s="74">
        <v>83</v>
      </c>
      <c r="IU19" s="71">
        <v>10</v>
      </c>
      <c r="IV19" s="72">
        <v>15</v>
      </c>
      <c r="IW19" s="73">
        <v>25</v>
      </c>
      <c r="IX19" s="271"/>
      <c r="IY19" s="72">
        <v>30</v>
      </c>
      <c r="IZ19" s="72">
        <v>33</v>
      </c>
      <c r="JA19" s="72">
        <v>20</v>
      </c>
      <c r="JB19" s="72">
        <v>14</v>
      </c>
      <c r="JC19" s="72">
        <v>11</v>
      </c>
      <c r="JD19" s="73">
        <v>108</v>
      </c>
      <c r="JE19" s="74">
        <v>133</v>
      </c>
      <c r="JF19" s="71">
        <v>11</v>
      </c>
      <c r="JG19" s="72">
        <v>13</v>
      </c>
      <c r="JH19" s="73">
        <v>24</v>
      </c>
      <c r="JI19" s="271"/>
      <c r="JJ19" s="72">
        <v>25</v>
      </c>
      <c r="JK19" s="72">
        <v>40</v>
      </c>
      <c r="JL19" s="72">
        <v>25</v>
      </c>
      <c r="JM19" s="72">
        <v>28</v>
      </c>
      <c r="JN19" s="72">
        <v>14</v>
      </c>
      <c r="JO19" s="73">
        <v>132</v>
      </c>
      <c r="JP19" s="74">
        <v>156</v>
      </c>
      <c r="JQ19" s="71">
        <v>0</v>
      </c>
      <c r="JR19" s="72">
        <v>0</v>
      </c>
      <c r="JS19" s="73">
        <v>0</v>
      </c>
      <c r="JT19" s="271"/>
      <c r="JU19" s="72">
        <v>0</v>
      </c>
      <c r="JV19" s="72">
        <v>0</v>
      </c>
      <c r="JW19" s="72">
        <v>0</v>
      </c>
      <c r="JX19" s="72">
        <v>0</v>
      </c>
      <c r="JY19" s="72">
        <v>0</v>
      </c>
      <c r="JZ19" s="73">
        <v>0</v>
      </c>
      <c r="KA19" s="74">
        <v>0</v>
      </c>
      <c r="KB19" s="71">
        <v>48</v>
      </c>
      <c r="KC19" s="72">
        <v>39</v>
      </c>
      <c r="KD19" s="73">
        <v>87</v>
      </c>
      <c r="KE19" s="271"/>
      <c r="KF19" s="72">
        <v>95</v>
      </c>
      <c r="KG19" s="72">
        <v>118</v>
      </c>
      <c r="KH19" s="72">
        <v>67</v>
      </c>
      <c r="KI19" s="72">
        <v>58</v>
      </c>
      <c r="KJ19" s="72">
        <v>35</v>
      </c>
      <c r="KK19" s="73">
        <v>373</v>
      </c>
      <c r="KL19" s="74">
        <v>460</v>
      </c>
    </row>
    <row r="20" spans="1:298" ht="19.5" customHeight="1" x14ac:dyDescent="0.2">
      <c r="A20" s="130" t="s">
        <v>17</v>
      </c>
      <c r="B20" s="353">
        <v>57</v>
      </c>
      <c r="C20" s="83">
        <v>50</v>
      </c>
      <c r="D20" s="84">
        <v>107</v>
      </c>
      <c r="E20" s="271"/>
      <c r="F20" s="83">
        <v>100</v>
      </c>
      <c r="G20" s="83">
        <v>93</v>
      </c>
      <c r="H20" s="83">
        <v>63</v>
      </c>
      <c r="I20" s="83">
        <v>55</v>
      </c>
      <c r="J20" s="83">
        <v>27</v>
      </c>
      <c r="K20" s="85">
        <v>338</v>
      </c>
      <c r="L20" s="86">
        <v>445</v>
      </c>
      <c r="M20" s="71">
        <v>0</v>
      </c>
      <c r="N20" s="72">
        <v>0</v>
      </c>
      <c r="O20" s="73">
        <v>0</v>
      </c>
      <c r="P20" s="274"/>
      <c r="Q20" s="72">
        <v>2</v>
      </c>
      <c r="R20" s="72">
        <v>3</v>
      </c>
      <c r="S20" s="72">
        <v>2</v>
      </c>
      <c r="T20" s="72">
        <v>1</v>
      </c>
      <c r="U20" s="72">
        <v>3</v>
      </c>
      <c r="V20" s="73">
        <v>11</v>
      </c>
      <c r="W20" s="74">
        <v>11</v>
      </c>
      <c r="X20" s="71">
        <v>1</v>
      </c>
      <c r="Y20" s="72">
        <v>4</v>
      </c>
      <c r="Z20" s="73">
        <v>5</v>
      </c>
      <c r="AA20" s="271"/>
      <c r="AB20" s="72">
        <v>3</v>
      </c>
      <c r="AC20" s="72">
        <v>10</v>
      </c>
      <c r="AD20" s="72">
        <v>3</v>
      </c>
      <c r="AE20" s="72">
        <v>2</v>
      </c>
      <c r="AF20" s="72">
        <v>1</v>
      </c>
      <c r="AG20" s="73">
        <v>19</v>
      </c>
      <c r="AH20" s="74">
        <v>24</v>
      </c>
      <c r="AI20" s="71">
        <v>13</v>
      </c>
      <c r="AJ20" s="72">
        <v>4</v>
      </c>
      <c r="AK20" s="73">
        <v>17</v>
      </c>
      <c r="AL20" s="271"/>
      <c r="AM20" s="72">
        <v>9</v>
      </c>
      <c r="AN20" s="72">
        <v>8</v>
      </c>
      <c r="AO20" s="72">
        <v>3</v>
      </c>
      <c r="AP20" s="72">
        <v>4</v>
      </c>
      <c r="AQ20" s="72">
        <v>1</v>
      </c>
      <c r="AR20" s="73">
        <v>25</v>
      </c>
      <c r="AS20" s="74">
        <v>42</v>
      </c>
      <c r="AT20" s="71">
        <v>12</v>
      </c>
      <c r="AU20" s="72">
        <v>11</v>
      </c>
      <c r="AV20" s="73">
        <v>23</v>
      </c>
      <c r="AW20" s="271"/>
      <c r="AX20" s="72">
        <v>30</v>
      </c>
      <c r="AY20" s="72">
        <v>18</v>
      </c>
      <c r="AZ20" s="72">
        <v>14</v>
      </c>
      <c r="BA20" s="72">
        <v>17</v>
      </c>
      <c r="BB20" s="72">
        <v>7</v>
      </c>
      <c r="BC20" s="73">
        <v>86</v>
      </c>
      <c r="BD20" s="74">
        <v>109</v>
      </c>
      <c r="BE20" s="71">
        <v>19</v>
      </c>
      <c r="BF20" s="72">
        <v>16</v>
      </c>
      <c r="BG20" s="73">
        <v>35</v>
      </c>
      <c r="BH20" s="271"/>
      <c r="BI20" s="72">
        <v>31</v>
      </c>
      <c r="BJ20" s="72">
        <v>30</v>
      </c>
      <c r="BK20" s="72">
        <v>24</v>
      </c>
      <c r="BL20" s="72">
        <v>18</v>
      </c>
      <c r="BM20" s="72">
        <v>8</v>
      </c>
      <c r="BN20" s="73">
        <v>111</v>
      </c>
      <c r="BO20" s="74">
        <v>146</v>
      </c>
      <c r="BP20" s="71">
        <v>12</v>
      </c>
      <c r="BQ20" s="72">
        <v>15</v>
      </c>
      <c r="BR20" s="73">
        <v>27</v>
      </c>
      <c r="BS20" s="271"/>
      <c r="BT20" s="72">
        <v>25</v>
      </c>
      <c r="BU20" s="72">
        <v>24</v>
      </c>
      <c r="BV20" s="72">
        <v>17</v>
      </c>
      <c r="BW20" s="72">
        <v>13</v>
      </c>
      <c r="BX20" s="72">
        <v>7</v>
      </c>
      <c r="BY20" s="73">
        <v>86</v>
      </c>
      <c r="BZ20" s="74">
        <v>113</v>
      </c>
      <c r="CA20" s="71">
        <v>0</v>
      </c>
      <c r="CB20" s="72">
        <v>0</v>
      </c>
      <c r="CC20" s="73">
        <v>0</v>
      </c>
      <c r="CD20" s="271"/>
      <c r="CE20" s="72">
        <v>0</v>
      </c>
      <c r="CF20" s="72">
        <v>0</v>
      </c>
      <c r="CG20" s="72">
        <v>0</v>
      </c>
      <c r="CH20" s="72">
        <v>0</v>
      </c>
      <c r="CI20" s="72">
        <v>0</v>
      </c>
      <c r="CJ20" s="73">
        <v>0</v>
      </c>
      <c r="CK20" s="74">
        <v>0</v>
      </c>
      <c r="CL20" s="71">
        <v>57</v>
      </c>
      <c r="CM20" s="72">
        <v>50</v>
      </c>
      <c r="CN20" s="73">
        <v>107</v>
      </c>
      <c r="CO20" s="271"/>
      <c r="CP20" s="72">
        <v>100</v>
      </c>
      <c r="CQ20" s="72">
        <v>93</v>
      </c>
      <c r="CR20" s="72">
        <v>63</v>
      </c>
      <c r="CS20" s="72">
        <v>55</v>
      </c>
      <c r="CT20" s="72">
        <v>27</v>
      </c>
      <c r="CU20" s="73">
        <v>338</v>
      </c>
      <c r="CV20" s="74">
        <v>445</v>
      </c>
      <c r="CW20" s="127">
        <v>7</v>
      </c>
      <c r="CX20" s="83">
        <v>16</v>
      </c>
      <c r="CY20" s="84">
        <v>23</v>
      </c>
      <c r="CZ20" s="271"/>
      <c r="DA20" s="83">
        <v>10</v>
      </c>
      <c r="DB20" s="83">
        <v>16</v>
      </c>
      <c r="DC20" s="83">
        <v>13</v>
      </c>
      <c r="DD20" s="83">
        <v>5</v>
      </c>
      <c r="DE20" s="83">
        <v>5</v>
      </c>
      <c r="DF20" s="85">
        <v>49</v>
      </c>
      <c r="DG20" s="86">
        <v>72</v>
      </c>
      <c r="DH20" s="71">
        <v>0</v>
      </c>
      <c r="DI20" s="72">
        <v>1</v>
      </c>
      <c r="DJ20" s="73">
        <v>1</v>
      </c>
      <c r="DK20" s="271"/>
      <c r="DL20" s="72">
        <v>0</v>
      </c>
      <c r="DM20" s="72">
        <v>1</v>
      </c>
      <c r="DN20" s="72">
        <v>1</v>
      </c>
      <c r="DO20" s="72">
        <v>0</v>
      </c>
      <c r="DP20" s="72">
        <v>1</v>
      </c>
      <c r="DQ20" s="73">
        <v>3</v>
      </c>
      <c r="DR20" s="74">
        <v>4</v>
      </c>
      <c r="DS20" s="71">
        <v>0</v>
      </c>
      <c r="DT20" s="72">
        <v>3</v>
      </c>
      <c r="DU20" s="73">
        <v>3</v>
      </c>
      <c r="DV20" s="271"/>
      <c r="DW20" s="72">
        <v>0</v>
      </c>
      <c r="DX20" s="72">
        <v>1</v>
      </c>
      <c r="DY20" s="72">
        <v>1</v>
      </c>
      <c r="DZ20" s="72">
        <v>0</v>
      </c>
      <c r="EA20" s="72">
        <v>0</v>
      </c>
      <c r="EB20" s="73">
        <v>2</v>
      </c>
      <c r="EC20" s="74">
        <v>5</v>
      </c>
      <c r="ED20" s="71">
        <v>1</v>
      </c>
      <c r="EE20" s="72">
        <v>1</v>
      </c>
      <c r="EF20" s="73">
        <v>2</v>
      </c>
      <c r="EG20" s="271"/>
      <c r="EH20" s="72">
        <v>1</v>
      </c>
      <c r="EI20" s="72">
        <v>0</v>
      </c>
      <c r="EJ20" s="72">
        <v>0</v>
      </c>
      <c r="EK20" s="72">
        <v>0</v>
      </c>
      <c r="EL20" s="72">
        <v>1</v>
      </c>
      <c r="EM20" s="73">
        <v>2</v>
      </c>
      <c r="EN20" s="74">
        <v>4</v>
      </c>
      <c r="EO20" s="71">
        <v>5</v>
      </c>
      <c r="EP20" s="72">
        <v>2</v>
      </c>
      <c r="EQ20" s="73">
        <v>7</v>
      </c>
      <c r="ER20" s="271"/>
      <c r="ES20" s="72">
        <v>3</v>
      </c>
      <c r="ET20" s="72">
        <v>5</v>
      </c>
      <c r="EU20" s="72">
        <v>2</v>
      </c>
      <c r="EV20" s="72">
        <v>1</v>
      </c>
      <c r="EW20" s="72">
        <v>0</v>
      </c>
      <c r="EX20" s="73">
        <v>11</v>
      </c>
      <c r="EY20" s="74">
        <v>18</v>
      </c>
      <c r="EZ20" s="71">
        <v>0</v>
      </c>
      <c r="FA20" s="72">
        <v>4</v>
      </c>
      <c r="FB20" s="73">
        <v>4</v>
      </c>
      <c r="FC20" s="271"/>
      <c r="FD20" s="72">
        <v>4</v>
      </c>
      <c r="FE20" s="72">
        <v>2</v>
      </c>
      <c r="FF20" s="72">
        <v>2</v>
      </c>
      <c r="FG20" s="72">
        <v>0</v>
      </c>
      <c r="FH20" s="72">
        <v>1</v>
      </c>
      <c r="FI20" s="73">
        <v>9</v>
      </c>
      <c r="FJ20" s="74">
        <v>13</v>
      </c>
      <c r="FK20" s="71">
        <v>1</v>
      </c>
      <c r="FL20" s="72">
        <v>5</v>
      </c>
      <c r="FM20" s="73">
        <v>6</v>
      </c>
      <c r="FN20" s="271"/>
      <c r="FO20" s="72">
        <v>2</v>
      </c>
      <c r="FP20" s="72">
        <v>7</v>
      </c>
      <c r="FQ20" s="72">
        <v>7</v>
      </c>
      <c r="FR20" s="72">
        <v>4</v>
      </c>
      <c r="FS20" s="72">
        <v>2</v>
      </c>
      <c r="FT20" s="73">
        <v>22</v>
      </c>
      <c r="FU20" s="74">
        <v>28</v>
      </c>
      <c r="FV20" s="71">
        <v>0</v>
      </c>
      <c r="FW20" s="72">
        <v>0</v>
      </c>
      <c r="FX20" s="73">
        <v>0</v>
      </c>
      <c r="FY20" s="271"/>
      <c r="FZ20" s="72">
        <v>0</v>
      </c>
      <c r="GA20" s="72">
        <v>0</v>
      </c>
      <c r="GB20" s="72">
        <v>0</v>
      </c>
      <c r="GC20" s="72">
        <v>0</v>
      </c>
      <c r="GD20" s="72">
        <v>0</v>
      </c>
      <c r="GE20" s="73">
        <v>0</v>
      </c>
      <c r="GF20" s="74">
        <v>0</v>
      </c>
      <c r="GG20" s="71">
        <v>7</v>
      </c>
      <c r="GH20" s="72">
        <v>16</v>
      </c>
      <c r="GI20" s="73">
        <v>23</v>
      </c>
      <c r="GJ20" s="271"/>
      <c r="GK20" s="72">
        <v>10</v>
      </c>
      <c r="GL20" s="72">
        <v>16</v>
      </c>
      <c r="GM20" s="72">
        <v>13</v>
      </c>
      <c r="GN20" s="72">
        <v>5</v>
      </c>
      <c r="GO20" s="72">
        <v>5</v>
      </c>
      <c r="GP20" s="73">
        <v>49</v>
      </c>
      <c r="GQ20" s="74">
        <v>72</v>
      </c>
      <c r="GR20" s="127">
        <v>64</v>
      </c>
      <c r="GS20" s="83">
        <v>66</v>
      </c>
      <c r="GT20" s="84">
        <v>130</v>
      </c>
      <c r="GU20" s="271"/>
      <c r="GV20" s="83">
        <v>110</v>
      </c>
      <c r="GW20" s="83">
        <v>109</v>
      </c>
      <c r="GX20" s="83">
        <v>76</v>
      </c>
      <c r="GY20" s="83">
        <v>60</v>
      </c>
      <c r="GZ20" s="83">
        <v>32</v>
      </c>
      <c r="HA20" s="85">
        <v>387</v>
      </c>
      <c r="HB20" s="86">
        <v>517</v>
      </c>
      <c r="HC20" s="71">
        <v>0</v>
      </c>
      <c r="HD20" s="72">
        <v>1</v>
      </c>
      <c r="HE20" s="73">
        <v>1</v>
      </c>
      <c r="HF20" s="271"/>
      <c r="HG20" s="72">
        <v>2</v>
      </c>
      <c r="HH20" s="72">
        <v>4</v>
      </c>
      <c r="HI20" s="72">
        <v>3</v>
      </c>
      <c r="HJ20" s="72">
        <v>1</v>
      </c>
      <c r="HK20" s="72">
        <v>4</v>
      </c>
      <c r="HL20" s="73">
        <v>14</v>
      </c>
      <c r="HM20" s="74">
        <v>15</v>
      </c>
      <c r="HN20" s="71">
        <v>1</v>
      </c>
      <c r="HO20" s="72">
        <v>7</v>
      </c>
      <c r="HP20" s="73">
        <v>8</v>
      </c>
      <c r="HQ20" s="271"/>
      <c r="HR20" s="72">
        <v>3</v>
      </c>
      <c r="HS20" s="72">
        <v>11</v>
      </c>
      <c r="HT20" s="72">
        <v>4</v>
      </c>
      <c r="HU20" s="72">
        <v>2</v>
      </c>
      <c r="HV20" s="72">
        <v>1</v>
      </c>
      <c r="HW20" s="73">
        <v>21</v>
      </c>
      <c r="HX20" s="74">
        <v>29</v>
      </c>
      <c r="HY20" s="71">
        <v>14</v>
      </c>
      <c r="HZ20" s="72">
        <v>5</v>
      </c>
      <c r="IA20" s="73">
        <v>19</v>
      </c>
      <c r="IB20" s="271"/>
      <c r="IC20" s="72">
        <v>10</v>
      </c>
      <c r="ID20" s="72">
        <v>8</v>
      </c>
      <c r="IE20" s="72">
        <v>3</v>
      </c>
      <c r="IF20" s="72">
        <v>4</v>
      </c>
      <c r="IG20" s="72">
        <v>2</v>
      </c>
      <c r="IH20" s="73">
        <v>27</v>
      </c>
      <c r="II20" s="74">
        <v>46</v>
      </c>
      <c r="IJ20" s="71">
        <v>17</v>
      </c>
      <c r="IK20" s="72">
        <v>13</v>
      </c>
      <c r="IL20" s="73">
        <v>30</v>
      </c>
      <c r="IM20" s="271"/>
      <c r="IN20" s="72">
        <v>33</v>
      </c>
      <c r="IO20" s="72">
        <v>23</v>
      </c>
      <c r="IP20" s="72">
        <v>16</v>
      </c>
      <c r="IQ20" s="72">
        <v>18</v>
      </c>
      <c r="IR20" s="72">
        <v>7</v>
      </c>
      <c r="IS20" s="73">
        <v>97</v>
      </c>
      <c r="IT20" s="74">
        <v>127</v>
      </c>
      <c r="IU20" s="71">
        <v>19</v>
      </c>
      <c r="IV20" s="72">
        <v>20</v>
      </c>
      <c r="IW20" s="73">
        <v>39</v>
      </c>
      <c r="IX20" s="271"/>
      <c r="IY20" s="72">
        <v>35</v>
      </c>
      <c r="IZ20" s="72">
        <v>32</v>
      </c>
      <c r="JA20" s="72">
        <v>26</v>
      </c>
      <c r="JB20" s="72">
        <v>18</v>
      </c>
      <c r="JC20" s="72">
        <v>9</v>
      </c>
      <c r="JD20" s="73">
        <v>120</v>
      </c>
      <c r="JE20" s="74">
        <v>159</v>
      </c>
      <c r="JF20" s="71">
        <v>13</v>
      </c>
      <c r="JG20" s="72">
        <v>20</v>
      </c>
      <c r="JH20" s="73">
        <v>33</v>
      </c>
      <c r="JI20" s="271"/>
      <c r="JJ20" s="72">
        <v>27</v>
      </c>
      <c r="JK20" s="72">
        <v>31</v>
      </c>
      <c r="JL20" s="72">
        <v>24</v>
      </c>
      <c r="JM20" s="72">
        <v>17</v>
      </c>
      <c r="JN20" s="72">
        <v>9</v>
      </c>
      <c r="JO20" s="73">
        <v>108</v>
      </c>
      <c r="JP20" s="74">
        <v>141</v>
      </c>
      <c r="JQ20" s="71">
        <v>0</v>
      </c>
      <c r="JR20" s="72">
        <v>0</v>
      </c>
      <c r="JS20" s="73">
        <v>0</v>
      </c>
      <c r="JT20" s="271"/>
      <c r="JU20" s="72">
        <v>0</v>
      </c>
      <c r="JV20" s="72">
        <v>0</v>
      </c>
      <c r="JW20" s="72">
        <v>0</v>
      </c>
      <c r="JX20" s="72">
        <v>0</v>
      </c>
      <c r="JY20" s="72">
        <v>0</v>
      </c>
      <c r="JZ20" s="73">
        <v>0</v>
      </c>
      <c r="KA20" s="74">
        <v>0</v>
      </c>
      <c r="KB20" s="71">
        <v>64</v>
      </c>
      <c r="KC20" s="72">
        <v>66</v>
      </c>
      <c r="KD20" s="73">
        <v>130</v>
      </c>
      <c r="KE20" s="271"/>
      <c r="KF20" s="72">
        <v>110</v>
      </c>
      <c r="KG20" s="72">
        <v>109</v>
      </c>
      <c r="KH20" s="72">
        <v>76</v>
      </c>
      <c r="KI20" s="72">
        <v>60</v>
      </c>
      <c r="KJ20" s="72">
        <v>32</v>
      </c>
      <c r="KK20" s="73">
        <v>387</v>
      </c>
      <c r="KL20" s="74">
        <v>517</v>
      </c>
    </row>
    <row r="21" spans="1:298" ht="19.5" customHeight="1" x14ac:dyDescent="0.2">
      <c r="A21" s="130" t="s">
        <v>18</v>
      </c>
      <c r="B21" s="353">
        <v>69</v>
      </c>
      <c r="C21" s="83">
        <v>94</v>
      </c>
      <c r="D21" s="84">
        <v>163</v>
      </c>
      <c r="E21" s="271"/>
      <c r="F21" s="83">
        <v>143</v>
      </c>
      <c r="G21" s="83">
        <v>121</v>
      </c>
      <c r="H21" s="83">
        <v>89</v>
      </c>
      <c r="I21" s="83">
        <v>67</v>
      </c>
      <c r="J21" s="83">
        <v>43</v>
      </c>
      <c r="K21" s="85">
        <v>463</v>
      </c>
      <c r="L21" s="86">
        <v>626</v>
      </c>
      <c r="M21" s="71">
        <v>1</v>
      </c>
      <c r="N21" s="72">
        <v>2</v>
      </c>
      <c r="O21" s="73">
        <v>3</v>
      </c>
      <c r="P21" s="274"/>
      <c r="Q21" s="72">
        <v>3</v>
      </c>
      <c r="R21" s="72">
        <v>3</v>
      </c>
      <c r="S21" s="72">
        <v>1</v>
      </c>
      <c r="T21" s="72">
        <v>2</v>
      </c>
      <c r="U21" s="72">
        <v>2</v>
      </c>
      <c r="V21" s="73">
        <v>11</v>
      </c>
      <c r="W21" s="74">
        <v>14</v>
      </c>
      <c r="X21" s="71">
        <v>4</v>
      </c>
      <c r="Y21" s="72">
        <v>4</v>
      </c>
      <c r="Z21" s="73">
        <v>8</v>
      </c>
      <c r="AA21" s="271"/>
      <c r="AB21" s="72">
        <v>6</v>
      </c>
      <c r="AC21" s="72">
        <v>2</v>
      </c>
      <c r="AD21" s="72">
        <v>7</v>
      </c>
      <c r="AE21" s="72">
        <v>5</v>
      </c>
      <c r="AF21" s="72">
        <v>2</v>
      </c>
      <c r="AG21" s="73">
        <v>22</v>
      </c>
      <c r="AH21" s="74">
        <v>30</v>
      </c>
      <c r="AI21" s="71">
        <v>4</v>
      </c>
      <c r="AJ21" s="72">
        <v>10</v>
      </c>
      <c r="AK21" s="73">
        <v>14</v>
      </c>
      <c r="AL21" s="271"/>
      <c r="AM21" s="72">
        <v>15</v>
      </c>
      <c r="AN21" s="72">
        <v>8</v>
      </c>
      <c r="AO21" s="72">
        <v>7</v>
      </c>
      <c r="AP21" s="72">
        <v>5</v>
      </c>
      <c r="AQ21" s="72">
        <v>5</v>
      </c>
      <c r="AR21" s="73">
        <v>40</v>
      </c>
      <c r="AS21" s="74">
        <v>54</v>
      </c>
      <c r="AT21" s="71">
        <v>18</v>
      </c>
      <c r="AU21" s="72">
        <v>13</v>
      </c>
      <c r="AV21" s="73">
        <v>31</v>
      </c>
      <c r="AW21" s="271"/>
      <c r="AX21" s="72">
        <v>28</v>
      </c>
      <c r="AY21" s="72">
        <v>34</v>
      </c>
      <c r="AZ21" s="72">
        <v>19</v>
      </c>
      <c r="BA21" s="72">
        <v>12</v>
      </c>
      <c r="BB21" s="72">
        <v>9</v>
      </c>
      <c r="BC21" s="73">
        <v>102</v>
      </c>
      <c r="BD21" s="74">
        <v>133</v>
      </c>
      <c r="BE21" s="71">
        <v>17</v>
      </c>
      <c r="BF21" s="72">
        <v>36</v>
      </c>
      <c r="BG21" s="73">
        <v>53</v>
      </c>
      <c r="BH21" s="271"/>
      <c r="BI21" s="72">
        <v>53</v>
      </c>
      <c r="BJ21" s="72">
        <v>42</v>
      </c>
      <c r="BK21" s="72">
        <v>27</v>
      </c>
      <c r="BL21" s="72">
        <v>22</v>
      </c>
      <c r="BM21" s="72">
        <v>5</v>
      </c>
      <c r="BN21" s="73">
        <v>149</v>
      </c>
      <c r="BO21" s="74">
        <v>202</v>
      </c>
      <c r="BP21" s="71">
        <v>25</v>
      </c>
      <c r="BQ21" s="72">
        <v>29</v>
      </c>
      <c r="BR21" s="73">
        <v>54</v>
      </c>
      <c r="BS21" s="271"/>
      <c r="BT21" s="72">
        <v>38</v>
      </c>
      <c r="BU21" s="72">
        <v>32</v>
      </c>
      <c r="BV21" s="72">
        <v>28</v>
      </c>
      <c r="BW21" s="72">
        <v>21</v>
      </c>
      <c r="BX21" s="72">
        <v>20</v>
      </c>
      <c r="BY21" s="73">
        <v>139</v>
      </c>
      <c r="BZ21" s="74">
        <v>193</v>
      </c>
      <c r="CA21" s="71">
        <v>0</v>
      </c>
      <c r="CB21" s="72">
        <v>0</v>
      </c>
      <c r="CC21" s="73">
        <v>0</v>
      </c>
      <c r="CD21" s="271"/>
      <c r="CE21" s="72">
        <v>0</v>
      </c>
      <c r="CF21" s="72">
        <v>0</v>
      </c>
      <c r="CG21" s="72">
        <v>0</v>
      </c>
      <c r="CH21" s="72">
        <v>0</v>
      </c>
      <c r="CI21" s="72">
        <v>0</v>
      </c>
      <c r="CJ21" s="73">
        <v>0</v>
      </c>
      <c r="CK21" s="74">
        <v>0</v>
      </c>
      <c r="CL21" s="71">
        <v>69</v>
      </c>
      <c r="CM21" s="72">
        <v>94</v>
      </c>
      <c r="CN21" s="73">
        <v>163</v>
      </c>
      <c r="CO21" s="271"/>
      <c r="CP21" s="72">
        <v>143</v>
      </c>
      <c r="CQ21" s="72">
        <v>121</v>
      </c>
      <c r="CR21" s="72">
        <v>89</v>
      </c>
      <c r="CS21" s="72">
        <v>67</v>
      </c>
      <c r="CT21" s="72">
        <v>43</v>
      </c>
      <c r="CU21" s="73">
        <v>463</v>
      </c>
      <c r="CV21" s="74">
        <v>626</v>
      </c>
      <c r="CW21" s="127">
        <v>8</v>
      </c>
      <c r="CX21" s="83">
        <v>16</v>
      </c>
      <c r="CY21" s="84">
        <v>24</v>
      </c>
      <c r="CZ21" s="271"/>
      <c r="DA21" s="83">
        <v>16</v>
      </c>
      <c r="DB21" s="83">
        <v>18</v>
      </c>
      <c r="DC21" s="83">
        <v>16</v>
      </c>
      <c r="DD21" s="83">
        <v>4</v>
      </c>
      <c r="DE21" s="83">
        <v>4</v>
      </c>
      <c r="DF21" s="85">
        <v>58</v>
      </c>
      <c r="DG21" s="86">
        <v>82</v>
      </c>
      <c r="DH21" s="71">
        <v>0</v>
      </c>
      <c r="DI21" s="72">
        <v>0</v>
      </c>
      <c r="DJ21" s="73">
        <v>0</v>
      </c>
      <c r="DK21" s="271"/>
      <c r="DL21" s="72">
        <v>0</v>
      </c>
      <c r="DM21" s="72">
        <v>0</v>
      </c>
      <c r="DN21" s="72">
        <v>1</v>
      </c>
      <c r="DO21" s="72">
        <v>0</v>
      </c>
      <c r="DP21" s="72">
        <v>0</v>
      </c>
      <c r="DQ21" s="73">
        <v>1</v>
      </c>
      <c r="DR21" s="74">
        <v>1</v>
      </c>
      <c r="DS21" s="71">
        <v>0</v>
      </c>
      <c r="DT21" s="72">
        <v>4</v>
      </c>
      <c r="DU21" s="73">
        <v>4</v>
      </c>
      <c r="DV21" s="271"/>
      <c r="DW21" s="72">
        <v>0</v>
      </c>
      <c r="DX21" s="72">
        <v>2</v>
      </c>
      <c r="DY21" s="72">
        <v>1</v>
      </c>
      <c r="DZ21" s="72">
        <v>1</v>
      </c>
      <c r="EA21" s="72">
        <v>0</v>
      </c>
      <c r="EB21" s="73">
        <v>4</v>
      </c>
      <c r="EC21" s="74">
        <v>8</v>
      </c>
      <c r="ED21" s="71">
        <v>0</v>
      </c>
      <c r="EE21" s="72">
        <v>5</v>
      </c>
      <c r="EF21" s="73">
        <v>5</v>
      </c>
      <c r="EG21" s="271"/>
      <c r="EH21" s="72">
        <v>2</v>
      </c>
      <c r="EI21" s="72">
        <v>1</v>
      </c>
      <c r="EJ21" s="72">
        <v>2</v>
      </c>
      <c r="EK21" s="72">
        <v>1</v>
      </c>
      <c r="EL21" s="72">
        <v>0</v>
      </c>
      <c r="EM21" s="73">
        <v>6</v>
      </c>
      <c r="EN21" s="74">
        <v>11</v>
      </c>
      <c r="EO21" s="71">
        <v>4</v>
      </c>
      <c r="EP21" s="72">
        <v>3</v>
      </c>
      <c r="EQ21" s="73">
        <v>7</v>
      </c>
      <c r="ER21" s="271"/>
      <c r="ES21" s="72">
        <v>7</v>
      </c>
      <c r="ET21" s="72">
        <v>1</v>
      </c>
      <c r="EU21" s="72">
        <v>2</v>
      </c>
      <c r="EV21" s="72">
        <v>0</v>
      </c>
      <c r="EW21" s="72">
        <v>1</v>
      </c>
      <c r="EX21" s="73">
        <v>11</v>
      </c>
      <c r="EY21" s="74">
        <v>18</v>
      </c>
      <c r="EZ21" s="71">
        <v>3</v>
      </c>
      <c r="FA21" s="72">
        <v>3</v>
      </c>
      <c r="FB21" s="73">
        <v>6</v>
      </c>
      <c r="FC21" s="271"/>
      <c r="FD21" s="72">
        <v>3</v>
      </c>
      <c r="FE21" s="72">
        <v>10</v>
      </c>
      <c r="FF21" s="72">
        <v>6</v>
      </c>
      <c r="FG21" s="72">
        <v>1</v>
      </c>
      <c r="FH21" s="72">
        <v>3</v>
      </c>
      <c r="FI21" s="73">
        <v>23</v>
      </c>
      <c r="FJ21" s="74">
        <v>29</v>
      </c>
      <c r="FK21" s="71">
        <v>1</v>
      </c>
      <c r="FL21" s="72">
        <v>1</v>
      </c>
      <c r="FM21" s="73">
        <v>2</v>
      </c>
      <c r="FN21" s="271"/>
      <c r="FO21" s="72">
        <v>4</v>
      </c>
      <c r="FP21" s="72">
        <v>4</v>
      </c>
      <c r="FQ21" s="72">
        <v>4</v>
      </c>
      <c r="FR21" s="72">
        <v>1</v>
      </c>
      <c r="FS21" s="72">
        <v>0</v>
      </c>
      <c r="FT21" s="73">
        <v>13</v>
      </c>
      <c r="FU21" s="74">
        <v>15</v>
      </c>
      <c r="FV21" s="71">
        <v>0</v>
      </c>
      <c r="FW21" s="72">
        <v>0</v>
      </c>
      <c r="FX21" s="73">
        <v>0</v>
      </c>
      <c r="FY21" s="271"/>
      <c r="FZ21" s="72">
        <v>0</v>
      </c>
      <c r="GA21" s="72">
        <v>0</v>
      </c>
      <c r="GB21" s="72">
        <v>0</v>
      </c>
      <c r="GC21" s="72">
        <v>0</v>
      </c>
      <c r="GD21" s="72">
        <v>0</v>
      </c>
      <c r="GE21" s="73">
        <v>0</v>
      </c>
      <c r="GF21" s="74">
        <v>0</v>
      </c>
      <c r="GG21" s="71">
        <v>8</v>
      </c>
      <c r="GH21" s="72">
        <v>16</v>
      </c>
      <c r="GI21" s="73">
        <v>24</v>
      </c>
      <c r="GJ21" s="271"/>
      <c r="GK21" s="72">
        <v>16</v>
      </c>
      <c r="GL21" s="72">
        <v>18</v>
      </c>
      <c r="GM21" s="72">
        <v>16</v>
      </c>
      <c r="GN21" s="72">
        <v>4</v>
      </c>
      <c r="GO21" s="72">
        <v>4</v>
      </c>
      <c r="GP21" s="73">
        <v>58</v>
      </c>
      <c r="GQ21" s="74">
        <v>82</v>
      </c>
      <c r="GR21" s="127">
        <v>77</v>
      </c>
      <c r="GS21" s="83">
        <v>110</v>
      </c>
      <c r="GT21" s="84">
        <v>187</v>
      </c>
      <c r="GU21" s="271"/>
      <c r="GV21" s="83">
        <v>159</v>
      </c>
      <c r="GW21" s="83">
        <v>139</v>
      </c>
      <c r="GX21" s="83">
        <v>105</v>
      </c>
      <c r="GY21" s="83">
        <v>71</v>
      </c>
      <c r="GZ21" s="83">
        <v>47</v>
      </c>
      <c r="HA21" s="85">
        <v>521</v>
      </c>
      <c r="HB21" s="86">
        <v>708</v>
      </c>
      <c r="HC21" s="71">
        <v>1</v>
      </c>
      <c r="HD21" s="72">
        <v>2</v>
      </c>
      <c r="HE21" s="73">
        <v>3</v>
      </c>
      <c r="HF21" s="271"/>
      <c r="HG21" s="72">
        <v>3</v>
      </c>
      <c r="HH21" s="72">
        <v>3</v>
      </c>
      <c r="HI21" s="72">
        <v>2</v>
      </c>
      <c r="HJ21" s="72">
        <v>2</v>
      </c>
      <c r="HK21" s="72">
        <v>2</v>
      </c>
      <c r="HL21" s="73">
        <v>12</v>
      </c>
      <c r="HM21" s="74">
        <v>15</v>
      </c>
      <c r="HN21" s="71">
        <v>4</v>
      </c>
      <c r="HO21" s="72">
        <v>8</v>
      </c>
      <c r="HP21" s="73">
        <v>12</v>
      </c>
      <c r="HQ21" s="271"/>
      <c r="HR21" s="72">
        <v>6</v>
      </c>
      <c r="HS21" s="72">
        <v>4</v>
      </c>
      <c r="HT21" s="72">
        <v>8</v>
      </c>
      <c r="HU21" s="72">
        <v>6</v>
      </c>
      <c r="HV21" s="72">
        <v>2</v>
      </c>
      <c r="HW21" s="73">
        <v>26</v>
      </c>
      <c r="HX21" s="74">
        <v>38</v>
      </c>
      <c r="HY21" s="71">
        <v>4</v>
      </c>
      <c r="HZ21" s="72">
        <v>15</v>
      </c>
      <c r="IA21" s="73">
        <v>19</v>
      </c>
      <c r="IB21" s="271"/>
      <c r="IC21" s="72">
        <v>17</v>
      </c>
      <c r="ID21" s="72">
        <v>9</v>
      </c>
      <c r="IE21" s="72">
        <v>9</v>
      </c>
      <c r="IF21" s="72">
        <v>6</v>
      </c>
      <c r="IG21" s="72">
        <v>5</v>
      </c>
      <c r="IH21" s="73">
        <v>46</v>
      </c>
      <c r="II21" s="74">
        <v>65</v>
      </c>
      <c r="IJ21" s="71">
        <v>22</v>
      </c>
      <c r="IK21" s="72">
        <v>16</v>
      </c>
      <c r="IL21" s="73">
        <v>38</v>
      </c>
      <c r="IM21" s="271"/>
      <c r="IN21" s="72">
        <v>35</v>
      </c>
      <c r="IO21" s="72">
        <v>35</v>
      </c>
      <c r="IP21" s="72">
        <v>21</v>
      </c>
      <c r="IQ21" s="72">
        <v>12</v>
      </c>
      <c r="IR21" s="72">
        <v>10</v>
      </c>
      <c r="IS21" s="73">
        <v>113</v>
      </c>
      <c r="IT21" s="74">
        <v>151</v>
      </c>
      <c r="IU21" s="71">
        <v>20</v>
      </c>
      <c r="IV21" s="72">
        <v>39</v>
      </c>
      <c r="IW21" s="73">
        <v>59</v>
      </c>
      <c r="IX21" s="271"/>
      <c r="IY21" s="72">
        <v>56</v>
      </c>
      <c r="IZ21" s="72">
        <v>52</v>
      </c>
      <c r="JA21" s="72">
        <v>33</v>
      </c>
      <c r="JB21" s="72">
        <v>23</v>
      </c>
      <c r="JC21" s="72">
        <v>8</v>
      </c>
      <c r="JD21" s="73">
        <v>172</v>
      </c>
      <c r="JE21" s="74">
        <v>231</v>
      </c>
      <c r="JF21" s="71">
        <v>26</v>
      </c>
      <c r="JG21" s="72">
        <v>30</v>
      </c>
      <c r="JH21" s="73">
        <v>56</v>
      </c>
      <c r="JI21" s="271"/>
      <c r="JJ21" s="72">
        <v>42</v>
      </c>
      <c r="JK21" s="72">
        <v>36</v>
      </c>
      <c r="JL21" s="72">
        <v>32</v>
      </c>
      <c r="JM21" s="72">
        <v>22</v>
      </c>
      <c r="JN21" s="72">
        <v>20</v>
      </c>
      <c r="JO21" s="73">
        <v>152</v>
      </c>
      <c r="JP21" s="74">
        <v>208</v>
      </c>
      <c r="JQ21" s="71">
        <v>0</v>
      </c>
      <c r="JR21" s="72">
        <v>0</v>
      </c>
      <c r="JS21" s="73">
        <v>0</v>
      </c>
      <c r="JT21" s="271"/>
      <c r="JU21" s="72">
        <v>0</v>
      </c>
      <c r="JV21" s="72">
        <v>0</v>
      </c>
      <c r="JW21" s="72">
        <v>0</v>
      </c>
      <c r="JX21" s="72">
        <v>0</v>
      </c>
      <c r="JY21" s="72">
        <v>0</v>
      </c>
      <c r="JZ21" s="73">
        <v>0</v>
      </c>
      <c r="KA21" s="74">
        <v>0</v>
      </c>
      <c r="KB21" s="71">
        <v>77</v>
      </c>
      <c r="KC21" s="72">
        <v>110</v>
      </c>
      <c r="KD21" s="73">
        <v>187</v>
      </c>
      <c r="KE21" s="271"/>
      <c r="KF21" s="72">
        <v>159</v>
      </c>
      <c r="KG21" s="72">
        <v>139</v>
      </c>
      <c r="KH21" s="72">
        <v>105</v>
      </c>
      <c r="KI21" s="72">
        <v>71</v>
      </c>
      <c r="KJ21" s="72">
        <v>47</v>
      </c>
      <c r="KK21" s="73">
        <v>521</v>
      </c>
      <c r="KL21" s="74">
        <v>708</v>
      </c>
    </row>
    <row r="22" spans="1:298" ht="19.5" customHeight="1" x14ac:dyDescent="0.2">
      <c r="A22" s="130" t="s">
        <v>19</v>
      </c>
      <c r="B22" s="353">
        <v>29</v>
      </c>
      <c r="C22" s="83">
        <v>32</v>
      </c>
      <c r="D22" s="84">
        <v>61</v>
      </c>
      <c r="E22" s="271"/>
      <c r="F22" s="83">
        <v>72</v>
      </c>
      <c r="G22" s="83">
        <v>52</v>
      </c>
      <c r="H22" s="83">
        <v>24</v>
      </c>
      <c r="I22" s="83">
        <v>26</v>
      </c>
      <c r="J22" s="83">
        <v>12</v>
      </c>
      <c r="K22" s="85">
        <v>186</v>
      </c>
      <c r="L22" s="86">
        <v>247</v>
      </c>
      <c r="M22" s="87">
        <v>0</v>
      </c>
      <c r="N22" s="72">
        <v>0</v>
      </c>
      <c r="O22" s="73">
        <v>0</v>
      </c>
      <c r="P22" s="274"/>
      <c r="Q22" s="72">
        <v>1</v>
      </c>
      <c r="R22" s="72">
        <v>2</v>
      </c>
      <c r="S22" s="72">
        <v>1</v>
      </c>
      <c r="T22" s="72">
        <v>1</v>
      </c>
      <c r="U22" s="72">
        <v>0</v>
      </c>
      <c r="V22" s="73">
        <v>5</v>
      </c>
      <c r="W22" s="74">
        <v>5</v>
      </c>
      <c r="X22" s="71">
        <v>0</v>
      </c>
      <c r="Y22" s="72">
        <v>2</v>
      </c>
      <c r="Z22" s="73">
        <v>2</v>
      </c>
      <c r="AA22" s="271"/>
      <c r="AB22" s="72">
        <v>1</v>
      </c>
      <c r="AC22" s="72">
        <v>3</v>
      </c>
      <c r="AD22" s="72">
        <v>1</v>
      </c>
      <c r="AE22" s="72">
        <v>2</v>
      </c>
      <c r="AF22" s="72">
        <v>0</v>
      </c>
      <c r="AG22" s="73">
        <v>7</v>
      </c>
      <c r="AH22" s="74">
        <v>9</v>
      </c>
      <c r="AI22" s="87">
        <v>4</v>
      </c>
      <c r="AJ22" s="72">
        <v>1</v>
      </c>
      <c r="AK22" s="73">
        <v>5</v>
      </c>
      <c r="AL22" s="271"/>
      <c r="AM22" s="72">
        <v>4</v>
      </c>
      <c r="AN22" s="72">
        <v>4</v>
      </c>
      <c r="AO22" s="72">
        <v>1</v>
      </c>
      <c r="AP22" s="72">
        <v>2</v>
      </c>
      <c r="AQ22" s="72">
        <v>0</v>
      </c>
      <c r="AR22" s="73">
        <v>11</v>
      </c>
      <c r="AS22" s="74">
        <v>16</v>
      </c>
      <c r="AT22" s="71">
        <v>8</v>
      </c>
      <c r="AU22" s="72">
        <v>8</v>
      </c>
      <c r="AV22" s="73">
        <v>16</v>
      </c>
      <c r="AW22" s="271"/>
      <c r="AX22" s="72">
        <v>11</v>
      </c>
      <c r="AY22" s="72">
        <v>11</v>
      </c>
      <c r="AZ22" s="72">
        <v>8</v>
      </c>
      <c r="BA22" s="72">
        <v>5</v>
      </c>
      <c r="BB22" s="72">
        <v>3</v>
      </c>
      <c r="BC22" s="73">
        <v>38</v>
      </c>
      <c r="BD22" s="74">
        <v>54</v>
      </c>
      <c r="BE22" s="87">
        <v>8</v>
      </c>
      <c r="BF22" s="72">
        <v>12</v>
      </c>
      <c r="BG22" s="73">
        <v>20</v>
      </c>
      <c r="BH22" s="271"/>
      <c r="BI22" s="72">
        <v>28</v>
      </c>
      <c r="BJ22" s="72">
        <v>16</v>
      </c>
      <c r="BK22" s="72">
        <v>8</v>
      </c>
      <c r="BL22" s="72">
        <v>5</v>
      </c>
      <c r="BM22" s="72">
        <v>3</v>
      </c>
      <c r="BN22" s="73">
        <v>60</v>
      </c>
      <c r="BO22" s="74">
        <v>80</v>
      </c>
      <c r="BP22" s="71">
        <v>9</v>
      </c>
      <c r="BQ22" s="72">
        <v>9</v>
      </c>
      <c r="BR22" s="73">
        <v>18</v>
      </c>
      <c r="BS22" s="271"/>
      <c r="BT22" s="72">
        <v>27</v>
      </c>
      <c r="BU22" s="72">
        <v>16</v>
      </c>
      <c r="BV22" s="72">
        <v>5</v>
      </c>
      <c r="BW22" s="72">
        <v>11</v>
      </c>
      <c r="BX22" s="72">
        <v>6</v>
      </c>
      <c r="BY22" s="73">
        <v>65</v>
      </c>
      <c r="BZ22" s="74">
        <v>83</v>
      </c>
      <c r="CA22" s="71">
        <v>0</v>
      </c>
      <c r="CB22" s="72">
        <v>0</v>
      </c>
      <c r="CC22" s="73">
        <v>0</v>
      </c>
      <c r="CD22" s="271"/>
      <c r="CE22" s="72">
        <v>0</v>
      </c>
      <c r="CF22" s="72">
        <v>0</v>
      </c>
      <c r="CG22" s="72">
        <v>0</v>
      </c>
      <c r="CH22" s="72">
        <v>0</v>
      </c>
      <c r="CI22" s="72">
        <v>0</v>
      </c>
      <c r="CJ22" s="73">
        <v>0</v>
      </c>
      <c r="CK22" s="74">
        <v>0</v>
      </c>
      <c r="CL22" s="71">
        <v>29</v>
      </c>
      <c r="CM22" s="72">
        <v>32</v>
      </c>
      <c r="CN22" s="73">
        <v>61</v>
      </c>
      <c r="CO22" s="271"/>
      <c r="CP22" s="72">
        <v>72</v>
      </c>
      <c r="CQ22" s="72">
        <v>52</v>
      </c>
      <c r="CR22" s="72">
        <v>24</v>
      </c>
      <c r="CS22" s="72">
        <v>26</v>
      </c>
      <c r="CT22" s="72">
        <v>12</v>
      </c>
      <c r="CU22" s="73">
        <v>186</v>
      </c>
      <c r="CV22" s="74">
        <v>247</v>
      </c>
      <c r="CW22" s="127">
        <v>3</v>
      </c>
      <c r="CX22" s="83">
        <v>1</v>
      </c>
      <c r="CY22" s="84">
        <v>4</v>
      </c>
      <c r="CZ22" s="271"/>
      <c r="DA22" s="83">
        <v>7</v>
      </c>
      <c r="DB22" s="83">
        <v>9</v>
      </c>
      <c r="DC22" s="83">
        <v>7</v>
      </c>
      <c r="DD22" s="83">
        <v>7</v>
      </c>
      <c r="DE22" s="83">
        <v>3</v>
      </c>
      <c r="DF22" s="85">
        <v>33</v>
      </c>
      <c r="DG22" s="86">
        <v>37</v>
      </c>
      <c r="DH22" s="87">
        <v>0</v>
      </c>
      <c r="DI22" s="72">
        <v>0</v>
      </c>
      <c r="DJ22" s="73">
        <v>0</v>
      </c>
      <c r="DK22" s="271"/>
      <c r="DL22" s="72">
        <v>0</v>
      </c>
      <c r="DM22" s="72">
        <v>0</v>
      </c>
      <c r="DN22" s="72">
        <v>0</v>
      </c>
      <c r="DO22" s="72">
        <v>0</v>
      </c>
      <c r="DP22" s="72">
        <v>0</v>
      </c>
      <c r="DQ22" s="73">
        <v>0</v>
      </c>
      <c r="DR22" s="74">
        <v>0</v>
      </c>
      <c r="DS22" s="71">
        <v>0</v>
      </c>
      <c r="DT22" s="72">
        <v>0</v>
      </c>
      <c r="DU22" s="73">
        <v>0</v>
      </c>
      <c r="DV22" s="271"/>
      <c r="DW22" s="72">
        <v>0</v>
      </c>
      <c r="DX22" s="72">
        <v>2</v>
      </c>
      <c r="DY22" s="72">
        <v>1</v>
      </c>
      <c r="DZ22" s="72">
        <v>0</v>
      </c>
      <c r="EA22" s="72">
        <v>0</v>
      </c>
      <c r="EB22" s="73">
        <v>3</v>
      </c>
      <c r="EC22" s="74">
        <v>3</v>
      </c>
      <c r="ED22" s="87">
        <v>1</v>
      </c>
      <c r="EE22" s="72">
        <v>0</v>
      </c>
      <c r="EF22" s="73">
        <v>1</v>
      </c>
      <c r="EG22" s="271"/>
      <c r="EH22" s="72">
        <v>2</v>
      </c>
      <c r="EI22" s="72">
        <v>2</v>
      </c>
      <c r="EJ22" s="72">
        <v>2</v>
      </c>
      <c r="EK22" s="72">
        <v>0</v>
      </c>
      <c r="EL22" s="72">
        <v>0</v>
      </c>
      <c r="EM22" s="73">
        <v>6</v>
      </c>
      <c r="EN22" s="74">
        <v>7</v>
      </c>
      <c r="EO22" s="71">
        <v>2</v>
      </c>
      <c r="EP22" s="72">
        <v>0</v>
      </c>
      <c r="EQ22" s="73">
        <v>2</v>
      </c>
      <c r="ER22" s="271"/>
      <c r="ES22" s="72">
        <v>1</v>
      </c>
      <c r="ET22" s="72">
        <v>1</v>
      </c>
      <c r="EU22" s="72">
        <v>0</v>
      </c>
      <c r="EV22" s="72">
        <v>1</v>
      </c>
      <c r="EW22" s="72">
        <v>1</v>
      </c>
      <c r="EX22" s="73">
        <v>4</v>
      </c>
      <c r="EY22" s="74">
        <v>6</v>
      </c>
      <c r="EZ22" s="87">
        <v>0</v>
      </c>
      <c r="FA22" s="72">
        <v>0</v>
      </c>
      <c r="FB22" s="73">
        <v>0</v>
      </c>
      <c r="FC22" s="271"/>
      <c r="FD22" s="72">
        <v>2</v>
      </c>
      <c r="FE22" s="72">
        <v>1</v>
      </c>
      <c r="FF22" s="72">
        <v>2</v>
      </c>
      <c r="FG22" s="72">
        <v>0</v>
      </c>
      <c r="FH22" s="72">
        <v>1</v>
      </c>
      <c r="FI22" s="73">
        <v>6</v>
      </c>
      <c r="FJ22" s="74">
        <v>6</v>
      </c>
      <c r="FK22" s="71">
        <v>0</v>
      </c>
      <c r="FL22" s="72">
        <v>1</v>
      </c>
      <c r="FM22" s="73">
        <v>1</v>
      </c>
      <c r="FN22" s="271"/>
      <c r="FO22" s="72">
        <v>2</v>
      </c>
      <c r="FP22" s="72">
        <v>3</v>
      </c>
      <c r="FQ22" s="72">
        <v>2</v>
      </c>
      <c r="FR22" s="72">
        <v>6</v>
      </c>
      <c r="FS22" s="72">
        <v>1</v>
      </c>
      <c r="FT22" s="73">
        <v>14</v>
      </c>
      <c r="FU22" s="74">
        <v>15</v>
      </c>
      <c r="FV22" s="71">
        <v>0</v>
      </c>
      <c r="FW22" s="72">
        <v>0</v>
      </c>
      <c r="FX22" s="73">
        <v>0</v>
      </c>
      <c r="FY22" s="271"/>
      <c r="FZ22" s="72">
        <v>0</v>
      </c>
      <c r="GA22" s="72">
        <v>0</v>
      </c>
      <c r="GB22" s="72">
        <v>0</v>
      </c>
      <c r="GC22" s="72">
        <v>0</v>
      </c>
      <c r="GD22" s="72">
        <v>0</v>
      </c>
      <c r="GE22" s="73">
        <v>0</v>
      </c>
      <c r="GF22" s="74">
        <v>0</v>
      </c>
      <c r="GG22" s="71">
        <v>3</v>
      </c>
      <c r="GH22" s="72">
        <v>1</v>
      </c>
      <c r="GI22" s="73">
        <v>4</v>
      </c>
      <c r="GJ22" s="271"/>
      <c r="GK22" s="72">
        <v>7</v>
      </c>
      <c r="GL22" s="72">
        <v>9</v>
      </c>
      <c r="GM22" s="72">
        <v>7</v>
      </c>
      <c r="GN22" s="72">
        <v>7</v>
      </c>
      <c r="GO22" s="72">
        <v>3</v>
      </c>
      <c r="GP22" s="73">
        <v>33</v>
      </c>
      <c r="GQ22" s="74">
        <v>37</v>
      </c>
      <c r="GR22" s="127">
        <v>32</v>
      </c>
      <c r="GS22" s="83">
        <v>33</v>
      </c>
      <c r="GT22" s="84">
        <v>65</v>
      </c>
      <c r="GU22" s="271"/>
      <c r="GV22" s="83">
        <v>79</v>
      </c>
      <c r="GW22" s="83">
        <v>61</v>
      </c>
      <c r="GX22" s="83">
        <v>31</v>
      </c>
      <c r="GY22" s="83">
        <v>33</v>
      </c>
      <c r="GZ22" s="83">
        <v>15</v>
      </c>
      <c r="HA22" s="85">
        <v>219</v>
      </c>
      <c r="HB22" s="86">
        <v>284</v>
      </c>
      <c r="HC22" s="87">
        <v>0</v>
      </c>
      <c r="HD22" s="72">
        <v>0</v>
      </c>
      <c r="HE22" s="73">
        <v>0</v>
      </c>
      <c r="HF22" s="271"/>
      <c r="HG22" s="72">
        <v>1</v>
      </c>
      <c r="HH22" s="72">
        <v>2</v>
      </c>
      <c r="HI22" s="72">
        <v>1</v>
      </c>
      <c r="HJ22" s="72">
        <v>1</v>
      </c>
      <c r="HK22" s="72">
        <v>0</v>
      </c>
      <c r="HL22" s="73">
        <v>5</v>
      </c>
      <c r="HM22" s="74">
        <v>5</v>
      </c>
      <c r="HN22" s="71">
        <v>0</v>
      </c>
      <c r="HO22" s="72">
        <v>2</v>
      </c>
      <c r="HP22" s="73">
        <v>2</v>
      </c>
      <c r="HQ22" s="271"/>
      <c r="HR22" s="72">
        <v>1</v>
      </c>
      <c r="HS22" s="72">
        <v>5</v>
      </c>
      <c r="HT22" s="72">
        <v>2</v>
      </c>
      <c r="HU22" s="72">
        <v>2</v>
      </c>
      <c r="HV22" s="72">
        <v>0</v>
      </c>
      <c r="HW22" s="73">
        <v>10</v>
      </c>
      <c r="HX22" s="74">
        <v>12</v>
      </c>
      <c r="HY22" s="87">
        <v>5</v>
      </c>
      <c r="HZ22" s="72">
        <v>1</v>
      </c>
      <c r="IA22" s="73">
        <v>6</v>
      </c>
      <c r="IB22" s="271"/>
      <c r="IC22" s="72">
        <v>6</v>
      </c>
      <c r="ID22" s="72">
        <v>6</v>
      </c>
      <c r="IE22" s="72">
        <v>3</v>
      </c>
      <c r="IF22" s="72">
        <v>2</v>
      </c>
      <c r="IG22" s="72">
        <v>0</v>
      </c>
      <c r="IH22" s="73">
        <v>17</v>
      </c>
      <c r="II22" s="74">
        <v>23</v>
      </c>
      <c r="IJ22" s="71">
        <v>10</v>
      </c>
      <c r="IK22" s="72">
        <v>8</v>
      </c>
      <c r="IL22" s="73">
        <v>18</v>
      </c>
      <c r="IM22" s="271"/>
      <c r="IN22" s="72">
        <v>12</v>
      </c>
      <c r="IO22" s="72">
        <v>12</v>
      </c>
      <c r="IP22" s="72">
        <v>8</v>
      </c>
      <c r="IQ22" s="72">
        <v>6</v>
      </c>
      <c r="IR22" s="72">
        <v>4</v>
      </c>
      <c r="IS22" s="73">
        <v>42</v>
      </c>
      <c r="IT22" s="74">
        <v>60</v>
      </c>
      <c r="IU22" s="87">
        <v>8</v>
      </c>
      <c r="IV22" s="72">
        <v>12</v>
      </c>
      <c r="IW22" s="73">
        <v>20</v>
      </c>
      <c r="IX22" s="271"/>
      <c r="IY22" s="72">
        <v>30</v>
      </c>
      <c r="IZ22" s="72">
        <v>17</v>
      </c>
      <c r="JA22" s="72">
        <v>10</v>
      </c>
      <c r="JB22" s="72">
        <v>5</v>
      </c>
      <c r="JC22" s="72">
        <v>4</v>
      </c>
      <c r="JD22" s="73">
        <v>66</v>
      </c>
      <c r="JE22" s="74">
        <v>86</v>
      </c>
      <c r="JF22" s="71">
        <v>9</v>
      </c>
      <c r="JG22" s="72">
        <v>10</v>
      </c>
      <c r="JH22" s="73">
        <v>19</v>
      </c>
      <c r="JI22" s="271"/>
      <c r="JJ22" s="72">
        <v>29</v>
      </c>
      <c r="JK22" s="72">
        <v>19</v>
      </c>
      <c r="JL22" s="72">
        <v>7</v>
      </c>
      <c r="JM22" s="72">
        <v>17</v>
      </c>
      <c r="JN22" s="72">
        <v>7</v>
      </c>
      <c r="JO22" s="73">
        <v>79</v>
      </c>
      <c r="JP22" s="74">
        <v>98</v>
      </c>
      <c r="JQ22" s="71">
        <v>0</v>
      </c>
      <c r="JR22" s="72">
        <v>0</v>
      </c>
      <c r="JS22" s="73">
        <v>0</v>
      </c>
      <c r="JT22" s="271"/>
      <c r="JU22" s="72">
        <v>0</v>
      </c>
      <c r="JV22" s="72">
        <v>0</v>
      </c>
      <c r="JW22" s="72">
        <v>0</v>
      </c>
      <c r="JX22" s="72">
        <v>0</v>
      </c>
      <c r="JY22" s="72">
        <v>0</v>
      </c>
      <c r="JZ22" s="73">
        <v>0</v>
      </c>
      <c r="KA22" s="74">
        <v>0</v>
      </c>
      <c r="KB22" s="71">
        <v>32</v>
      </c>
      <c r="KC22" s="72">
        <v>33</v>
      </c>
      <c r="KD22" s="73">
        <v>65</v>
      </c>
      <c r="KE22" s="271"/>
      <c r="KF22" s="72">
        <v>79</v>
      </c>
      <c r="KG22" s="72">
        <v>61</v>
      </c>
      <c r="KH22" s="72">
        <v>31</v>
      </c>
      <c r="KI22" s="72">
        <v>33</v>
      </c>
      <c r="KJ22" s="72">
        <v>15</v>
      </c>
      <c r="KK22" s="73">
        <v>219</v>
      </c>
      <c r="KL22" s="74">
        <v>284</v>
      </c>
    </row>
    <row r="23" spans="1:298" ht="19.5" customHeight="1" x14ac:dyDescent="0.2">
      <c r="A23" s="130" t="s">
        <v>20</v>
      </c>
      <c r="B23" s="353">
        <v>55</v>
      </c>
      <c r="C23" s="83">
        <v>73</v>
      </c>
      <c r="D23" s="84">
        <v>128</v>
      </c>
      <c r="E23" s="271"/>
      <c r="F23" s="83">
        <v>110</v>
      </c>
      <c r="G23" s="83">
        <v>66</v>
      </c>
      <c r="H23" s="83">
        <v>47</v>
      </c>
      <c r="I23" s="83">
        <v>45</v>
      </c>
      <c r="J23" s="83">
        <v>18</v>
      </c>
      <c r="K23" s="85">
        <v>286</v>
      </c>
      <c r="L23" s="86">
        <v>414</v>
      </c>
      <c r="M23" s="71">
        <v>0</v>
      </c>
      <c r="N23" s="72">
        <v>2</v>
      </c>
      <c r="O23" s="73">
        <v>2</v>
      </c>
      <c r="P23" s="274"/>
      <c r="Q23" s="72">
        <v>3</v>
      </c>
      <c r="R23" s="72">
        <v>1</v>
      </c>
      <c r="S23" s="72">
        <v>1</v>
      </c>
      <c r="T23" s="72">
        <v>0</v>
      </c>
      <c r="U23" s="72">
        <v>0</v>
      </c>
      <c r="V23" s="73">
        <v>5</v>
      </c>
      <c r="W23" s="74">
        <v>7</v>
      </c>
      <c r="X23" s="71">
        <v>1</v>
      </c>
      <c r="Y23" s="72">
        <v>2</v>
      </c>
      <c r="Z23" s="73">
        <v>3</v>
      </c>
      <c r="AA23" s="271"/>
      <c r="AB23" s="72">
        <v>7</v>
      </c>
      <c r="AC23" s="72">
        <v>2</v>
      </c>
      <c r="AD23" s="72">
        <v>4</v>
      </c>
      <c r="AE23" s="72">
        <v>4</v>
      </c>
      <c r="AF23" s="72">
        <v>1</v>
      </c>
      <c r="AG23" s="73">
        <v>18</v>
      </c>
      <c r="AH23" s="74">
        <v>21</v>
      </c>
      <c r="AI23" s="71">
        <v>11</v>
      </c>
      <c r="AJ23" s="72">
        <v>8</v>
      </c>
      <c r="AK23" s="73">
        <v>19</v>
      </c>
      <c r="AL23" s="271"/>
      <c r="AM23" s="72">
        <v>11</v>
      </c>
      <c r="AN23" s="72">
        <v>7</v>
      </c>
      <c r="AO23" s="72">
        <v>6</v>
      </c>
      <c r="AP23" s="72">
        <v>6</v>
      </c>
      <c r="AQ23" s="72">
        <v>6</v>
      </c>
      <c r="AR23" s="73">
        <v>36</v>
      </c>
      <c r="AS23" s="74">
        <v>55</v>
      </c>
      <c r="AT23" s="71">
        <v>14</v>
      </c>
      <c r="AU23" s="72">
        <v>19</v>
      </c>
      <c r="AV23" s="73">
        <v>33</v>
      </c>
      <c r="AW23" s="271"/>
      <c r="AX23" s="72">
        <v>28</v>
      </c>
      <c r="AY23" s="72">
        <v>23</v>
      </c>
      <c r="AZ23" s="72">
        <v>7</v>
      </c>
      <c r="BA23" s="72">
        <v>8</v>
      </c>
      <c r="BB23" s="72">
        <v>4</v>
      </c>
      <c r="BC23" s="73">
        <v>70</v>
      </c>
      <c r="BD23" s="74">
        <v>103</v>
      </c>
      <c r="BE23" s="71">
        <v>16</v>
      </c>
      <c r="BF23" s="72">
        <v>24</v>
      </c>
      <c r="BG23" s="73">
        <v>40</v>
      </c>
      <c r="BH23" s="271"/>
      <c r="BI23" s="72">
        <v>36</v>
      </c>
      <c r="BJ23" s="72">
        <v>20</v>
      </c>
      <c r="BK23" s="72">
        <v>15</v>
      </c>
      <c r="BL23" s="72">
        <v>10</v>
      </c>
      <c r="BM23" s="72">
        <v>6</v>
      </c>
      <c r="BN23" s="73">
        <v>87</v>
      </c>
      <c r="BO23" s="74">
        <v>127</v>
      </c>
      <c r="BP23" s="71">
        <v>13</v>
      </c>
      <c r="BQ23" s="72">
        <v>18</v>
      </c>
      <c r="BR23" s="73">
        <v>31</v>
      </c>
      <c r="BS23" s="271"/>
      <c r="BT23" s="72">
        <v>25</v>
      </c>
      <c r="BU23" s="72">
        <v>13</v>
      </c>
      <c r="BV23" s="72">
        <v>14</v>
      </c>
      <c r="BW23" s="72">
        <v>17</v>
      </c>
      <c r="BX23" s="72">
        <v>1</v>
      </c>
      <c r="BY23" s="73">
        <v>70</v>
      </c>
      <c r="BZ23" s="74">
        <v>101</v>
      </c>
      <c r="CA23" s="71">
        <v>0</v>
      </c>
      <c r="CB23" s="72">
        <v>0</v>
      </c>
      <c r="CC23" s="73">
        <v>0</v>
      </c>
      <c r="CD23" s="271"/>
      <c r="CE23" s="72">
        <v>0</v>
      </c>
      <c r="CF23" s="72">
        <v>0</v>
      </c>
      <c r="CG23" s="72">
        <v>0</v>
      </c>
      <c r="CH23" s="72">
        <v>0</v>
      </c>
      <c r="CI23" s="72">
        <v>0</v>
      </c>
      <c r="CJ23" s="73">
        <v>0</v>
      </c>
      <c r="CK23" s="74">
        <v>0</v>
      </c>
      <c r="CL23" s="71">
        <v>55</v>
      </c>
      <c r="CM23" s="72">
        <v>73</v>
      </c>
      <c r="CN23" s="73">
        <v>128</v>
      </c>
      <c r="CO23" s="271"/>
      <c r="CP23" s="72">
        <v>110</v>
      </c>
      <c r="CQ23" s="72">
        <v>66</v>
      </c>
      <c r="CR23" s="72">
        <v>47</v>
      </c>
      <c r="CS23" s="72">
        <v>45</v>
      </c>
      <c r="CT23" s="72">
        <v>18</v>
      </c>
      <c r="CU23" s="73">
        <v>286</v>
      </c>
      <c r="CV23" s="74">
        <v>414</v>
      </c>
      <c r="CW23" s="127">
        <v>7</v>
      </c>
      <c r="CX23" s="83">
        <v>6</v>
      </c>
      <c r="CY23" s="84">
        <v>13</v>
      </c>
      <c r="CZ23" s="271"/>
      <c r="DA23" s="83">
        <v>12</v>
      </c>
      <c r="DB23" s="83">
        <v>6</v>
      </c>
      <c r="DC23" s="83">
        <v>8</v>
      </c>
      <c r="DD23" s="83">
        <v>4</v>
      </c>
      <c r="DE23" s="83">
        <v>0</v>
      </c>
      <c r="DF23" s="85">
        <v>30</v>
      </c>
      <c r="DG23" s="86">
        <v>43</v>
      </c>
      <c r="DH23" s="71">
        <v>0</v>
      </c>
      <c r="DI23" s="72">
        <v>0</v>
      </c>
      <c r="DJ23" s="73">
        <v>0</v>
      </c>
      <c r="DK23" s="271"/>
      <c r="DL23" s="72">
        <v>0</v>
      </c>
      <c r="DM23" s="72">
        <v>0</v>
      </c>
      <c r="DN23" s="72">
        <v>1</v>
      </c>
      <c r="DO23" s="72">
        <v>0</v>
      </c>
      <c r="DP23" s="72">
        <v>0</v>
      </c>
      <c r="DQ23" s="73">
        <v>1</v>
      </c>
      <c r="DR23" s="74">
        <v>1</v>
      </c>
      <c r="DS23" s="71">
        <v>0</v>
      </c>
      <c r="DT23" s="72">
        <v>0</v>
      </c>
      <c r="DU23" s="73">
        <v>0</v>
      </c>
      <c r="DV23" s="271"/>
      <c r="DW23" s="72">
        <v>0</v>
      </c>
      <c r="DX23" s="72">
        <v>0</v>
      </c>
      <c r="DY23" s="72">
        <v>0</v>
      </c>
      <c r="DZ23" s="72">
        <v>0</v>
      </c>
      <c r="EA23" s="72">
        <v>0</v>
      </c>
      <c r="EB23" s="73">
        <v>0</v>
      </c>
      <c r="EC23" s="74">
        <v>0</v>
      </c>
      <c r="ED23" s="71">
        <v>1</v>
      </c>
      <c r="EE23" s="72">
        <v>1</v>
      </c>
      <c r="EF23" s="73">
        <v>2</v>
      </c>
      <c r="EG23" s="271"/>
      <c r="EH23" s="72">
        <v>1</v>
      </c>
      <c r="EI23" s="72">
        <v>1</v>
      </c>
      <c r="EJ23" s="72">
        <v>0</v>
      </c>
      <c r="EK23" s="72">
        <v>0</v>
      </c>
      <c r="EL23" s="72">
        <v>0</v>
      </c>
      <c r="EM23" s="73">
        <v>2</v>
      </c>
      <c r="EN23" s="74">
        <v>4</v>
      </c>
      <c r="EO23" s="71">
        <v>4</v>
      </c>
      <c r="EP23" s="72">
        <v>2</v>
      </c>
      <c r="EQ23" s="73">
        <v>6</v>
      </c>
      <c r="ER23" s="271"/>
      <c r="ES23" s="72">
        <v>2</v>
      </c>
      <c r="ET23" s="72">
        <v>1</v>
      </c>
      <c r="EU23" s="72">
        <v>0</v>
      </c>
      <c r="EV23" s="72">
        <v>1</v>
      </c>
      <c r="EW23" s="72">
        <v>0</v>
      </c>
      <c r="EX23" s="73">
        <v>4</v>
      </c>
      <c r="EY23" s="74">
        <v>10</v>
      </c>
      <c r="EZ23" s="71">
        <v>2</v>
      </c>
      <c r="FA23" s="72">
        <v>1</v>
      </c>
      <c r="FB23" s="73">
        <v>3</v>
      </c>
      <c r="FC23" s="271"/>
      <c r="FD23" s="72">
        <v>5</v>
      </c>
      <c r="FE23" s="72">
        <v>0</v>
      </c>
      <c r="FF23" s="72">
        <v>4</v>
      </c>
      <c r="FG23" s="72">
        <v>0</v>
      </c>
      <c r="FH23" s="72">
        <v>0</v>
      </c>
      <c r="FI23" s="73">
        <v>9</v>
      </c>
      <c r="FJ23" s="74">
        <v>12</v>
      </c>
      <c r="FK23" s="71">
        <v>0</v>
      </c>
      <c r="FL23" s="72">
        <v>2</v>
      </c>
      <c r="FM23" s="73">
        <v>2</v>
      </c>
      <c r="FN23" s="271"/>
      <c r="FO23" s="72">
        <v>4</v>
      </c>
      <c r="FP23" s="72">
        <v>4</v>
      </c>
      <c r="FQ23" s="72">
        <v>3</v>
      </c>
      <c r="FR23" s="72">
        <v>3</v>
      </c>
      <c r="FS23" s="72">
        <v>0</v>
      </c>
      <c r="FT23" s="73">
        <v>14</v>
      </c>
      <c r="FU23" s="74">
        <v>16</v>
      </c>
      <c r="FV23" s="71">
        <v>0</v>
      </c>
      <c r="FW23" s="72">
        <v>0</v>
      </c>
      <c r="FX23" s="73">
        <v>0</v>
      </c>
      <c r="FY23" s="271"/>
      <c r="FZ23" s="72">
        <v>0</v>
      </c>
      <c r="GA23" s="72">
        <v>0</v>
      </c>
      <c r="GB23" s="72">
        <v>0</v>
      </c>
      <c r="GC23" s="72">
        <v>0</v>
      </c>
      <c r="GD23" s="72">
        <v>0</v>
      </c>
      <c r="GE23" s="73">
        <v>0</v>
      </c>
      <c r="GF23" s="74">
        <v>0</v>
      </c>
      <c r="GG23" s="71">
        <v>7</v>
      </c>
      <c r="GH23" s="72">
        <v>6</v>
      </c>
      <c r="GI23" s="73">
        <v>13</v>
      </c>
      <c r="GJ23" s="271"/>
      <c r="GK23" s="72">
        <v>12</v>
      </c>
      <c r="GL23" s="72">
        <v>6</v>
      </c>
      <c r="GM23" s="72">
        <v>8</v>
      </c>
      <c r="GN23" s="72">
        <v>4</v>
      </c>
      <c r="GO23" s="72">
        <v>0</v>
      </c>
      <c r="GP23" s="73">
        <v>30</v>
      </c>
      <c r="GQ23" s="74">
        <v>43</v>
      </c>
      <c r="GR23" s="127">
        <v>62</v>
      </c>
      <c r="GS23" s="83">
        <v>79</v>
      </c>
      <c r="GT23" s="84">
        <v>141</v>
      </c>
      <c r="GU23" s="271"/>
      <c r="GV23" s="83">
        <v>122</v>
      </c>
      <c r="GW23" s="83">
        <v>72</v>
      </c>
      <c r="GX23" s="83">
        <v>55</v>
      </c>
      <c r="GY23" s="83">
        <v>49</v>
      </c>
      <c r="GZ23" s="83">
        <v>18</v>
      </c>
      <c r="HA23" s="85">
        <v>316</v>
      </c>
      <c r="HB23" s="86">
        <v>457</v>
      </c>
      <c r="HC23" s="71">
        <v>0</v>
      </c>
      <c r="HD23" s="72">
        <v>2</v>
      </c>
      <c r="HE23" s="73">
        <v>2</v>
      </c>
      <c r="HF23" s="271"/>
      <c r="HG23" s="72">
        <v>3</v>
      </c>
      <c r="HH23" s="72">
        <v>1</v>
      </c>
      <c r="HI23" s="72">
        <v>2</v>
      </c>
      <c r="HJ23" s="72">
        <v>0</v>
      </c>
      <c r="HK23" s="72">
        <v>0</v>
      </c>
      <c r="HL23" s="73">
        <v>6</v>
      </c>
      <c r="HM23" s="74">
        <v>8</v>
      </c>
      <c r="HN23" s="71">
        <v>1</v>
      </c>
      <c r="HO23" s="72">
        <v>2</v>
      </c>
      <c r="HP23" s="73">
        <v>3</v>
      </c>
      <c r="HQ23" s="271"/>
      <c r="HR23" s="72">
        <v>7</v>
      </c>
      <c r="HS23" s="72">
        <v>2</v>
      </c>
      <c r="HT23" s="72">
        <v>4</v>
      </c>
      <c r="HU23" s="72">
        <v>4</v>
      </c>
      <c r="HV23" s="72">
        <v>1</v>
      </c>
      <c r="HW23" s="73">
        <v>18</v>
      </c>
      <c r="HX23" s="74">
        <v>21</v>
      </c>
      <c r="HY23" s="71">
        <v>12</v>
      </c>
      <c r="HZ23" s="72">
        <v>9</v>
      </c>
      <c r="IA23" s="73">
        <v>21</v>
      </c>
      <c r="IB23" s="271"/>
      <c r="IC23" s="72">
        <v>12</v>
      </c>
      <c r="ID23" s="72">
        <v>8</v>
      </c>
      <c r="IE23" s="72">
        <v>6</v>
      </c>
      <c r="IF23" s="72">
        <v>6</v>
      </c>
      <c r="IG23" s="72">
        <v>6</v>
      </c>
      <c r="IH23" s="73">
        <v>38</v>
      </c>
      <c r="II23" s="74">
        <v>59</v>
      </c>
      <c r="IJ23" s="71">
        <v>18</v>
      </c>
      <c r="IK23" s="72">
        <v>21</v>
      </c>
      <c r="IL23" s="73">
        <v>39</v>
      </c>
      <c r="IM23" s="271"/>
      <c r="IN23" s="72">
        <v>30</v>
      </c>
      <c r="IO23" s="72">
        <v>24</v>
      </c>
      <c r="IP23" s="72">
        <v>7</v>
      </c>
      <c r="IQ23" s="72">
        <v>9</v>
      </c>
      <c r="IR23" s="72">
        <v>4</v>
      </c>
      <c r="IS23" s="73">
        <v>74</v>
      </c>
      <c r="IT23" s="74">
        <v>113</v>
      </c>
      <c r="IU23" s="71">
        <v>18</v>
      </c>
      <c r="IV23" s="72">
        <v>25</v>
      </c>
      <c r="IW23" s="73">
        <v>43</v>
      </c>
      <c r="IX23" s="271"/>
      <c r="IY23" s="72">
        <v>41</v>
      </c>
      <c r="IZ23" s="72">
        <v>20</v>
      </c>
      <c r="JA23" s="72">
        <v>19</v>
      </c>
      <c r="JB23" s="72">
        <v>10</v>
      </c>
      <c r="JC23" s="72">
        <v>6</v>
      </c>
      <c r="JD23" s="73">
        <v>96</v>
      </c>
      <c r="JE23" s="74">
        <v>139</v>
      </c>
      <c r="JF23" s="71">
        <v>13</v>
      </c>
      <c r="JG23" s="72">
        <v>20</v>
      </c>
      <c r="JH23" s="73">
        <v>33</v>
      </c>
      <c r="JI23" s="271"/>
      <c r="JJ23" s="72">
        <v>29</v>
      </c>
      <c r="JK23" s="72">
        <v>17</v>
      </c>
      <c r="JL23" s="72">
        <v>17</v>
      </c>
      <c r="JM23" s="72">
        <v>20</v>
      </c>
      <c r="JN23" s="72">
        <v>1</v>
      </c>
      <c r="JO23" s="73">
        <v>84</v>
      </c>
      <c r="JP23" s="74">
        <v>117</v>
      </c>
      <c r="JQ23" s="71">
        <v>0</v>
      </c>
      <c r="JR23" s="72">
        <v>0</v>
      </c>
      <c r="JS23" s="73">
        <v>0</v>
      </c>
      <c r="JT23" s="271"/>
      <c r="JU23" s="72">
        <v>0</v>
      </c>
      <c r="JV23" s="72">
        <v>0</v>
      </c>
      <c r="JW23" s="72">
        <v>0</v>
      </c>
      <c r="JX23" s="72">
        <v>0</v>
      </c>
      <c r="JY23" s="72">
        <v>0</v>
      </c>
      <c r="JZ23" s="73">
        <v>0</v>
      </c>
      <c r="KA23" s="74">
        <v>0</v>
      </c>
      <c r="KB23" s="71">
        <v>62</v>
      </c>
      <c r="KC23" s="72">
        <v>79</v>
      </c>
      <c r="KD23" s="73">
        <v>141</v>
      </c>
      <c r="KE23" s="271"/>
      <c r="KF23" s="72">
        <v>122</v>
      </c>
      <c r="KG23" s="72">
        <v>72</v>
      </c>
      <c r="KH23" s="72">
        <v>55</v>
      </c>
      <c r="KI23" s="72">
        <v>49</v>
      </c>
      <c r="KJ23" s="72">
        <v>18</v>
      </c>
      <c r="KK23" s="73">
        <v>316</v>
      </c>
      <c r="KL23" s="74">
        <v>457</v>
      </c>
    </row>
    <row r="24" spans="1:298" ht="19.5" customHeight="1" x14ac:dyDescent="0.2">
      <c r="A24" s="130" t="s">
        <v>21</v>
      </c>
      <c r="B24" s="353">
        <v>53</v>
      </c>
      <c r="C24" s="83">
        <v>42</v>
      </c>
      <c r="D24" s="84">
        <v>95</v>
      </c>
      <c r="E24" s="271"/>
      <c r="F24" s="83">
        <v>70</v>
      </c>
      <c r="G24" s="83">
        <v>68</v>
      </c>
      <c r="H24" s="83">
        <v>37</v>
      </c>
      <c r="I24" s="83">
        <v>39</v>
      </c>
      <c r="J24" s="83">
        <v>15</v>
      </c>
      <c r="K24" s="85">
        <v>229</v>
      </c>
      <c r="L24" s="86">
        <v>324</v>
      </c>
      <c r="M24" s="71">
        <v>0</v>
      </c>
      <c r="N24" s="72">
        <v>1</v>
      </c>
      <c r="O24" s="73">
        <v>1</v>
      </c>
      <c r="P24" s="274"/>
      <c r="Q24" s="72">
        <v>0</v>
      </c>
      <c r="R24" s="72">
        <v>2</v>
      </c>
      <c r="S24" s="72">
        <v>0</v>
      </c>
      <c r="T24" s="72">
        <v>1</v>
      </c>
      <c r="U24" s="72">
        <v>0</v>
      </c>
      <c r="V24" s="73">
        <v>3</v>
      </c>
      <c r="W24" s="74">
        <v>4</v>
      </c>
      <c r="X24" s="71">
        <v>4</v>
      </c>
      <c r="Y24" s="72">
        <v>2</v>
      </c>
      <c r="Z24" s="73">
        <v>6</v>
      </c>
      <c r="AA24" s="271"/>
      <c r="AB24" s="72">
        <v>5</v>
      </c>
      <c r="AC24" s="72">
        <v>3</v>
      </c>
      <c r="AD24" s="72">
        <v>4</v>
      </c>
      <c r="AE24" s="72">
        <v>1</v>
      </c>
      <c r="AF24" s="72">
        <v>0</v>
      </c>
      <c r="AG24" s="73">
        <v>13</v>
      </c>
      <c r="AH24" s="74">
        <v>19</v>
      </c>
      <c r="AI24" s="71">
        <v>10</v>
      </c>
      <c r="AJ24" s="72">
        <v>3</v>
      </c>
      <c r="AK24" s="73">
        <v>13</v>
      </c>
      <c r="AL24" s="271"/>
      <c r="AM24" s="72">
        <v>3</v>
      </c>
      <c r="AN24" s="72">
        <v>6</v>
      </c>
      <c r="AO24" s="72">
        <v>4</v>
      </c>
      <c r="AP24" s="72">
        <v>5</v>
      </c>
      <c r="AQ24" s="72">
        <v>1</v>
      </c>
      <c r="AR24" s="73">
        <v>19</v>
      </c>
      <c r="AS24" s="74">
        <v>32</v>
      </c>
      <c r="AT24" s="71">
        <v>7</v>
      </c>
      <c r="AU24" s="72">
        <v>10</v>
      </c>
      <c r="AV24" s="73">
        <v>17</v>
      </c>
      <c r="AW24" s="271"/>
      <c r="AX24" s="72">
        <v>21</v>
      </c>
      <c r="AY24" s="72">
        <v>15</v>
      </c>
      <c r="AZ24" s="72">
        <v>6</v>
      </c>
      <c r="BA24" s="72">
        <v>4</v>
      </c>
      <c r="BB24" s="72">
        <v>4</v>
      </c>
      <c r="BC24" s="73">
        <v>50</v>
      </c>
      <c r="BD24" s="74">
        <v>67</v>
      </c>
      <c r="BE24" s="71">
        <v>17</v>
      </c>
      <c r="BF24" s="72">
        <v>15</v>
      </c>
      <c r="BG24" s="73">
        <v>32</v>
      </c>
      <c r="BH24" s="271"/>
      <c r="BI24" s="72">
        <v>24</v>
      </c>
      <c r="BJ24" s="72">
        <v>22</v>
      </c>
      <c r="BK24" s="72">
        <v>9</v>
      </c>
      <c r="BL24" s="72">
        <v>11</v>
      </c>
      <c r="BM24" s="72">
        <v>7</v>
      </c>
      <c r="BN24" s="73">
        <v>73</v>
      </c>
      <c r="BO24" s="74">
        <v>105</v>
      </c>
      <c r="BP24" s="71">
        <v>15</v>
      </c>
      <c r="BQ24" s="72">
        <v>11</v>
      </c>
      <c r="BR24" s="73">
        <v>26</v>
      </c>
      <c r="BS24" s="271"/>
      <c r="BT24" s="72">
        <v>17</v>
      </c>
      <c r="BU24" s="72">
        <v>20</v>
      </c>
      <c r="BV24" s="72">
        <v>14</v>
      </c>
      <c r="BW24" s="72">
        <v>17</v>
      </c>
      <c r="BX24" s="72">
        <v>3</v>
      </c>
      <c r="BY24" s="73">
        <v>71</v>
      </c>
      <c r="BZ24" s="74">
        <v>97</v>
      </c>
      <c r="CA24" s="71">
        <v>0</v>
      </c>
      <c r="CB24" s="72">
        <v>0</v>
      </c>
      <c r="CC24" s="73">
        <v>0</v>
      </c>
      <c r="CD24" s="271"/>
      <c r="CE24" s="72">
        <v>0</v>
      </c>
      <c r="CF24" s="72">
        <v>0</v>
      </c>
      <c r="CG24" s="72">
        <v>0</v>
      </c>
      <c r="CH24" s="72">
        <v>0</v>
      </c>
      <c r="CI24" s="72">
        <v>0</v>
      </c>
      <c r="CJ24" s="73">
        <v>0</v>
      </c>
      <c r="CK24" s="74">
        <v>0</v>
      </c>
      <c r="CL24" s="71">
        <v>53</v>
      </c>
      <c r="CM24" s="72">
        <v>42</v>
      </c>
      <c r="CN24" s="73">
        <v>95</v>
      </c>
      <c r="CO24" s="271"/>
      <c r="CP24" s="72">
        <v>70</v>
      </c>
      <c r="CQ24" s="72">
        <v>68</v>
      </c>
      <c r="CR24" s="72">
        <v>37</v>
      </c>
      <c r="CS24" s="72">
        <v>39</v>
      </c>
      <c r="CT24" s="72">
        <v>15</v>
      </c>
      <c r="CU24" s="73">
        <v>229</v>
      </c>
      <c r="CV24" s="74">
        <v>324</v>
      </c>
      <c r="CW24" s="127">
        <v>7</v>
      </c>
      <c r="CX24" s="83">
        <v>5</v>
      </c>
      <c r="CY24" s="84">
        <v>12</v>
      </c>
      <c r="CZ24" s="271"/>
      <c r="DA24" s="83">
        <v>12</v>
      </c>
      <c r="DB24" s="83">
        <v>8</v>
      </c>
      <c r="DC24" s="83">
        <v>8</v>
      </c>
      <c r="DD24" s="83">
        <v>4</v>
      </c>
      <c r="DE24" s="83">
        <v>6</v>
      </c>
      <c r="DF24" s="85">
        <v>38</v>
      </c>
      <c r="DG24" s="86">
        <v>50</v>
      </c>
      <c r="DH24" s="71">
        <v>0</v>
      </c>
      <c r="DI24" s="72">
        <v>0</v>
      </c>
      <c r="DJ24" s="73">
        <v>0</v>
      </c>
      <c r="DK24" s="271"/>
      <c r="DL24" s="72">
        <v>1</v>
      </c>
      <c r="DM24" s="72">
        <v>1</v>
      </c>
      <c r="DN24" s="72">
        <v>0</v>
      </c>
      <c r="DO24" s="72">
        <v>0</v>
      </c>
      <c r="DP24" s="72">
        <v>0</v>
      </c>
      <c r="DQ24" s="73">
        <v>2</v>
      </c>
      <c r="DR24" s="74">
        <v>2</v>
      </c>
      <c r="DS24" s="71">
        <v>1</v>
      </c>
      <c r="DT24" s="72">
        <v>0</v>
      </c>
      <c r="DU24" s="73">
        <v>1</v>
      </c>
      <c r="DV24" s="271"/>
      <c r="DW24" s="72">
        <v>0</v>
      </c>
      <c r="DX24" s="72">
        <v>0</v>
      </c>
      <c r="DY24" s="72">
        <v>0</v>
      </c>
      <c r="DZ24" s="72">
        <v>0</v>
      </c>
      <c r="EA24" s="72">
        <v>0</v>
      </c>
      <c r="EB24" s="73">
        <v>0</v>
      </c>
      <c r="EC24" s="74">
        <v>1</v>
      </c>
      <c r="ED24" s="71">
        <v>1</v>
      </c>
      <c r="EE24" s="72">
        <v>0</v>
      </c>
      <c r="EF24" s="73">
        <v>1</v>
      </c>
      <c r="EG24" s="271"/>
      <c r="EH24" s="72">
        <v>0</v>
      </c>
      <c r="EI24" s="72">
        <v>0</v>
      </c>
      <c r="EJ24" s="72">
        <v>0</v>
      </c>
      <c r="EK24" s="72">
        <v>0</v>
      </c>
      <c r="EL24" s="72">
        <v>0</v>
      </c>
      <c r="EM24" s="73">
        <v>0</v>
      </c>
      <c r="EN24" s="74">
        <v>1</v>
      </c>
      <c r="EO24" s="71">
        <v>0</v>
      </c>
      <c r="EP24" s="72">
        <v>2</v>
      </c>
      <c r="EQ24" s="73">
        <v>2</v>
      </c>
      <c r="ER24" s="271"/>
      <c r="ES24" s="72">
        <v>1</v>
      </c>
      <c r="ET24" s="72">
        <v>1</v>
      </c>
      <c r="EU24" s="72">
        <v>1</v>
      </c>
      <c r="EV24" s="72">
        <v>1</v>
      </c>
      <c r="EW24" s="72">
        <v>2</v>
      </c>
      <c r="EX24" s="73">
        <v>6</v>
      </c>
      <c r="EY24" s="74">
        <v>8</v>
      </c>
      <c r="EZ24" s="71">
        <v>3</v>
      </c>
      <c r="FA24" s="72">
        <v>1</v>
      </c>
      <c r="FB24" s="73">
        <v>4</v>
      </c>
      <c r="FC24" s="271"/>
      <c r="FD24" s="72">
        <v>5</v>
      </c>
      <c r="FE24" s="72">
        <v>1</v>
      </c>
      <c r="FF24" s="72">
        <v>5</v>
      </c>
      <c r="FG24" s="72">
        <v>2</v>
      </c>
      <c r="FH24" s="72">
        <v>1</v>
      </c>
      <c r="FI24" s="73">
        <v>14</v>
      </c>
      <c r="FJ24" s="74">
        <v>18</v>
      </c>
      <c r="FK24" s="71">
        <v>2</v>
      </c>
      <c r="FL24" s="72">
        <v>2</v>
      </c>
      <c r="FM24" s="73">
        <v>4</v>
      </c>
      <c r="FN24" s="271"/>
      <c r="FO24" s="72">
        <v>5</v>
      </c>
      <c r="FP24" s="72">
        <v>5</v>
      </c>
      <c r="FQ24" s="72">
        <v>2</v>
      </c>
      <c r="FR24" s="72">
        <v>1</v>
      </c>
      <c r="FS24" s="72">
        <v>3</v>
      </c>
      <c r="FT24" s="73">
        <v>16</v>
      </c>
      <c r="FU24" s="74">
        <v>20</v>
      </c>
      <c r="FV24" s="71">
        <v>0</v>
      </c>
      <c r="FW24" s="72">
        <v>0</v>
      </c>
      <c r="FX24" s="73">
        <v>0</v>
      </c>
      <c r="FY24" s="271"/>
      <c r="FZ24" s="72">
        <v>0</v>
      </c>
      <c r="GA24" s="72">
        <v>0</v>
      </c>
      <c r="GB24" s="72">
        <v>0</v>
      </c>
      <c r="GC24" s="72">
        <v>0</v>
      </c>
      <c r="GD24" s="72">
        <v>0</v>
      </c>
      <c r="GE24" s="73">
        <v>0</v>
      </c>
      <c r="GF24" s="74">
        <v>0</v>
      </c>
      <c r="GG24" s="71">
        <v>7</v>
      </c>
      <c r="GH24" s="72">
        <v>5</v>
      </c>
      <c r="GI24" s="73">
        <v>12</v>
      </c>
      <c r="GJ24" s="271"/>
      <c r="GK24" s="72">
        <v>12</v>
      </c>
      <c r="GL24" s="72">
        <v>8</v>
      </c>
      <c r="GM24" s="72">
        <v>8</v>
      </c>
      <c r="GN24" s="72">
        <v>4</v>
      </c>
      <c r="GO24" s="72">
        <v>6</v>
      </c>
      <c r="GP24" s="73">
        <v>38</v>
      </c>
      <c r="GQ24" s="74">
        <v>50</v>
      </c>
      <c r="GR24" s="127">
        <v>60</v>
      </c>
      <c r="GS24" s="83">
        <v>47</v>
      </c>
      <c r="GT24" s="84">
        <v>107</v>
      </c>
      <c r="GU24" s="271"/>
      <c r="GV24" s="83">
        <v>82</v>
      </c>
      <c r="GW24" s="83">
        <v>76</v>
      </c>
      <c r="GX24" s="83">
        <v>45</v>
      </c>
      <c r="GY24" s="83">
        <v>43</v>
      </c>
      <c r="GZ24" s="83">
        <v>21</v>
      </c>
      <c r="HA24" s="85">
        <v>267</v>
      </c>
      <c r="HB24" s="86">
        <v>374</v>
      </c>
      <c r="HC24" s="71">
        <v>0</v>
      </c>
      <c r="HD24" s="72">
        <v>1</v>
      </c>
      <c r="HE24" s="73">
        <v>1</v>
      </c>
      <c r="HF24" s="271"/>
      <c r="HG24" s="72">
        <v>1</v>
      </c>
      <c r="HH24" s="72">
        <v>3</v>
      </c>
      <c r="HI24" s="72">
        <v>0</v>
      </c>
      <c r="HJ24" s="72">
        <v>1</v>
      </c>
      <c r="HK24" s="72">
        <v>0</v>
      </c>
      <c r="HL24" s="73">
        <v>5</v>
      </c>
      <c r="HM24" s="74">
        <v>6</v>
      </c>
      <c r="HN24" s="71">
        <v>5</v>
      </c>
      <c r="HO24" s="72">
        <v>2</v>
      </c>
      <c r="HP24" s="73">
        <v>7</v>
      </c>
      <c r="HQ24" s="271"/>
      <c r="HR24" s="72">
        <v>5</v>
      </c>
      <c r="HS24" s="72">
        <v>3</v>
      </c>
      <c r="HT24" s="72">
        <v>4</v>
      </c>
      <c r="HU24" s="72">
        <v>1</v>
      </c>
      <c r="HV24" s="72">
        <v>0</v>
      </c>
      <c r="HW24" s="73">
        <v>13</v>
      </c>
      <c r="HX24" s="74">
        <v>20</v>
      </c>
      <c r="HY24" s="71">
        <v>11</v>
      </c>
      <c r="HZ24" s="72">
        <v>3</v>
      </c>
      <c r="IA24" s="73">
        <v>14</v>
      </c>
      <c r="IB24" s="271"/>
      <c r="IC24" s="72">
        <v>3</v>
      </c>
      <c r="ID24" s="72">
        <v>6</v>
      </c>
      <c r="IE24" s="72">
        <v>4</v>
      </c>
      <c r="IF24" s="72">
        <v>5</v>
      </c>
      <c r="IG24" s="72">
        <v>1</v>
      </c>
      <c r="IH24" s="73">
        <v>19</v>
      </c>
      <c r="II24" s="74">
        <v>33</v>
      </c>
      <c r="IJ24" s="71">
        <v>7</v>
      </c>
      <c r="IK24" s="72">
        <v>12</v>
      </c>
      <c r="IL24" s="73">
        <v>19</v>
      </c>
      <c r="IM24" s="271"/>
      <c r="IN24" s="72">
        <v>22</v>
      </c>
      <c r="IO24" s="72">
        <v>16</v>
      </c>
      <c r="IP24" s="72">
        <v>7</v>
      </c>
      <c r="IQ24" s="72">
        <v>5</v>
      </c>
      <c r="IR24" s="72">
        <v>6</v>
      </c>
      <c r="IS24" s="73">
        <v>56</v>
      </c>
      <c r="IT24" s="74">
        <v>75</v>
      </c>
      <c r="IU24" s="71">
        <v>20</v>
      </c>
      <c r="IV24" s="72">
        <v>16</v>
      </c>
      <c r="IW24" s="73">
        <v>36</v>
      </c>
      <c r="IX24" s="271"/>
      <c r="IY24" s="72">
        <v>29</v>
      </c>
      <c r="IZ24" s="72">
        <v>23</v>
      </c>
      <c r="JA24" s="72">
        <v>14</v>
      </c>
      <c r="JB24" s="72">
        <v>13</v>
      </c>
      <c r="JC24" s="72">
        <v>8</v>
      </c>
      <c r="JD24" s="73">
        <v>87</v>
      </c>
      <c r="JE24" s="74">
        <v>123</v>
      </c>
      <c r="JF24" s="71">
        <v>17</v>
      </c>
      <c r="JG24" s="72">
        <v>13</v>
      </c>
      <c r="JH24" s="73">
        <v>30</v>
      </c>
      <c r="JI24" s="271"/>
      <c r="JJ24" s="72">
        <v>22</v>
      </c>
      <c r="JK24" s="72">
        <v>25</v>
      </c>
      <c r="JL24" s="72">
        <v>16</v>
      </c>
      <c r="JM24" s="72">
        <v>18</v>
      </c>
      <c r="JN24" s="72">
        <v>6</v>
      </c>
      <c r="JO24" s="73">
        <v>87</v>
      </c>
      <c r="JP24" s="74">
        <v>117</v>
      </c>
      <c r="JQ24" s="71">
        <v>0</v>
      </c>
      <c r="JR24" s="72">
        <v>0</v>
      </c>
      <c r="JS24" s="73">
        <v>0</v>
      </c>
      <c r="JT24" s="271"/>
      <c r="JU24" s="72">
        <v>0</v>
      </c>
      <c r="JV24" s="72">
        <v>0</v>
      </c>
      <c r="JW24" s="72">
        <v>0</v>
      </c>
      <c r="JX24" s="72">
        <v>0</v>
      </c>
      <c r="JY24" s="72">
        <v>0</v>
      </c>
      <c r="JZ24" s="73">
        <v>0</v>
      </c>
      <c r="KA24" s="74">
        <v>0</v>
      </c>
      <c r="KB24" s="71">
        <v>60</v>
      </c>
      <c r="KC24" s="72">
        <v>47</v>
      </c>
      <c r="KD24" s="73">
        <v>107</v>
      </c>
      <c r="KE24" s="271"/>
      <c r="KF24" s="72">
        <v>82</v>
      </c>
      <c r="KG24" s="72">
        <v>76</v>
      </c>
      <c r="KH24" s="72">
        <v>45</v>
      </c>
      <c r="KI24" s="72">
        <v>43</v>
      </c>
      <c r="KJ24" s="72">
        <v>21</v>
      </c>
      <c r="KK24" s="73">
        <v>267</v>
      </c>
      <c r="KL24" s="74">
        <v>374</v>
      </c>
    </row>
    <row r="25" spans="1:298" ht="19.5" customHeight="1" x14ac:dyDescent="0.2">
      <c r="A25" s="130" t="s">
        <v>22</v>
      </c>
      <c r="B25" s="353">
        <v>19</v>
      </c>
      <c r="C25" s="83">
        <v>13</v>
      </c>
      <c r="D25" s="84">
        <v>32</v>
      </c>
      <c r="E25" s="271"/>
      <c r="F25" s="83">
        <v>32</v>
      </c>
      <c r="G25" s="83">
        <v>34</v>
      </c>
      <c r="H25" s="83">
        <v>19</v>
      </c>
      <c r="I25" s="83">
        <v>16</v>
      </c>
      <c r="J25" s="83">
        <v>7</v>
      </c>
      <c r="K25" s="85">
        <v>108</v>
      </c>
      <c r="L25" s="86">
        <v>140</v>
      </c>
      <c r="M25" s="71">
        <v>0</v>
      </c>
      <c r="N25" s="72">
        <v>0</v>
      </c>
      <c r="O25" s="73">
        <v>0</v>
      </c>
      <c r="P25" s="274"/>
      <c r="Q25" s="72">
        <v>0</v>
      </c>
      <c r="R25" s="72">
        <v>0</v>
      </c>
      <c r="S25" s="72">
        <v>0</v>
      </c>
      <c r="T25" s="72">
        <v>0</v>
      </c>
      <c r="U25" s="72">
        <v>1</v>
      </c>
      <c r="V25" s="73">
        <v>1</v>
      </c>
      <c r="W25" s="74">
        <v>1</v>
      </c>
      <c r="X25" s="71">
        <v>1</v>
      </c>
      <c r="Y25" s="72">
        <v>0</v>
      </c>
      <c r="Z25" s="73">
        <v>1</v>
      </c>
      <c r="AA25" s="271"/>
      <c r="AB25" s="72">
        <v>2</v>
      </c>
      <c r="AC25" s="72">
        <v>1</v>
      </c>
      <c r="AD25" s="72">
        <v>2</v>
      </c>
      <c r="AE25" s="72">
        <v>2</v>
      </c>
      <c r="AF25" s="72">
        <v>0</v>
      </c>
      <c r="AG25" s="73">
        <v>7</v>
      </c>
      <c r="AH25" s="74">
        <v>8</v>
      </c>
      <c r="AI25" s="71">
        <v>1</v>
      </c>
      <c r="AJ25" s="72">
        <v>0</v>
      </c>
      <c r="AK25" s="73">
        <v>1</v>
      </c>
      <c r="AL25" s="271"/>
      <c r="AM25" s="72">
        <v>3</v>
      </c>
      <c r="AN25" s="72">
        <v>1</v>
      </c>
      <c r="AO25" s="72">
        <v>6</v>
      </c>
      <c r="AP25" s="72">
        <v>2</v>
      </c>
      <c r="AQ25" s="72">
        <v>3</v>
      </c>
      <c r="AR25" s="73">
        <v>15</v>
      </c>
      <c r="AS25" s="74">
        <v>16</v>
      </c>
      <c r="AT25" s="71">
        <v>6</v>
      </c>
      <c r="AU25" s="72">
        <v>0</v>
      </c>
      <c r="AV25" s="73">
        <v>6</v>
      </c>
      <c r="AW25" s="271"/>
      <c r="AX25" s="72">
        <v>4</v>
      </c>
      <c r="AY25" s="72">
        <v>13</v>
      </c>
      <c r="AZ25" s="72">
        <v>2</v>
      </c>
      <c r="BA25" s="72">
        <v>3</v>
      </c>
      <c r="BB25" s="72">
        <v>1</v>
      </c>
      <c r="BC25" s="73">
        <v>23</v>
      </c>
      <c r="BD25" s="74">
        <v>29</v>
      </c>
      <c r="BE25" s="71">
        <v>6</v>
      </c>
      <c r="BF25" s="72">
        <v>8</v>
      </c>
      <c r="BG25" s="73">
        <v>14</v>
      </c>
      <c r="BH25" s="271"/>
      <c r="BI25" s="72">
        <v>15</v>
      </c>
      <c r="BJ25" s="72">
        <v>7</v>
      </c>
      <c r="BK25" s="72">
        <v>4</v>
      </c>
      <c r="BL25" s="72">
        <v>3</v>
      </c>
      <c r="BM25" s="72">
        <v>1</v>
      </c>
      <c r="BN25" s="73">
        <v>30</v>
      </c>
      <c r="BO25" s="74">
        <v>44</v>
      </c>
      <c r="BP25" s="71">
        <v>5</v>
      </c>
      <c r="BQ25" s="72">
        <v>5</v>
      </c>
      <c r="BR25" s="73">
        <v>10</v>
      </c>
      <c r="BS25" s="271"/>
      <c r="BT25" s="72">
        <v>8</v>
      </c>
      <c r="BU25" s="72">
        <v>12</v>
      </c>
      <c r="BV25" s="72">
        <v>5</v>
      </c>
      <c r="BW25" s="72">
        <v>6</v>
      </c>
      <c r="BX25" s="72">
        <v>1</v>
      </c>
      <c r="BY25" s="73">
        <v>32</v>
      </c>
      <c r="BZ25" s="74">
        <v>42</v>
      </c>
      <c r="CA25" s="71">
        <v>0</v>
      </c>
      <c r="CB25" s="72">
        <v>0</v>
      </c>
      <c r="CC25" s="73">
        <v>0</v>
      </c>
      <c r="CD25" s="271"/>
      <c r="CE25" s="72">
        <v>0</v>
      </c>
      <c r="CF25" s="72">
        <v>0</v>
      </c>
      <c r="CG25" s="72">
        <v>0</v>
      </c>
      <c r="CH25" s="72">
        <v>0</v>
      </c>
      <c r="CI25" s="72">
        <v>0</v>
      </c>
      <c r="CJ25" s="73">
        <v>0</v>
      </c>
      <c r="CK25" s="74">
        <v>0</v>
      </c>
      <c r="CL25" s="71">
        <v>19</v>
      </c>
      <c r="CM25" s="72">
        <v>13</v>
      </c>
      <c r="CN25" s="73">
        <v>32</v>
      </c>
      <c r="CO25" s="271"/>
      <c r="CP25" s="72">
        <v>32</v>
      </c>
      <c r="CQ25" s="72">
        <v>34</v>
      </c>
      <c r="CR25" s="72">
        <v>19</v>
      </c>
      <c r="CS25" s="72">
        <v>16</v>
      </c>
      <c r="CT25" s="72">
        <v>7</v>
      </c>
      <c r="CU25" s="73">
        <v>108</v>
      </c>
      <c r="CV25" s="74">
        <v>140</v>
      </c>
      <c r="CW25" s="127">
        <v>0</v>
      </c>
      <c r="CX25" s="83">
        <v>4</v>
      </c>
      <c r="CY25" s="84">
        <v>4</v>
      </c>
      <c r="CZ25" s="271"/>
      <c r="DA25" s="83">
        <v>9</v>
      </c>
      <c r="DB25" s="83">
        <v>2</v>
      </c>
      <c r="DC25" s="83">
        <v>1</v>
      </c>
      <c r="DD25" s="83">
        <v>3</v>
      </c>
      <c r="DE25" s="83">
        <v>2</v>
      </c>
      <c r="DF25" s="85">
        <v>17</v>
      </c>
      <c r="DG25" s="86">
        <v>21</v>
      </c>
      <c r="DH25" s="71">
        <v>0</v>
      </c>
      <c r="DI25" s="72">
        <v>0</v>
      </c>
      <c r="DJ25" s="73">
        <v>0</v>
      </c>
      <c r="DK25" s="271"/>
      <c r="DL25" s="72">
        <v>0</v>
      </c>
      <c r="DM25" s="72">
        <v>0</v>
      </c>
      <c r="DN25" s="72">
        <v>0</v>
      </c>
      <c r="DO25" s="72">
        <v>0</v>
      </c>
      <c r="DP25" s="72">
        <v>0</v>
      </c>
      <c r="DQ25" s="73">
        <v>0</v>
      </c>
      <c r="DR25" s="74">
        <v>0</v>
      </c>
      <c r="DS25" s="71">
        <v>0</v>
      </c>
      <c r="DT25" s="72">
        <v>1</v>
      </c>
      <c r="DU25" s="73">
        <v>1</v>
      </c>
      <c r="DV25" s="271"/>
      <c r="DW25" s="72">
        <v>0</v>
      </c>
      <c r="DX25" s="72">
        <v>0</v>
      </c>
      <c r="DY25" s="72">
        <v>0</v>
      </c>
      <c r="DZ25" s="72">
        <v>0</v>
      </c>
      <c r="EA25" s="72">
        <v>0</v>
      </c>
      <c r="EB25" s="73">
        <v>0</v>
      </c>
      <c r="EC25" s="74">
        <v>1</v>
      </c>
      <c r="ED25" s="71">
        <v>0</v>
      </c>
      <c r="EE25" s="72">
        <v>0</v>
      </c>
      <c r="EF25" s="73">
        <v>0</v>
      </c>
      <c r="EG25" s="271"/>
      <c r="EH25" s="72">
        <v>3</v>
      </c>
      <c r="EI25" s="72">
        <v>0</v>
      </c>
      <c r="EJ25" s="72">
        <v>1</v>
      </c>
      <c r="EK25" s="72">
        <v>0</v>
      </c>
      <c r="EL25" s="72">
        <v>1</v>
      </c>
      <c r="EM25" s="73">
        <v>5</v>
      </c>
      <c r="EN25" s="74">
        <v>5</v>
      </c>
      <c r="EO25" s="71">
        <v>0</v>
      </c>
      <c r="EP25" s="72">
        <v>0</v>
      </c>
      <c r="EQ25" s="73">
        <v>0</v>
      </c>
      <c r="ER25" s="271"/>
      <c r="ES25" s="72">
        <v>3</v>
      </c>
      <c r="ET25" s="72">
        <v>0</v>
      </c>
      <c r="EU25" s="72">
        <v>0</v>
      </c>
      <c r="EV25" s="72">
        <v>0</v>
      </c>
      <c r="EW25" s="72">
        <v>0</v>
      </c>
      <c r="EX25" s="73">
        <v>3</v>
      </c>
      <c r="EY25" s="74">
        <v>3</v>
      </c>
      <c r="EZ25" s="71">
        <v>0</v>
      </c>
      <c r="FA25" s="72">
        <v>2</v>
      </c>
      <c r="FB25" s="73">
        <v>2</v>
      </c>
      <c r="FC25" s="271"/>
      <c r="FD25" s="72">
        <v>2</v>
      </c>
      <c r="FE25" s="72">
        <v>1</v>
      </c>
      <c r="FF25" s="72">
        <v>0</v>
      </c>
      <c r="FG25" s="72">
        <v>0</v>
      </c>
      <c r="FH25" s="72">
        <v>0</v>
      </c>
      <c r="FI25" s="73">
        <v>3</v>
      </c>
      <c r="FJ25" s="74">
        <v>5</v>
      </c>
      <c r="FK25" s="71">
        <v>0</v>
      </c>
      <c r="FL25" s="72">
        <v>1</v>
      </c>
      <c r="FM25" s="73">
        <v>1</v>
      </c>
      <c r="FN25" s="271"/>
      <c r="FO25" s="72">
        <v>1</v>
      </c>
      <c r="FP25" s="72">
        <v>1</v>
      </c>
      <c r="FQ25" s="72">
        <v>0</v>
      </c>
      <c r="FR25" s="72">
        <v>3</v>
      </c>
      <c r="FS25" s="72">
        <v>1</v>
      </c>
      <c r="FT25" s="73">
        <v>6</v>
      </c>
      <c r="FU25" s="74">
        <v>7</v>
      </c>
      <c r="FV25" s="71">
        <v>0</v>
      </c>
      <c r="FW25" s="72">
        <v>0</v>
      </c>
      <c r="FX25" s="73">
        <v>0</v>
      </c>
      <c r="FY25" s="271"/>
      <c r="FZ25" s="72">
        <v>0</v>
      </c>
      <c r="GA25" s="72">
        <v>0</v>
      </c>
      <c r="GB25" s="72">
        <v>0</v>
      </c>
      <c r="GC25" s="72">
        <v>0</v>
      </c>
      <c r="GD25" s="72">
        <v>0</v>
      </c>
      <c r="GE25" s="73">
        <v>0</v>
      </c>
      <c r="GF25" s="74">
        <v>0</v>
      </c>
      <c r="GG25" s="71">
        <v>0</v>
      </c>
      <c r="GH25" s="72">
        <v>4</v>
      </c>
      <c r="GI25" s="73">
        <v>4</v>
      </c>
      <c r="GJ25" s="271"/>
      <c r="GK25" s="72">
        <v>9</v>
      </c>
      <c r="GL25" s="72">
        <v>2</v>
      </c>
      <c r="GM25" s="72">
        <v>1</v>
      </c>
      <c r="GN25" s="72">
        <v>3</v>
      </c>
      <c r="GO25" s="72">
        <v>2</v>
      </c>
      <c r="GP25" s="73">
        <v>17</v>
      </c>
      <c r="GQ25" s="74">
        <v>21</v>
      </c>
      <c r="GR25" s="127">
        <v>19</v>
      </c>
      <c r="GS25" s="83">
        <v>17</v>
      </c>
      <c r="GT25" s="84">
        <v>36</v>
      </c>
      <c r="GU25" s="271"/>
      <c r="GV25" s="83">
        <v>41</v>
      </c>
      <c r="GW25" s="83">
        <v>36</v>
      </c>
      <c r="GX25" s="83">
        <v>20</v>
      </c>
      <c r="GY25" s="83">
        <v>19</v>
      </c>
      <c r="GZ25" s="83">
        <v>9</v>
      </c>
      <c r="HA25" s="85">
        <v>125</v>
      </c>
      <c r="HB25" s="86">
        <v>161</v>
      </c>
      <c r="HC25" s="71">
        <v>0</v>
      </c>
      <c r="HD25" s="72">
        <v>0</v>
      </c>
      <c r="HE25" s="73">
        <v>0</v>
      </c>
      <c r="HF25" s="271"/>
      <c r="HG25" s="72">
        <v>0</v>
      </c>
      <c r="HH25" s="72">
        <v>0</v>
      </c>
      <c r="HI25" s="72">
        <v>0</v>
      </c>
      <c r="HJ25" s="72">
        <v>0</v>
      </c>
      <c r="HK25" s="72">
        <v>1</v>
      </c>
      <c r="HL25" s="73">
        <v>1</v>
      </c>
      <c r="HM25" s="74">
        <v>1</v>
      </c>
      <c r="HN25" s="71">
        <v>1</v>
      </c>
      <c r="HO25" s="72">
        <v>1</v>
      </c>
      <c r="HP25" s="73">
        <v>2</v>
      </c>
      <c r="HQ25" s="271"/>
      <c r="HR25" s="72">
        <v>2</v>
      </c>
      <c r="HS25" s="72">
        <v>1</v>
      </c>
      <c r="HT25" s="72">
        <v>2</v>
      </c>
      <c r="HU25" s="72">
        <v>2</v>
      </c>
      <c r="HV25" s="72">
        <v>0</v>
      </c>
      <c r="HW25" s="73">
        <v>7</v>
      </c>
      <c r="HX25" s="74">
        <v>9</v>
      </c>
      <c r="HY25" s="71">
        <v>1</v>
      </c>
      <c r="HZ25" s="72">
        <v>0</v>
      </c>
      <c r="IA25" s="73">
        <v>1</v>
      </c>
      <c r="IB25" s="271"/>
      <c r="IC25" s="72">
        <v>6</v>
      </c>
      <c r="ID25" s="72">
        <v>1</v>
      </c>
      <c r="IE25" s="72">
        <v>7</v>
      </c>
      <c r="IF25" s="72">
        <v>2</v>
      </c>
      <c r="IG25" s="72">
        <v>4</v>
      </c>
      <c r="IH25" s="73">
        <v>20</v>
      </c>
      <c r="II25" s="74">
        <v>21</v>
      </c>
      <c r="IJ25" s="71">
        <v>6</v>
      </c>
      <c r="IK25" s="72">
        <v>0</v>
      </c>
      <c r="IL25" s="73">
        <v>6</v>
      </c>
      <c r="IM25" s="271"/>
      <c r="IN25" s="72">
        <v>7</v>
      </c>
      <c r="IO25" s="72">
        <v>13</v>
      </c>
      <c r="IP25" s="72">
        <v>2</v>
      </c>
      <c r="IQ25" s="72">
        <v>3</v>
      </c>
      <c r="IR25" s="72">
        <v>1</v>
      </c>
      <c r="IS25" s="73">
        <v>26</v>
      </c>
      <c r="IT25" s="74">
        <v>32</v>
      </c>
      <c r="IU25" s="71">
        <v>6</v>
      </c>
      <c r="IV25" s="72">
        <v>10</v>
      </c>
      <c r="IW25" s="73">
        <v>16</v>
      </c>
      <c r="IX25" s="271"/>
      <c r="IY25" s="72">
        <v>17</v>
      </c>
      <c r="IZ25" s="72">
        <v>8</v>
      </c>
      <c r="JA25" s="72">
        <v>4</v>
      </c>
      <c r="JB25" s="72">
        <v>3</v>
      </c>
      <c r="JC25" s="72">
        <v>1</v>
      </c>
      <c r="JD25" s="73">
        <v>33</v>
      </c>
      <c r="JE25" s="74">
        <v>49</v>
      </c>
      <c r="JF25" s="71">
        <v>5</v>
      </c>
      <c r="JG25" s="72">
        <v>6</v>
      </c>
      <c r="JH25" s="73">
        <v>11</v>
      </c>
      <c r="JI25" s="271"/>
      <c r="JJ25" s="72">
        <v>9</v>
      </c>
      <c r="JK25" s="72">
        <v>13</v>
      </c>
      <c r="JL25" s="72">
        <v>5</v>
      </c>
      <c r="JM25" s="72">
        <v>9</v>
      </c>
      <c r="JN25" s="72">
        <v>2</v>
      </c>
      <c r="JO25" s="73">
        <v>38</v>
      </c>
      <c r="JP25" s="74">
        <v>49</v>
      </c>
      <c r="JQ25" s="71">
        <v>0</v>
      </c>
      <c r="JR25" s="72">
        <v>0</v>
      </c>
      <c r="JS25" s="73">
        <v>0</v>
      </c>
      <c r="JT25" s="271"/>
      <c r="JU25" s="72">
        <v>0</v>
      </c>
      <c r="JV25" s="72">
        <v>0</v>
      </c>
      <c r="JW25" s="72">
        <v>0</v>
      </c>
      <c r="JX25" s="72">
        <v>0</v>
      </c>
      <c r="JY25" s="72">
        <v>0</v>
      </c>
      <c r="JZ25" s="73">
        <v>0</v>
      </c>
      <c r="KA25" s="74">
        <v>0</v>
      </c>
      <c r="KB25" s="71">
        <v>19</v>
      </c>
      <c r="KC25" s="72">
        <v>17</v>
      </c>
      <c r="KD25" s="73">
        <v>36</v>
      </c>
      <c r="KE25" s="271"/>
      <c r="KF25" s="72">
        <v>41</v>
      </c>
      <c r="KG25" s="72">
        <v>36</v>
      </c>
      <c r="KH25" s="72">
        <v>20</v>
      </c>
      <c r="KI25" s="72">
        <v>19</v>
      </c>
      <c r="KJ25" s="72">
        <v>9</v>
      </c>
      <c r="KK25" s="73">
        <v>125</v>
      </c>
      <c r="KL25" s="74">
        <v>161</v>
      </c>
    </row>
    <row r="26" spans="1:298" ht="19.5" customHeight="1" x14ac:dyDescent="0.2">
      <c r="A26" s="130" t="s">
        <v>23</v>
      </c>
      <c r="B26" s="353">
        <v>34</v>
      </c>
      <c r="C26" s="83">
        <v>30</v>
      </c>
      <c r="D26" s="84">
        <v>64</v>
      </c>
      <c r="E26" s="271"/>
      <c r="F26" s="83">
        <v>53</v>
      </c>
      <c r="G26" s="83">
        <v>38</v>
      </c>
      <c r="H26" s="83">
        <v>17</v>
      </c>
      <c r="I26" s="83">
        <v>28</v>
      </c>
      <c r="J26" s="83">
        <v>9</v>
      </c>
      <c r="K26" s="85">
        <v>145</v>
      </c>
      <c r="L26" s="86">
        <v>209</v>
      </c>
      <c r="M26" s="71">
        <v>1</v>
      </c>
      <c r="N26" s="72">
        <v>2</v>
      </c>
      <c r="O26" s="73">
        <v>3</v>
      </c>
      <c r="P26" s="274"/>
      <c r="Q26" s="72">
        <v>0</v>
      </c>
      <c r="R26" s="72">
        <v>0</v>
      </c>
      <c r="S26" s="72">
        <v>1</v>
      </c>
      <c r="T26" s="72">
        <v>1</v>
      </c>
      <c r="U26" s="72">
        <v>0</v>
      </c>
      <c r="V26" s="73">
        <v>2</v>
      </c>
      <c r="W26" s="74">
        <v>5</v>
      </c>
      <c r="X26" s="71">
        <v>2</v>
      </c>
      <c r="Y26" s="72">
        <v>1</v>
      </c>
      <c r="Z26" s="73">
        <v>3</v>
      </c>
      <c r="AA26" s="271"/>
      <c r="AB26" s="72">
        <v>2</v>
      </c>
      <c r="AC26" s="72">
        <v>2</v>
      </c>
      <c r="AD26" s="72">
        <v>0</v>
      </c>
      <c r="AE26" s="72">
        <v>4</v>
      </c>
      <c r="AF26" s="72">
        <v>0</v>
      </c>
      <c r="AG26" s="73">
        <v>8</v>
      </c>
      <c r="AH26" s="74">
        <v>11</v>
      </c>
      <c r="AI26" s="71">
        <v>5</v>
      </c>
      <c r="AJ26" s="72">
        <v>2</v>
      </c>
      <c r="AK26" s="73">
        <v>7</v>
      </c>
      <c r="AL26" s="271"/>
      <c r="AM26" s="72">
        <v>4</v>
      </c>
      <c r="AN26" s="72">
        <v>5</v>
      </c>
      <c r="AO26" s="72">
        <v>1</v>
      </c>
      <c r="AP26" s="72">
        <v>4</v>
      </c>
      <c r="AQ26" s="72">
        <v>0</v>
      </c>
      <c r="AR26" s="73">
        <v>14</v>
      </c>
      <c r="AS26" s="74">
        <v>21</v>
      </c>
      <c r="AT26" s="71">
        <v>12</v>
      </c>
      <c r="AU26" s="72">
        <v>10</v>
      </c>
      <c r="AV26" s="73">
        <v>22</v>
      </c>
      <c r="AW26" s="271"/>
      <c r="AX26" s="72">
        <v>20</v>
      </c>
      <c r="AY26" s="72">
        <v>14</v>
      </c>
      <c r="AZ26" s="72">
        <v>2</v>
      </c>
      <c r="BA26" s="72">
        <v>7</v>
      </c>
      <c r="BB26" s="72">
        <v>3</v>
      </c>
      <c r="BC26" s="73">
        <v>46</v>
      </c>
      <c r="BD26" s="74">
        <v>68</v>
      </c>
      <c r="BE26" s="71">
        <v>9</v>
      </c>
      <c r="BF26" s="72">
        <v>7</v>
      </c>
      <c r="BG26" s="73">
        <v>16</v>
      </c>
      <c r="BH26" s="271"/>
      <c r="BI26" s="72">
        <v>15</v>
      </c>
      <c r="BJ26" s="72">
        <v>10</v>
      </c>
      <c r="BK26" s="72">
        <v>6</v>
      </c>
      <c r="BL26" s="72">
        <v>4</v>
      </c>
      <c r="BM26" s="72">
        <v>3</v>
      </c>
      <c r="BN26" s="73">
        <v>38</v>
      </c>
      <c r="BO26" s="74">
        <v>54</v>
      </c>
      <c r="BP26" s="71">
        <v>5</v>
      </c>
      <c r="BQ26" s="72">
        <v>8</v>
      </c>
      <c r="BR26" s="73">
        <v>13</v>
      </c>
      <c r="BS26" s="271"/>
      <c r="BT26" s="72">
        <v>12</v>
      </c>
      <c r="BU26" s="72">
        <v>7</v>
      </c>
      <c r="BV26" s="72">
        <v>7</v>
      </c>
      <c r="BW26" s="72">
        <v>8</v>
      </c>
      <c r="BX26" s="72">
        <v>3</v>
      </c>
      <c r="BY26" s="73">
        <v>37</v>
      </c>
      <c r="BZ26" s="74">
        <v>50</v>
      </c>
      <c r="CA26" s="71">
        <v>0</v>
      </c>
      <c r="CB26" s="72">
        <v>0</v>
      </c>
      <c r="CC26" s="73">
        <v>0</v>
      </c>
      <c r="CD26" s="271"/>
      <c r="CE26" s="72">
        <v>0</v>
      </c>
      <c r="CF26" s="72">
        <v>0</v>
      </c>
      <c r="CG26" s="72">
        <v>0</v>
      </c>
      <c r="CH26" s="72">
        <v>0</v>
      </c>
      <c r="CI26" s="72">
        <v>0</v>
      </c>
      <c r="CJ26" s="73">
        <v>0</v>
      </c>
      <c r="CK26" s="74">
        <v>0</v>
      </c>
      <c r="CL26" s="71">
        <v>34</v>
      </c>
      <c r="CM26" s="72">
        <v>30</v>
      </c>
      <c r="CN26" s="73">
        <v>64</v>
      </c>
      <c r="CO26" s="271"/>
      <c r="CP26" s="72">
        <v>53</v>
      </c>
      <c r="CQ26" s="72">
        <v>38</v>
      </c>
      <c r="CR26" s="72">
        <v>17</v>
      </c>
      <c r="CS26" s="72">
        <v>28</v>
      </c>
      <c r="CT26" s="72">
        <v>9</v>
      </c>
      <c r="CU26" s="73">
        <v>145</v>
      </c>
      <c r="CV26" s="74">
        <v>209</v>
      </c>
      <c r="CW26" s="127">
        <v>0</v>
      </c>
      <c r="CX26" s="83">
        <v>4</v>
      </c>
      <c r="CY26" s="84">
        <v>4</v>
      </c>
      <c r="CZ26" s="271"/>
      <c r="DA26" s="83">
        <v>5</v>
      </c>
      <c r="DB26" s="83">
        <v>5</v>
      </c>
      <c r="DC26" s="83">
        <v>0</v>
      </c>
      <c r="DD26" s="83">
        <v>3</v>
      </c>
      <c r="DE26" s="83">
        <v>2</v>
      </c>
      <c r="DF26" s="85">
        <v>15</v>
      </c>
      <c r="DG26" s="86">
        <v>19</v>
      </c>
      <c r="DH26" s="71">
        <v>0</v>
      </c>
      <c r="DI26" s="72">
        <v>0</v>
      </c>
      <c r="DJ26" s="73">
        <v>0</v>
      </c>
      <c r="DK26" s="271"/>
      <c r="DL26" s="72">
        <v>0</v>
      </c>
      <c r="DM26" s="72">
        <v>1</v>
      </c>
      <c r="DN26" s="72">
        <v>0</v>
      </c>
      <c r="DO26" s="72">
        <v>1</v>
      </c>
      <c r="DP26" s="72">
        <v>0</v>
      </c>
      <c r="DQ26" s="73">
        <v>2</v>
      </c>
      <c r="DR26" s="74">
        <v>2</v>
      </c>
      <c r="DS26" s="71">
        <v>0</v>
      </c>
      <c r="DT26" s="72">
        <v>0</v>
      </c>
      <c r="DU26" s="73">
        <v>0</v>
      </c>
      <c r="DV26" s="271"/>
      <c r="DW26" s="72">
        <v>2</v>
      </c>
      <c r="DX26" s="72">
        <v>1</v>
      </c>
      <c r="DY26" s="72">
        <v>0</v>
      </c>
      <c r="DZ26" s="72">
        <v>0</v>
      </c>
      <c r="EA26" s="72">
        <v>1</v>
      </c>
      <c r="EB26" s="73">
        <v>4</v>
      </c>
      <c r="EC26" s="74">
        <v>4</v>
      </c>
      <c r="ED26" s="71">
        <v>0</v>
      </c>
      <c r="EE26" s="72">
        <v>0</v>
      </c>
      <c r="EF26" s="73">
        <v>0</v>
      </c>
      <c r="EG26" s="271"/>
      <c r="EH26" s="72">
        <v>0</v>
      </c>
      <c r="EI26" s="72">
        <v>1</v>
      </c>
      <c r="EJ26" s="72">
        <v>0</v>
      </c>
      <c r="EK26" s="72">
        <v>1</v>
      </c>
      <c r="EL26" s="72">
        <v>0</v>
      </c>
      <c r="EM26" s="73">
        <v>2</v>
      </c>
      <c r="EN26" s="74">
        <v>2</v>
      </c>
      <c r="EO26" s="71">
        <v>0</v>
      </c>
      <c r="EP26" s="72">
        <v>1</v>
      </c>
      <c r="EQ26" s="73">
        <v>1</v>
      </c>
      <c r="ER26" s="271"/>
      <c r="ES26" s="72">
        <v>1</v>
      </c>
      <c r="ET26" s="72">
        <v>2</v>
      </c>
      <c r="EU26" s="72">
        <v>0</v>
      </c>
      <c r="EV26" s="72">
        <v>0</v>
      </c>
      <c r="EW26" s="72">
        <v>0</v>
      </c>
      <c r="EX26" s="73">
        <v>3</v>
      </c>
      <c r="EY26" s="74">
        <v>4</v>
      </c>
      <c r="EZ26" s="71">
        <v>0</v>
      </c>
      <c r="FA26" s="72">
        <v>3</v>
      </c>
      <c r="FB26" s="73">
        <v>3</v>
      </c>
      <c r="FC26" s="271"/>
      <c r="FD26" s="72">
        <v>2</v>
      </c>
      <c r="FE26" s="72">
        <v>0</v>
      </c>
      <c r="FF26" s="72">
        <v>0</v>
      </c>
      <c r="FG26" s="72">
        <v>1</v>
      </c>
      <c r="FH26" s="72">
        <v>0</v>
      </c>
      <c r="FI26" s="73">
        <v>3</v>
      </c>
      <c r="FJ26" s="74">
        <v>6</v>
      </c>
      <c r="FK26" s="71">
        <v>0</v>
      </c>
      <c r="FL26" s="72">
        <v>0</v>
      </c>
      <c r="FM26" s="73">
        <v>0</v>
      </c>
      <c r="FN26" s="271"/>
      <c r="FO26" s="72">
        <v>0</v>
      </c>
      <c r="FP26" s="72">
        <v>0</v>
      </c>
      <c r="FQ26" s="72">
        <v>0</v>
      </c>
      <c r="FR26" s="72">
        <v>0</v>
      </c>
      <c r="FS26" s="72">
        <v>1</v>
      </c>
      <c r="FT26" s="73">
        <v>1</v>
      </c>
      <c r="FU26" s="74">
        <v>1</v>
      </c>
      <c r="FV26" s="71">
        <v>0</v>
      </c>
      <c r="FW26" s="72">
        <v>0</v>
      </c>
      <c r="FX26" s="73">
        <v>0</v>
      </c>
      <c r="FY26" s="271"/>
      <c r="FZ26" s="72">
        <v>0</v>
      </c>
      <c r="GA26" s="72">
        <v>0</v>
      </c>
      <c r="GB26" s="72">
        <v>0</v>
      </c>
      <c r="GC26" s="72">
        <v>0</v>
      </c>
      <c r="GD26" s="72">
        <v>0</v>
      </c>
      <c r="GE26" s="73">
        <v>0</v>
      </c>
      <c r="GF26" s="74">
        <v>0</v>
      </c>
      <c r="GG26" s="71">
        <v>0</v>
      </c>
      <c r="GH26" s="72">
        <v>4</v>
      </c>
      <c r="GI26" s="73">
        <v>4</v>
      </c>
      <c r="GJ26" s="271"/>
      <c r="GK26" s="72">
        <v>5</v>
      </c>
      <c r="GL26" s="72">
        <v>5</v>
      </c>
      <c r="GM26" s="72">
        <v>0</v>
      </c>
      <c r="GN26" s="72">
        <v>3</v>
      </c>
      <c r="GO26" s="72">
        <v>2</v>
      </c>
      <c r="GP26" s="73">
        <v>15</v>
      </c>
      <c r="GQ26" s="74">
        <v>19</v>
      </c>
      <c r="GR26" s="127">
        <v>34</v>
      </c>
      <c r="GS26" s="83">
        <v>34</v>
      </c>
      <c r="GT26" s="84">
        <v>68</v>
      </c>
      <c r="GU26" s="271"/>
      <c r="GV26" s="83">
        <v>58</v>
      </c>
      <c r="GW26" s="83">
        <v>43</v>
      </c>
      <c r="GX26" s="83">
        <v>17</v>
      </c>
      <c r="GY26" s="83">
        <v>31</v>
      </c>
      <c r="GZ26" s="83">
        <v>11</v>
      </c>
      <c r="HA26" s="85">
        <v>160</v>
      </c>
      <c r="HB26" s="86">
        <v>228</v>
      </c>
      <c r="HC26" s="71">
        <v>1</v>
      </c>
      <c r="HD26" s="72">
        <v>2</v>
      </c>
      <c r="HE26" s="73">
        <v>3</v>
      </c>
      <c r="HF26" s="271"/>
      <c r="HG26" s="72">
        <v>0</v>
      </c>
      <c r="HH26" s="72">
        <v>1</v>
      </c>
      <c r="HI26" s="72">
        <v>1</v>
      </c>
      <c r="HJ26" s="72">
        <v>2</v>
      </c>
      <c r="HK26" s="72">
        <v>0</v>
      </c>
      <c r="HL26" s="73">
        <v>4</v>
      </c>
      <c r="HM26" s="74">
        <v>7</v>
      </c>
      <c r="HN26" s="71">
        <v>2</v>
      </c>
      <c r="HO26" s="72">
        <v>1</v>
      </c>
      <c r="HP26" s="73">
        <v>3</v>
      </c>
      <c r="HQ26" s="271"/>
      <c r="HR26" s="72">
        <v>4</v>
      </c>
      <c r="HS26" s="72">
        <v>3</v>
      </c>
      <c r="HT26" s="72">
        <v>0</v>
      </c>
      <c r="HU26" s="72">
        <v>4</v>
      </c>
      <c r="HV26" s="72">
        <v>1</v>
      </c>
      <c r="HW26" s="73">
        <v>12</v>
      </c>
      <c r="HX26" s="74">
        <v>15</v>
      </c>
      <c r="HY26" s="71">
        <v>5</v>
      </c>
      <c r="HZ26" s="72">
        <v>2</v>
      </c>
      <c r="IA26" s="73">
        <v>7</v>
      </c>
      <c r="IB26" s="271"/>
      <c r="IC26" s="72">
        <v>4</v>
      </c>
      <c r="ID26" s="72">
        <v>6</v>
      </c>
      <c r="IE26" s="72">
        <v>1</v>
      </c>
      <c r="IF26" s="72">
        <v>5</v>
      </c>
      <c r="IG26" s="72">
        <v>0</v>
      </c>
      <c r="IH26" s="73">
        <v>16</v>
      </c>
      <c r="II26" s="74">
        <v>23</v>
      </c>
      <c r="IJ26" s="71">
        <v>12</v>
      </c>
      <c r="IK26" s="72">
        <v>11</v>
      </c>
      <c r="IL26" s="73">
        <v>23</v>
      </c>
      <c r="IM26" s="271"/>
      <c r="IN26" s="72">
        <v>21</v>
      </c>
      <c r="IO26" s="72">
        <v>16</v>
      </c>
      <c r="IP26" s="72">
        <v>2</v>
      </c>
      <c r="IQ26" s="72">
        <v>7</v>
      </c>
      <c r="IR26" s="72">
        <v>3</v>
      </c>
      <c r="IS26" s="73">
        <v>49</v>
      </c>
      <c r="IT26" s="74">
        <v>72</v>
      </c>
      <c r="IU26" s="71">
        <v>9</v>
      </c>
      <c r="IV26" s="72">
        <v>10</v>
      </c>
      <c r="IW26" s="73">
        <v>19</v>
      </c>
      <c r="IX26" s="271"/>
      <c r="IY26" s="72">
        <v>17</v>
      </c>
      <c r="IZ26" s="72">
        <v>10</v>
      </c>
      <c r="JA26" s="72">
        <v>6</v>
      </c>
      <c r="JB26" s="72">
        <v>5</v>
      </c>
      <c r="JC26" s="72">
        <v>3</v>
      </c>
      <c r="JD26" s="73">
        <v>41</v>
      </c>
      <c r="JE26" s="74">
        <v>60</v>
      </c>
      <c r="JF26" s="71">
        <v>5</v>
      </c>
      <c r="JG26" s="72">
        <v>8</v>
      </c>
      <c r="JH26" s="73">
        <v>13</v>
      </c>
      <c r="JI26" s="271"/>
      <c r="JJ26" s="72">
        <v>12</v>
      </c>
      <c r="JK26" s="72">
        <v>7</v>
      </c>
      <c r="JL26" s="72">
        <v>7</v>
      </c>
      <c r="JM26" s="72">
        <v>8</v>
      </c>
      <c r="JN26" s="72">
        <v>4</v>
      </c>
      <c r="JO26" s="73">
        <v>38</v>
      </c>
      <c r="JP26" s="74">
        <v>51</v>
      </c>
      <c r="JQ26" s="71">
        <v>0</v>
      </c>
      <c r="JR26" s="72">
        <v>0</v>
      </c>
      <c r="JS26" s="73">
        <v>0</v>
      </c>
      <c r="JT26" s="271"/>
      <c r="JU26" s="72">
        <v>0</v>
      </c>
      <c r="JV26" s="72">
        <v>0</v>
      </c>
      <c r="JW26" s="72">
        <v>0</v>
      </c>
      <c r="JX26" s="72">
        <v>0</v>
      </c>
      <c r="JY26" s="72">
        <v>0</v>
      </c>
      <c r="JZ26" s="73">
        <v>0</v>
      </c>
      <c r="KA26" s="74">
        <v>0</v>
      </c>
      <c r="KB26" s="71">
        <v>34</v>
      </c>
      <c r="KC26" s="72">
        <v>34</v>
      </c>
      <c r="KD26" s="73">
        <v>68</v>
      </c>
      <c r="KE26" s="271"/>
      <c r="KF26" s="72">
        <v>58</v>
      </c>
      <c r="KG26" s="72">
        <v>43</v>
      </c>
      <c r="KH26" s="72">
        <v>17</v>
      </c>
      <c r="KI26" s="72">
        <v>31</v>
      </c>
      <c r="KJ26" s="72">
        <v>11</v>
      </c>
      <c r="KK26" s="73">
        <v>160</v>
      </c>
      <c r="KL26" s="74">
        <v>228</v>
      </c>
    </row>
    <row r="27" spans="1:298" ht="19.5" customHeight="1" x14ac:dyDescent="0.2">
      <c r="A27" s="130" t="s">
        <v>24</v>
      </c>
      <c r="B27" s="353">
        <v>38</v>
      </c>
      <c r="C27" s="83">
        <v>22</v>
      </c>
      <c r="D27" s="84">
        <v>60</v>
      </c>
      <c r="E27" s="271"/>
      <c r="F27" s="83">
        <v>47</v>
      </c>
      <c r="G27" s="83">
        <v>26</v>
      </c>
      <c r="H27" s="83">
        <v>21</v>
      </c>
      <c r="I27" s="83">
        <v>15</v>
      </c>
      <c r="J27" s="83">
        <v>7</v>
      </c>
      <c r="K27" s="85">
        <v>116</v>
      </c>
      <c r="L27" s="86">
        <v>176</v>
      </c>
      <c r="M27" s="71">
        <v>0</v>
      </c>
      <c r="N27" s="72">
        <v>0</v>
      </c>
      <c r="O27" s="73">
        <v>0</v>
      </c>
      <c r="P27" s="274"/>
      <c r="Q27" s="72">
        <v>1</v>
      </c>
      <c r="R27" s="72">
        <v>0</v>
      </c>
      <c r="S27" s="72">
        <v>1</v>
      </c>
      <c r="T27" s="72">
        <v>0</v>
      </c>
      <c r="U27" s="72">
        <v>0</v>
      </c>
      <c r="V27" s="73">
        <v>2</v>
      </c>
      <c r="W27" s="74">
        <v>2</v>
      </c>
      <c r="X27" s="71">
        <v>2</v>
      </c>
      <c r="Y27" s="72">
        <v>2</v>
      </c>
      <c r="Z27" s="73">
        <v>4</v>
      </c>
      <c r="AA27" s="271"/>
      <c r="AB27" s="72">
        <v>2</v>
      </c>
      <c r="AC27" s="72">
        <v>2</v>
      </c>
      <c r="AD27" s="72">
        <v>1</v>
      </c>
      <c r="AE27" s="72">
        <v>1</v>
      </c>
      <c r="AF27" s="72">
        <v>1</v>
      </c>
      <c r="AG27" s="73">
        <v>7</v>
      </c>
      <c r="AH27" s="74">
        <v>11</v>
      </c>
      <c r="AI27" s="71">
        <v>3</v>
      </c>
      <c r="AJ27" s="72">
        <v>4</v>
      </c>
      <c r="AK27" s="73">
        <v>7</v>
      </c>
      <c r="AL27" s="271"/>
      <c r="AM27" s="72">
        <v>3</v>
      </c>
      <c r="AN27" s="72">
        <v>4</v>
      </c>
      <c r="AO27" s="72">
        <v>0</v>
      </c>
      <c r="AP27" s="72">
        <v>2</v>
      </c>
      <c r="AQ27" s="72">
        <v>0</v>
      </c>
      <c r="AR27" s="73">
        <v>9</v>
      </c>
      <c r="AS27" s="74">
        <v>16</v>
      </c>
      <c r="AT27" s="71">
        <v>9</v>
      </c>
      <c r="AU27" s="72">
        <v>3</v>
      </c>
      <c r="AV27" s="73">
        <v>12</v>
      </c>
      <c r="AW27" s="271"/>
      <c r="AX27" s="72">
        <v>3</v>
      </c>
      <c r="AY27" s="72">
        <v>2</v>
      </c>
      <c r="AZ27" s="72">
        <v>1</v>
      </c>
      <c r="BA27" s="72">
        <v>2</v>
      </c>
      <c r="BB27" s="72">
        <v>3</v>
      </c>
      <c r="BC27" s="73">
        <v>11</v>
      </c>
      <c r="BD27" s="74">
        <v>23</v>
      </c>
      <c r="BE27" s="71">
        <v>10</v>
      </c>
      <c r="BF27" s="72">
        <v>4</v>
      </c>
      <c r="BG27" s="73">
        <v>14</v>
      </c>
      <c r="BH27" s="271"/>
      <c r="BI27" s="72">
        <v>16</v>
      </c>
      <c r="BJ27" s="72">
        <v>13</v>
      </c>
      <c r="BK27" s="72">
        <v>7</v>
      </c>
      <c r="BL27" s="72">
        <v>6</v>
      </c>
      <c r="BM27" s="72">
        <v>1</v>
      </c>
      <c r="BN27" s="73">
        <v>43</v>
      </c>
      <c r="BO27" s="74">
        <v>57</v>
      </c>
      <c r="BP27" s="71">
        <v>14</v>
      </c>
      <c r="BQ27" s="72">
        <v>9</v>
      </c>
      <c r="BR27" s="73">
        <v>23</v>
      </c>
      <c r="BS27" s="271"/>
      <c r="BT27" s="72">
        <v>22</v>
      </c>
      <c r="BU27" s="72">
        <v>5</v>
      </c>
      <c r="BV27" s="72">
        <v>11</v>
      </c>
      <c r="BW27" s="72">
        <v>4</v>
      </c>
      <c r="BX27" s="72">
        <v>2</v>
      </c>
      <c r="BY27" s="73">
        <v>44</v>
      </c>
      <c r="BZ27" s="74">
        <v>67</v>
      </c>
      <c r="CA27" s="71">
        <v>0</v>
      </c>
      <c r="CB27" s="72">
        <v>0</v>
      </c>
      <c r="CC27" s="73">
        <v>0</v>
      </c>
      <c r="CD27" s="271"/>
      <c r="CE27" s="72">
        <v>0</v>
      </c>
      <c r="CF27" s="72">
        <v>0</v>
      </c>
      <c r="CG27" s="72">
        <v>0</v>
      </c>
      <c r="CH27" s="72">
        <v>0</v>
      </c>
      <c r="CI27" s="72">
        <v>0</v>
      </c>
      <c r="CJ27" s="73">
        <v>0</v>
      </c>
      <c r="CK27" s="74">
        <v>0</v>
      </c>
      <c r="CL27" s="71">
        <v>38</v>
      </c>
      <c r="CM27" s="72">
        <v>22</v>
      </c>
      <c r="CN27" s="73">
        <v>60</v>
      </c>
      <c r="CO27" s="271"/>
      <c r="CP27" s="72">
        <v>47</v>
      </c>
      <c r="CQ27" s="72">
        <v>26</v>
      </c>
      <c r="CR27" s="72">
        <v>21</v>
      </c>
      <c r="CS27" s="72">
        <v>15</v>
      </c>
      <c r="CT27" s="72">
        <v>7</v>
      </c>
      <c r="CU27" s="73">
        <v>116</v>
      </c>
      <c r="CV27" s="74">
        <v>176</v>
      </c>
      <c r="CW27" s="127">
        <v>3</v>
      </c>
      <c r="CX27" s="83">
        <v>2</v>
      </c>
      <c r="CY27" s="84">
        <v>5</v>
      </c>
      <c r="CZ27" s="271"/>
      <c r="DA27" s="83">
        <v>10</v>
      </c>
      <c r="DB27" s="83">
        <v>6</v>
      </c>
      <c r="DC27" s="83">
        <v>3</v>
      </c>
      <c r="DD27" s="83">
        <v>6</v>
      </c>
      <c r="DE27" s="83">
        <v>2</v>
      </c>
      <c r="DF27" s="85">
        <v>27</v>
      </c>
      <c r="DG27" s="86">
        <v>32</v>
      </c>
      <c r="DH27" s="71">
        <v>0</v>
      </c>
      <c r="DI27" s="72">
        <v>0</v>
      </c>
      <c r="DJ27" s="73">
        <v>0</v>
      </c>
      <c r="DK27" s="271"/>
      <c r="DL27" s="72">
        <v>0</v>
      </c>
      <c r="DM27" s="72">
        <v>0</v>
      </c>
      <c r="DN27" s="72">
        <v>0</v>
      </c>
      <c r="DO27" s="72">
        <v>0</v>
      </c>
      <c r="DP27" s="72">
        <v>0</v>
      </c>
      <c r="DQ27" s="73">
        <v>0</v>
      </c>
      <c r="DR27" s="74">
        <v>0</v>
      </c>
      <c r="DS27" s="71">
        <v>0</v>
      </c>
      <c r="DT27" s="72">
        <v>0</v>
      </c>
      <c r="DU27" s="73">
        <v>0</v>
      </c>
      <c r="DV27" s="271"/>
      <c r="DW27" s="72">
        <v>0</v>
      </c>
      <c r="DX27" s="72">
        <v>0</v>
      </c>
      <c r="DY27" s="72">
        <v>0</v>
      </c>
      <c r="DZ27" s="72">
        <v>0</v>
      </c>
      <c r="EA27" s="72">
        <v>0</v>
      </c>
      <c r="EB27" s="73">
        <v>0</v>
      </c>
      <c r="EC27" s="74">
        <v>0</v>
      </c>
      <c r="ED27" s="71">
        <v>0</v>
      </c>
      <c r="EE27" s="72">
        <v>1</v>
      </c>
      <c r="EF27" s="73">
        <v>1</v>
      </c>
      <c r="EG27" s="271"/>
      <c r="EH27" s="72">
        <v>2</v>
      </c>
      <c r="EI27" s="72">
        <v>1</v>
      </c>
      <c r="EJ27" s="72">
        <v>0</v>
      </c>
      <c r="EK27" s="72">
        <v>0</v>
      </c>
      <c r="EL27" s="72">
        <v>0</v>
      </c>
      <c r="EM27" s="73">
        <v>3</v>
      </c>
      <c r="EN27" s="74">
        <v>4</v>
      </c>
      <c r="EO27" s="71">
        <v>0</v>
      </c>
      <c r="EP27" s="72">
        <v>0</v>
      </c>
      <c r="EQ27" s="73">
        <v>0</v>
      </c>
      <c r="ER27" s="271"/>
      <c r="ES27" s="72">
        <v>2</v>
      </c>
      <c r="ET27" s="72">
        <v>2</v>
      </c>
      <c r="EU27" s="72">
        <v>0</v>
      </c>
      <c r="EV27" s="72">
        <v>0</v>
      </c>
      <c r="EW27" s="72">
        <v>1</v>
      </c>
      <c r="EX27" s="73">
        <v>5</v>
      </c>
      <c r="EY27" s="74">
        <v>5</v>
      </c>
      <c r="EZ27" s="71">
        <v>3</v>
      </c>
      <c r="FA27" s="72">
        <v>1</v>
      </c>
      <c r="FB27" s="73">
        <v>4</v>
      </c>
      <c r="FC27" s="271"/>
      <c r="FD27" s="72">
        <v>3</v>
      </c>
      <c r="FE27" s="72">
        <v>2</v>
      </c>
      <c r="FF27" s="72">
        <v>1</v>
      </c>
      <c r="FG27" s="72">
        <v>1</v>
      </c>
      <c r="FH27" s="72">
        <v>1</v>
      </c>
      <c r="FI27" s="73">
        <v>8</v>
      </c>
      <c r="FJ27" s="74">
        <v>12</v>
      </c>
      <c r="FK27" s="71">
        <v>0</v>
      </c>
      <c r="FL27" s="72">
        <v>0</v>
      </c>
      <c r="FM27" s="73">
        <v>0</v>
      </c>
      <c r="FN27" s="271"/>
      <c r="FO27" s="72">
        <v>3</v>
      </c>
      <c r="FP27" s="72">
        <v>1</v>
      </c>
      <c r="FQ27" s="72">
        <v>2</v>
      </c>
      <c r="FR27" s="72">
        <v>5</v>
      </c>
      <c r="FS27" s="72">
        <v>0</v>
      </c>
      <c r="FT27" s="73">
        <v>11</v>
      </c>
      <c r="FU27" s="74">
        <v>11</v>
      </c>
      <c r="FV27" s="71">
        <v>0</v>
      </c>
      <c r="FW27" s="72">
        <v>0</v>
      </c>
      <c r="FX27" s="73">
        <v>0</v>
      </c>
      <c r="FY27" s="271"/>
      <c r="FZ27" s="72">
        <v>0</v>
      </c>
      <c r="GA27" s="72">
        <v>0</v>
      </c>
      <c r="GB27" s="72">
        <v>0</v>
      </c>
      <c r="GC27" s="72">
        <v>0</v>
      </c>
      <c r="GD27" s="72">
        <v>0</v>
      </c>
      <c r="GE27" s="73">
        <v>0</v>
      </c>
      <c r="GF27" s="74">
        <v>0</v>
      </c>
      <c r="GG27" s="71">
        <v>3</v>
      </c>
      <c r="GH27" s="72">
        <v>2</v>
      </c>
      <c r="GI27" s="73">
        <v>5</v>
      </c>
      <c r="GJ27" s="271"/>
      <c r="GK27" s="72">
        <v>10</v>
      </c>
      <c r="GL27" s="72">
        <v>6</v>
      </c>
      <c r="GM27" s="72">
        <v>3</v>
      </c>
      <c r="GN27" s="72">
        <v>6</v>
      </c>
      <c r="GO27" s="72">
        <v>2</v>
      </c>
      <c r="GP27" s="73">
        <v>27</v>
      </c>
      <c r="GQ27" s="74">
        <v>32</v>
      </c>
      <c r="GR27" s="127">
        <v>41</v>
      </c>
      <c r="GS27" s="83">
        <v>24</v>
      </c>
      <c r="GT27" s="84">
        <v>65</v>
      </c>
      <c r="GU27" s="271"/>
      <c r="GV27" s="83">
        <v>57</v>
      </c>
      <c r="GW27" s="83">
        <v>32</v>
      </c>
      <c r="GX27" s="83">
        <v>24</v>
      </c>
      <c r="GY27" s="83">
        <v>21</v>
      </c>
      <c r="GZ27" s="83">
        <v>9</v>
      </c>
      <c r="HA27" s="85">
        <v>143</v>
      </c>
      <c r="HB27" s="86">
        <v>208</v>
      </c>
      <c r="HC27" s="71">
        <v>0</v>
      </c>
      <c r="HD27" s="72">
        <v>0</v>
      </c>
      <c r="HE27" s="73">
        <v>0</v>
      </c>
      <c r="HF27" s="271"/>
      <c r="HG27" s="72">
        <v>1</v>
      </c>
      <c r="HH27" s="72">
        <v>0</v>
      </c>
      <c r="HI27" s="72">
        <v>1</v>
      </c>
      <c r="HJ27" s="72">
        <v>0</v>
      </c>
      <c r="HK27" s="72">
        <v>0</v>
      </c>
      <c r="HL27" s="73">
        <v>2</v>
      </c>
      <c r="HM27" s="74">
        <v>2</v>
      </c>
      <c r="HN27" s="71">
        <v>2</v>
      </c>
      <c r="HO27" s="72">
        <v>2</v>
      </c>
      <c r="HP27" s="73">
        <v>4</v>
      </c>
      <c r="HQ27" s="271"/>
      <c r="HR27" s="72">
        <v>2</v>
      </c>
      <c r="HS27" s="72">
        <v>2</v>
      </c>
      <c r="HT27" s="72">
        <v>1</v>
      </c>
      <c r="HU27" s="72">
        <v>1</v>
      </c>
      <c r="HV27" s="72">
        <v>1</v>
      </c>
      <c r="HW27" s="73">
        <v>7</v>
      </c>
      <c r="HX27" s="74">
        <v>11</v>
      </c>
      <c r="HY27" s="71">
        <v>3</v>
      </c>
      <c r="HZ27" s="72">
        <v>5</v>
      </c>
      <c r="IA27" s="73">
        <v>8</v>
      </c>
      <c r="IB27" s="271"/>
      <c r="IC27" s="72">
        <v>5</v>
      </c>
      <c r="ID27" s="72">
        <v>5</v>
      </c>
      <c r="IE27" s="72">
        <v>0</v>
      </c>
      <c r="IF27" s="72">
        <v>2</v>
      </c>
      <c r="IG27" s="72">
        <v>0</v>
      </c>
      <c r="IH27" s="73">
        <v>12</v>
      </c>
      <c r="II27" s="74">
        <v>20</v>
      </c>
      <c r="IJ27" s="71">
        <v>9</v>
      </c>
      <c r="IK27" s="72">
        <v>3</v>
      </c>
      <c r="IL27" s="73">
        <v>12</v>
      </c>
      <c r="IM27" s="271"/>
      <c r="IN27" s="72">
        <v>5</v>
      </c>
      <c r="IO27" s="72">
        <v>4</v>
      </c>
      <c r="IP27" s="72">
        <v>1</v>
      </c>
      <c r="IQ27" s="72">
        <v>2</v>
      </c>
      <c r="IR27" s="72">
        <v>4</v>
      </c>
      <c r="IS27" s="73">
        <v>16</v>
      </c>
      <c r="IT27" s="74">
        <v>28</v>
      </c>
      <c r="IU27" s="71">
        <v>13</v>
      </c>
      <c r="IV27" s="72">
        <v>5</v>
      </c>
      <c r="IW27" s="73">
        <v>18</v>
      </c>
      <c r="IX27" s="271"/>
      <c r="IY27" s="72">
        <v>19</v>
      </c>
      <c r="IZ27" s="72">
        <v>15</v>
      </c>
      <c r="JA27" s="72">
        <v>8</v>
      </c>
      <c r="JB27" s="72">
        <v>7</v>
      </c>
      <c r="JC27" s="72">
        <v>2</v>
      </c>
      <c r="JD27" s="73">
        <v>51</v>
      </c>
      <c r="JE27" s="74">
        <v>69</v>
      </c>
      <c r="JF27" s="71">
        <v>14</v>
      </c>
      <c r="JG27" s="72">
        <v>9</v>
      </c>
      <c r="JH27" s="73">
        <v>23</v>
      </c>
      <c r="JI27" s="271"/>
      <c r="JJ27" s="72">
        <v>25</v>
      </c>
      <c r="JK27" s="72">
        <v>6</v>
      </c>
      <c r="JL27" s="72">
        <v>13</v>
      </c>
      <c r="JM27" s="72">
        <v>9</v>
      </c>
      <c r="JN27" s="72">
        <v>2</v>
      </c>
      <c r="JO27" s="73">
        <v>55</v>
      </c>
      <c r="JP27" s="74">
        <v>78</v>
      </c>
      <c r="JQ27" s="71">
        <v>0</v>
      </c>
      <c r="JR27" s="72">
        <v>0</v>
      </c>
      <c r="JS27" s="73">
        <v>0</v>
      </c>
      <c r="JT27" s="271"/>
      <c r="JU27" s="72">
        <v>0</v>
      </c>
      <c r="JV27" s="72">
        <v>0</v>
      </c>
      <c r="JW27" s="72">
        <v>0</v>
      </c>
      <c r="JX27" s="72">
        <v>0</v>
      </c>
      <c r="JY27" s="72">
        <v>0</v>
      </c>
      <c r="JZ27" s="73">
        <v>0</v>
      </c>
      <c r="KA27" s="74">
        <v>0</v>
      </c>
      <c r="KB27" s="71">
        <v>41</v>
      </c>
      <c r="KC27" s="72">
        <v>24</v>
      </c>
      <c r="KD27" s="73">
        <v>65</v>
      </c>
      <c r="KE27" s="271"/>
      <c r="KF27" s="72">
        <v>57</v>
      </c>
      <c r="KG27" s="72">
        <v>32</v>
      </c>
      <c r="KH27" s="72">
        <v>24</v>
      </c>
      <c r="KI27" s="72">
        <v>21</v>
      </c>
      <c r="KJ27" s="72">
        <v>9</v>
      </c>
      <c r="KK27" s="73">
        <v>143</v>
      </c>
      <c r="KL27" s="74">
        <v>208</v>
      </c>
    </row>
    <row r="28" spans="1:298" ht="19.5" customHeight="1" x14ac:dyDescent="0.2">
      <c r="A28" s="130" t="s">
        <v>25</v>
      </c>
      <c r="B28" s="353">
        <v>13</v>
      </c>
      <c r="C28" s="83">
        <v>15</v>
      </c>
      <c r="D28" s="84">
        <v>28</v>
      </c>
      <c r="E28" s="271"/>
      <c r="F28" s="83">
        <v>42</v>
      </c>
      <c r="G28" s="83">
        <v>11</v>
      </c>
      <c r="H28" s="83">
        <v>14</v>
      </c>
      <c r="I28" s="83">
        <v>12</v>
      </c>
      <c r="J28" s="83">
        <v>7</v>
      </c>
      <c r="K28" s="85">
        <v>86</v>
      </c>
      <c r="L28" s="86">
        <v>114</v>
      </c>
      <c r="M28" s="71">
        <v>0</v>
      </c>
      <c r="N28" s="72">
        <v>0</v>
      </c>
      <c r="O28" s="73">
        <v>0</v>
      </c>
      <c r="P28" s="274"/>
      <c r="Q28" s="72">
        <v>3</v>
      </c>
      <c r="R28" s="72">
        <v>1</v>
      </c>
      <c r="S28" s="72">
        <v>0</v>
      </c>
      <c r="T28" s="72">
        <v>0</v>
      </c>
      <c r="U28" s="72">
        <v>0</v>
      </c>
      <c r="V28" s="73">
        <v>4</v>
      </c>
      <c r="W28" s="74">
        <v>4</v>
      </c>
      <c r="X28" s="71">
        <v>0</v>
      </c>
      <c r="Y28" s="72">
        <v>3</v>
      </c>
      <c r="Z28" s="73">
        <v>3</v>
      </c>
      <c r="AA28" s="271"/>
      <c r="AB28" s="72">
        <v>0</v>
      </c>
      <c r="AC28" s="72">
        <v>1</v>
      </c>
      <c r="AD28" s="72">
        <v>1</v>
      </c>
      <c r="AE28" s="72">
        <v>2</v>
      </c>
      <c r="AF28" s="72">
        <v>0</v>
      </c>
      <c r="AG28" s="73">
        <v>4</v>
      </c>
      <c r="AH28" s="74">
        <v>7</v>
      </c>
      <c r="AI28" s="71">
        <v>3</v>
      </c>
      <c r="AJ28" s="72">
        <v>3</v>
      </c>
      <c r="AK28" s="73">
        <v>6</v>
      </c>
      <c r="AL28" s="271"/>
      <c r="AM28" s="72">
        <v>5</v>
      </c>
      <c r="AN28" s="72">
        <v>1</v>
      </c>
      <c r="AO28" s="72">
        <v>0</v>
      </c>
      <c r="AP28" s="72">
        <v>1</v>
      </c>
      <c r="AQ28" s="72">
        <v>1</v>
      </c>
      <c r="AR28" s="73">
        <v>8</v>
      </c>
      <c r="AS28" s="74">
        <v>14</v>
      </c>
      <c r="AT28" s="71">
        <v>1</v>
      </c>
      <c r="AU28" s="72">
        <v>3</v>
      </c>
      <c r="AV28" s="73">
        <v>4</v>
      </c>
      <c r="AW28" s="271"/>
      <c r="AX28" s="72">
        <v>10</v>
      </c>
      <c r="AY28" s="72">
        <v>4</v>
      </c>
      <c r="AZ28" s="72">
        <v>3</v>
      </c>
      <c r="BA28" s="72">
        <v>3</v>
      </c>
      <c r="BB28" s="72">
        <v>3</v>
      </c>
      <c r="BC28" s="73">
        <v>23</v>
      </c>
      <c r="BD28" s="74">
        <v>27</v>
      </c>
      <c r="BE28" s="71">
        <v>6</v>
      </c>
      <c r="BF28" s="72">
        <v>1</v>
      </c>
      <c r="BG28" s="73">
        <v>7</v>
      </c>
      <c r="BH28" s="271"/>
      <c r="BI28" s="72">
        <v>15</v>
      </c>
      <c r="BJ28" s="72">
        <v>4</v>
      </c>
      <c r="BK28" s="72">
        <v>5</v>
      </c>
      <c r="BL28" s="72">
        <v>3</v>
      </c>
      <c r="BM28" s="72">
        <v>1</v>
      </c>
      <c r="BN28" s="73">
        <v>28</v>
      </c>
      <c r="BO28" s="74">
        <v>35</v>
      </c>
      <c r="BP28" s="71">
        <v>3</v>
      </c>
      <c r="BQ28" s="72">
        <v>5</v>
      </c>
      <c r="BR28" s="73">
        <v>8</v>
      </c>
      <c r="BS28" s="271"/>
      <c r="BT28" s="72">
        <v>9</v>
      </c>
      <c r="BU28" s="72">
        <v>0</v>
      </c>
      <c r="BV28" s="72">
        <v>5</v>
      </c>
      <c r="BW28" s="72">
        <v>3</v>
      </c>
      <c r="BX28" s="72">
        <v>2</v>
      </c>
      <c r="BY28" s="73">
        <v>19</v>
      </c>
      <c r="BZ28" s="74">
        <v>27</v>
      </c>
      <c r="CA28" s="71">
        <v>0</v>
      </c>
      <c r="CB28" s="72">
        <v>0</v>
      </c>
      <c r="CC28" s="73">
        <v>0</v>
      </c>
      <c r="CD28" s="271"/>
      <c r="CE28" s="72">
        <v>0</v>
      </c>
      <c r="CF28" s="72">
        <v>0</v>
      </c>
      <c r="CG28" s="72">
        <v>0</v>
      </c>
      <c r="CH28" s="72">
        <v>0</v>
      </c>
      <c r="CI28" s="72">
        <v>0</v>
      </c>
      <c r="CJ28" s="73">
        <v>0</v>
      </c>
      <c r="CK28" s="74">
        <v>0</v>
      </c>
      <c r="CL28" s="71">
        <v>13</v>
      </c>
      <c r="CM28" s="72">
        <v>15</v>
      </c>
      <c r="CN28" s="73">
        <v>28</v>
      </c>
      <c r="CO28" s="271"/>
      <c r="CP28" s="72">
        <v>42</v>
      </c>
      <c r="CQ28" s="72">
        <v>11</v>
      </c>
      <c r="CR28" s="72">
        <v>14</v>
      </c>
      <c r="CS28" s="72">
        <v>12</v>
      </c>
      <c r="CT28" s="72">
        <v>7</v>
      </c>
      <c r="CU28" s="73">
        <v>86</v>
      </c>
      <c r="CV28" s="74">
        <v>114</v>
      </c>
      <c r="CW28" s="127">
        <v>2</v>
      </c>
      <c r="CX28" s="83">
        <v>2</v>
      </c>
      <c r="CY28" s="84">
        <v>4</v>
      </c>
      <c r="CZ28" s="271"/>
      <c r="DA28" s="83">
        <v>4</v>
      </c>
      <c r="DB28" s="83">
        <v>1</v>
      </c>
      <c r="DC28" s="83">
        <v>0</v>
      </c>
      <c r="DD28" s="83">
        <v>4</v>
      </c>
      <c r="DE28" s="83">
        <v>0</v>
      </c>
      <c r="DF28" s="85">
        <v>9</v>
      </c>
      <c r="DG28" s="86">
        <v>13</v>
      </c>
      <c r="DH28" s="71">
        <v>0</v>
      </c>
      <c r="DI28" s="72">
        <v>0</v>
      </c>
      <c r="DJ28" s="73">
        <v>0</v>
      </c>
      <c r="DK28" s="271"/>
      <c r="DL28" s="72">
        <v>0</v>
      </c>
      <c r="DM28" s="72">
        <v>0</v>
      </c>
      <c r="DN28" s="72">
        <v>0</v>
      </c>
      <c r="DO28" s="72">
        <v>0</v>
      </c>
      <c r="DP28" s="72">
        <v>0</v>
      </c>
      <c r="DQ28" s="73">
        <v>0</v>
      </c>
      <c r="DR28" s="74">
        <v>0</v>
      </c>
      <c r="DS28" s="71">
        <v>0</v>
      </c>
      <c r="DT28" s="72">
        <v>0</v>
      </c>
      <c r="DU28" s="73">
        <v>0</v>
      </c>
      <c r="DV28" s="271"/>
      <c r="DW28" s="72">
        <v>0</v>
      </c>
      <c r="DX28" s="72">
        <v>0</v>
      </c>
      <c r="DY28" s="72">
        <v>0</v>
      </c>
      <c r="DZ28" s="72">
        <v>0</v>
      </c>
      <c r="EA28" s="72">
        <v>0</v>
      </c>
      <c r="EB28" s="73">
        <v>0</v>
      </c>
      <c r="EC28" s="74">
        <v>0</v>
      </c>
      <c r="ED28" s="71">
        <v>0</v>
      </c>
      <c r="EE28" s="72">
        <v>1</v>
      </c>
      <c r="EF28" s="73">
        <v>1</v>
      </c>
      <c r="EG28" s="271"/>
      <c r="EH28" s="72">
        <v>1</v>
      </c>
      <c r="EI28" s="72">
        <v>1</v>
      </c>
      <c r="EJ28" s="72">
        <v>0</v>
      </c>
      <c r="EK28" s="72">
        <v>0</v>
      </c>
      <c r="EL28" s="72">
        <v>0</v>
      </c>
      <c r="EM28" s="73">
        <v>2</v>
      </c>
      <c r="EN28" s="74">
        <v>3</v>
      </c>
      <c r="EO28" s="71">
        <v>1</v>
      </c>
      <c r="EP28" s="72">
        <v>0</v>
      </c>
      <c r="EQ28" s="73">
        <v>1</v>
      </c>
      <c r="ER28" s="271"/>
      <c r="ES28" s="72">
        <v>0</v>
      </c>
      <c r="ET28" s="72">
        <v>0</v>
      </c>
      <c r="EU28" s="72">
        <v>0</v>
      </c>
      <c r="EV28" s="72">
        <v>1</v>
      </c>
      <c r="EW28" s="72">
        <v>0</v>
      </c>
      <c r="EX28" s="73">
        <v>1</v>
      </c>
      <c r="EY28" s="74">
        <v>2</v>
      </c>
      <c r="EZ28" s="71">
        <v>0</v>
      </c>
      <c r="FA28" s="72">
        <v>1</v>
      </c>
      <c r="FB28" s="73">
        <v>1</v>
      </c>
      <c r="FC28" s="271"/>
      <c r="FD28" s="72">
        <v>1</v>
      </c>
      <c r="FE28" s="72">
        <v>0</v>
      </c>
      <c r="FF28" s="72">
        <v>0</v>
      </c>
      <c r="FG28" s="72">
        <v>2</v>
      </c>
      <c r="FH28" s="72">
        <v>0</v>
      </c>
      <c r="FI28" s="73">
        <v>3</v>
      </c>
      <c r="FJ28" s="74">
        <v>4</v>
      </c>
      <c r="FK28" s="71">
        <v>1</v>
      </c>
      <c r="FL28" s="72">
        <v>0</v>
      </c>
      <c r="FM28" s="73">
        <v>1</v>
      </c>
      <c r="FN28" s="271"/>
      <c r="FO28" s="72">
        <v>2</v>
      </c>
      <c r="FP28" s="72">
        <v>0</v>
      </c>
      <c r="FQ28" s="72">
        <v>0</v>
      </c>
      <c r="FR28" s="72">
        <v>1</v>
      </c>
      <c r="FS28" s="72">
        <v>0</v>
      </c>
      <c r="FT28" s="73">
        <v>3</v>
      </c>
      <c r="FU28" s="74">
        <v>4</v>
      </c>
      <c r="FV28" s="71">
        <v>0</v>
      </c>
      <c r="FW28" s="72">
        <v>0</v>
      </c>
      <c r="FX28" s="73">
        <v>0</v>
      </c>
      <c r="FY28" s="271"/>
      <c r="FZ28" s="72">
        <v>0</v>
      </c>
      <c r="GA28" s="72">
        <v>0</v>
      </c>
      <c r="GB28" s="72">
        <v>0</v>
      </c>
      <c r="GC28" s="72">
        <v>0</v>
      </c>
      <c r="GD28" s="72">
        <v>0</v>
      </c>
      <c r="GE28" s="73">
        <v>0</v>
      </c>
      <c r="GF28" s="74">
        <v>0</v>
      </c>
      <c r="GG28" s="71">
        <v>2</v>
      </c>
      <c r="GH28" s="72">
        <v>2</v>
      </c>
      <c r="GI28" s="73">
        <v>4</v>
      </c>
      <c r="GJ28" s="271"/>
      <c r="GK28" s="72">
        <v>4</v>
      </c>
      <c r="GL28" s="72">
        <v>1</v>
      </c>
      <c r="GM28" s="72">
        <v>0</v>
      </c>
      <c r="GN28" s="72">
        <v>4</v>
      </c>
      <c r="GO28" s="72">
        <v>0</v>
      </c>
      <c r="GP28" s="73">
        <v>9</v>
      </c>
      <c r="GQ28" s="74">
        <v>13</v>
      </c>
      <c r="GR28" s="127">
        <v>15</v>
      </c>
      <c r="GS28" s="83">
        <v>17</v>
      </c>
      <c r="GT28" s="84">
        <v>32</v>
      </c>
      <c r="GU28" s="271"/>
      <c r="GV28" s="83">
        <v>46</v>
      </c>
      <c r="GW28" s="83">
        <v>12</v>
      </c>
      <c r="GX28" s="83">
        <v>14</v>
      </c>
      <c r="GY28" s="83">
        <v>16</v>
      </c>
      <c r="GZ28" s="83">
        <v>7</v>
      </c>
      <c r="HA28" s="85">
        <v>95</v>
      </c>
      <c r="HB28" s="86">
        <v>127</v>
      </c>
      <c r="HC28" s="71">
        <v>0</v>
      </c>
      <c r="HD28" s="72">
        <v>0</v>
      </c>
      <c r="HE28" s="73">
        <v>0</v>
      </c>
      <c r="HF28" s="271"/>
      <c r="HG28" s="72">
        <v>3</v>
      </c>
      <c r="HH28" s="72">
        <v>1</v>
      </c>
      <c r="HI28" s="72">
        <v>0</v>
      </c>
      <c r="HJ28" s="72">
        <v>0</v>
      </c>
      <c r="HK28" s="72">
        <v>0</v>
      </c>
      <c r="HL28" s="73">
        <v>4</v>
      </c>
      <c r="HM28" s="74">
        <v>4</v>
      </c>
      <c r="HN28" s="71">
        <v>0</v>
      </c>
      <c r="HO28" s="72">
        <v>3</v>
      </c>
      <c r="HP28" s="73">
        <v>3</v>
      </c>
      <c r="HQ28" s="271"/>
      <c r="HR28" s="72">
        <v>0</v>
      </c>
      <c r="HS28" s="72">
        <v>1</v>
      </c>
      <c r="HT28" s="72">
        <v>1</v>
      </c>
      <c r="HU28" s="72">
        <v>2</v>
      </c>
      <c r="HV28" s="72">
        <v>0</v>
      </c>
      <c r="HW28" s="73">
        <v>4</v>
      </c>
      <c r="HX28" s="74">
        <v>7</v>
      </c>
      <c r="HY28" s="71">
        <v>3</v>
      </c>
      <c r="HZ28" s="72">
        <v>4</v>
      </c>
      <c r="IA28" s="73">
        <v>7</v>
      </c>
      <c r="IB28" s="271"/>
      <c r="IC28" s="72">
        <v>6</v>
      </c>
      <c r="ID28" s="72">
        <v>2</v>
      </c>
      <c r="IE28" s="72">
        <v>0</v>
      </c>
      <c r="IF28" s="72">
        <v>1</v>
      </c>
      <c r="IG28" s="72">
        <v>1</v>
      </c>
      <c r="IH28" s="73">
        <v>10</v>
      </c>
      <c r="II28" s="74">
        <v>17</v>
      </c>
      <c r="IJ28" s="71">
        <v>2</v>
      </c>
      <c r="IK28" s="72">
        <v>3</v>
      </c>
      <c r="IL28" s="73">
        <v>5</v>
      </c>
      <c r="IM28" s="271"/>
      <c r="IN28" s="72">
        <v>10</v>
      </c>
      <c r="IO28" s="72">
        <v>4</v>
      </c>
      <c r="IP28" s="72">
        <v>3</v>
      </c>
      <c r="IQ28" s="72">
        <v>4</v>
      </c>
      <c r="IR28" s="72">
        <v>3</v>
      </c>
      <c r="IS28" s="73">
        <v>24</v>
      </c>
      <c r="IT28" s="74">
        <v>29</v>
      </c>
      <c r="IU28" s="71">
        <v>6</v>
      </c>
      <c r="IV28" s="72">
        <v>2</v>
      </c>
      <c r="IW28" s="73">
        <v>8</v>
      </c>
      <c r="IX28" s="271"/>
      <c r="IY28" s="72">
        <v>16</v>
      </c>
      <c r="IZ28" s="72">
        <v>4</v>
      </c>
      <c r="JA28" s="72">
        <v>5</v>
      </c>
      <c r="JB28" s="72">
        <v>5</v>
      </c>
      <c r="JC28" s="72">
        <v>1</v>
      </c>
      <c r="JD28" s="73">
        <v>31</v>
      </c>
      <c r="JE28" s="74">
        <v>39</v>
      </c>
      <c r="JF28" s="71">
        <v>4</v>
      </c>
      <c r="JG28" s="72">
        <v>5</v>
      </c>
      <c r="JH28" s="73">
        <v>9</v>
      </c>
      <c r="JI28" s="271"/>
      <c r="JJ28" s="72">
        <v>11</v>
      </c>
      <c r="JK28" s="72">
        <v>0</v>
      </c>
      <c r="JL28" s="72">
        <v>5</v>
      </c>
      <c r="JM28" s="72">
        <v>4</v>
      </c>
      <c r="JN28" s="72">
        <v>2</v>
      </c>
      <c r="JO28" s="73">
        <v>22</v>
      </c>
      <c r="JP28" s="74">
        <v>31</v>
      </c>
      <c r="JQ28" s="71">
        <v>0</v>
      </c>
      <c r="JR28" s="72">
        <v>0</v>
      </c>
      <c r="JS28" s="73">
        <v>0</v>
      </c>
      <c r="JT28" s="271"/>
      <c r="JU28" s="72">
        <v>0</v>
      </c>
      <c r="JV28" s="72">
        <v>0</v>
      </c>
      <c r="JW28" s="72">
        <v>0</v>
      </c>
      <c r="JX28" s="72">
        <v>0</v>
      </c>
      <c r="JY28" s="72">
        <v>0</v>
      </c>
      <c r="JZ28" s="73">
        <v>0</v>
      </c>
      <c r="KA28" s="74">
        <v>0</v>
      </c>
      <c r="KB28" s="71">
        <v>15</v>
      </c>
      <c r="KC28" s="72">
        <v>17</v>
      </c>
      <c r="KD28" s="73">
        <v>32</v>
      </c>
      <c r="KE28" s="271"/>
      <c r="KF28" s="72">
        <v>46</v>
      </c>
      <c r="KG28" s="72">
        <v>12</v>
      </c>
      <c r="KH28" s="72">
        <v>14</v>
      </c>
      <c r="KI28" s="72">
        <v>16</v>
      </c>
      <c r="KJ28" s="72">
        <v>7</v>
      </c>
      <c r="KK28" s="73">
        <v>95</v>
      </c>
      <c r="KL28" s="74">
        <v>127</v>
      </c>
    </row>
    <row r="29" spans="1:298" ht="19.5" customHeight="1" x14ac:dyDescent="0.2">
      <c r="A29" s="130" t="s">
        <v>26</v>
      </c>
      <c r="B29" s="353">
        <v>19</v>
      </c>
      <c r="C29" s="83">
        <v>14</v>
      </c>
      <c r="D29" s="84">
        <v>33</v>
      </c>
      <c r="E29" s="271"/>
      <c r="F29" s="83">
        <v>23</v>
      </c>
      <c r="G29" s="83">
        <v>26</v>
      </c>
      <c r="H29" s="83">
        <v>24</v>
      </c>
      <c r="I29" s="83">
        <v>12</v>
      </c>
      <c r="J29" s="83">
        <v>5</v>
      </c>
      <c r="K29" s="85">
        <v>90</v>
      </c>
      <c r="L29" s="86">
        <v>123</v>
      </c>
      <c r="M29" s="71">
        <v>0</v>
      </c>
      <c r="N29" s="72">
        <v>0</v>
      </c>
      <c r="O29" s="73">
        <v>0</v>
      </c>
      <c r="P29" s="274"/>
      <c r="Q29" s="72">
        <v>0</v>
      </c>
      <c r="R29" s="72">
        <v>0</v>
      </c>
      <c r="S29" s="72">
        <v>1</v>
      </c>
      <c r="T29" s="72">
        <v>0</v>
      </c>
      <c r="U29" s="72">
        <v>0</v>
      </c>
      <c r="V29" s="73">
        <v>1</v>
      </c>
      <c r="W29" s="74">
        <v>1</v>
      </c>
      <c r="X29" s="71">
        <v>0</v>
      </c>
      <c r="Y29" s="72">
        <v>0</v>
      </c>
      <c r="Z29" s="73">
        <v>0</v>
      </c>
      <c r="AA29" s="271"/>
      <c r="AB29" s="72">
        <v>0</v>
      </c>
      <c r="AC29" s="72">
        <v>2</v>
      </c>
      <c r="AD29" s="72">
        <v>0</v>
      </c>
      <c r="AE29" s="72">
        <v>0</v>
      </c>
      <c r="AF29" s="72">
        <v>0</v>
      </c>
      <c r="AG29" s="73">
        <v>2</v>
      </c>
      <c r="AH29" s="74">
        <v>2</v>
      </c>
      <c r="AI29" s="71">
        <v>2</v>
      </c>
      <c r="AJ29" s="72">
        <v>3</v>
      </c>
      <c r="AK29" s="73">
        <v>5</v>
      </c>
      <c r="AL29" s="271"/>
      <c r="AM29" s="72">
        <v>2</v>
      </c>
      <c r="AN29" s="72">
        <v>3</v>
      </c>
      <c r="AO29" s="72">
        <v>2</v>
      </c>
      <c r="AP29" s="72">
        <v>2</v>
      </c>
      <c r="AQ29" s="72">
        <v>1</v>
      </c>
      <c r="AR29" s="73">
        <v>10</v>
      </c>
      <c r="AS29" s="74">
        <v>15</v>
      </c>
      <c r="AT29" s="71">
        <v>5</v>
      </c>
      <c r="AU29" s="72">
        <v>3</v>
      </c>
      <c r="AV29" s="73">
        <v>8</v>
      </c>
      <c r="AW29" s="271"/>
      <c r="AX29" s="72">
        <v>4</v>
      </c>
      <c r="AY29" s="72">
        <v>5</v>
      </c>
      <c r="AZ29" s="72">
        <v>8</v>
      </c>
      <c r="BA29" s="72">
        <v>1</v>
      </c>
      <c r="BB29" s="72">
        <v>1</v>
      </c>
      <c r="BC29" s="73">
        <v>19</v>
      </c>
      <c r="BD29" s="74">
        <v>27</v>
      </c>
      <c r="BE29" s="71">
        <v>5</v>
      </c>
      <c r="BF29" s="72">
        <v>3</v>
      </c>
      <c r="BG29" s="73">
        <v>8</v>
      </c>
      <c r="BH29" s="271"/>
      <c r="BI29" s="72">
        <v>7</v>
      </c>
      <c r="BJ29" s="72">
        <v>8</v>
      </c>
      <c r="BK29" s="72">
        <v>8</v>
      </c>
      <c r="BL29" s="72">
        <v>4</v>
      </c>
      <c r="BM29" s="72">
        <v>1</v>
      </c>
      <c r="BN29" s="73">
        <v>28</v>
      </c>
      <c r="BO29" s="74">
        <v>36</v>
      </c>
      <c r="BP29" s="71">
        <v>7</v>
      </c>
      <c r="BQ29" s="72">
        <v>5</v>
      </c>
      <c r="BR29" s="73">
        <v>12</v>
      </c>
      <c r="BS29" s="271"/>
      <c r="BT29" s="72">
        <v>10</v>
      </c>
      <c r="BU29" s="72">
        <v>8</v>
      </c>
      <c r="BV29" s="72">
        <v>5</v>
      </c>
      <c r="BW29" s="72">
        <v>5</v>
      </c>
      <c r="BX29" s="72">
        <v>2</v>
      </c>
      <c r="BY29" s="73">
        <v>30</v>
      </c>
      <c r="BZ29" s="74">
        <v>42</v>
      </c>
      <c r="CA29" s="71">
        <v>0</v>
      </c>
      <c r="CB29" s="72">
        <v>0</v>
      </c>
      <c r="CC29" s="73">
        <v>0</v>
      </c>
      <c r="CD29" s="271"/>
      <c r="CE29" s="72">
        <v>0</v>
      </c>
      <c r="CF29" s="72">
        <v>0</v>
      </c>
      <c r="CG29" s="72">
        <v>0</v>
      </c>
      <c r="CH29" s="72">
        <v>0</v>
      </c>
      <c r="CI29" s="72">
        <v>0</v>
      </c>
      <c r="CJ29" s="73">
        <v>0</v>
      </c>
      <c r="CK29" s="74">
        <v>0</v>
      </c>
      <c r="CL29" s="71">
        <v>19</v>
      </c>
      <c r="CM29" s="72">
        <v>14</v>
      </c>
      <c r="CN29" s="73">
        <v>33</v>
      </c>
      <c r="CO29" s="271"/>
      <c r="CP29" s="72">
        <v>23</v>
      </c>
      <c r="CQ29" s="72">
        <v>26</v>
      </c>
      <c r="CR29" s="72">
        <v>24</v>
      </c>
      <c r="CS29" s="72">
        <v>12</v>
      </c>
      <c r="CT29" s="72">
        <v>5</v>
      </c>
      <c r="CU29" s="73">
        <v>90</v>
      </c>
      <c r="CV29" s="74">
        <v>123</v>
      </c>
      <c r="CW29" s="127">
        <v>2</v>
      </c>
      <c r="CX29" s="83">
        <v>2</v>
      </c>
      <c r="CY29" s="84">
        <v>4</v>
      </c>
      <c r="CZ29" s="271"/>
      <c r="DA29" s="83">
        <v>2</v>
      </c>
      <c r="DB29" s="83">
        <v>3</v>
      </c>
      <c r="DC29" s="83">
        <v>1</v>
      </c>
      <c r="DD29" s="83">
        <v>4</v>
      </c>
      <c r="DE29" s="83">
        <v>4</v>
      </c>
      <c r="DF29" s="85">
        <v>14</v>
      </c>
      <c r="DG29" s="86">
        <v>18</v>
      </c>
      <c r="DH29" s="71">
        <v>0</v>
      </c>
      <c r="DI29" s="72">
        <v>0</v>
      </c>
      <c r="DJ29" s="73">
        <v>0</v>
      </c>
      <c r="DK29" s="271"/>
      <c r="DL29" s="72">
        <v>0</v>
      </c>
      <c r="DM29" s="72">
        <v>0</v>
      </c>
      <c r="DN29" s="72">
        <v>0</v>
      </c>
      <c r="DO29" s="72">
        <v>0</v>
      </c>
      <c r="DP29" s="72">
        <v>0</v>
      </c>
      <c r="DQ29" s="73">
        <v>0</v>
      </c>
      <c r="DR29" s="74">
        <v>0</v>
      </c>
      <c r="DS29" s="71">
        <v>0</v>
      </c>
      <c r="DT29" s="72">
        <v>0</v>
      </c>
      <c r="DU29" s="73">
        <v>0</v>
      </c>
      <c r="DV29" s="271"/>
      <c r="DW29" s="72">
        <v>0</v>
      </c>
      <c r="DX29" s="72">
        <v>0</v>
      </c>
      <c r="DY29" s="72">
        <v>0</v>
      </c>
      <c r="DZ29" s="72">
        <v>0</v>
      </c>
      <c r="EA29" s="72">
        <v>0</v>
      </c>
      <c r="EB29" s="73">
        <v>0</v>
      </c>
      <c r="EC29" s="74">
        <v>0</v>
      </c>
      <c r="ED29" s="71">
        <v>0</v>
      </c>
      <c r="EE29" s="72">
        <v>0</v>
      </c>
      <c r="EF29" s="73">
        <v>0</v>
      </c>
      <c r="EG29" s="271"/>
      <c r="EH29" s="72">
        <v>0</v>
      </c>
      <c r="EI29" s="72">
        <v>0</v>
      </c>
      <c r="EJ29" s="72">
        <v>0</v>
      </c>
      <c r="EK29" s="72">
        <v>0</v>
      </c>
      <c r="EL29" s="72">
        <v>0</v>
      </c>
      <c r="EM29" s="73">
        <v>0</v>
      </c>
      <c r="EN29" s="74">
        <v>0</v>
      </c>
      <c r="EO29" s="71">
        <v>0</v>
      </c>
      <c r="EP29" s="72">
        <v>0</v>
      </c>
      <c r="EQ29" s="73">
        <v>0</v>
      </c>
      <c r="ER29" s="271"/>
      <c r="ES29" s="72">
        <v>0</v>
      </c>
      <c r="ET29" s="72">
        <v>1</v>
      </c>
      <c r="EU29" s="72">
        <v>1</v>
      </c>
      <c r="EV29" s="72">
        <v>1</v>
      </c>
      <c r="EW29" s="72">
        <v>0</v>
      </c>
      <c r="EX29" s="73">
        <v>3</v>
      </c>
      <c r="EY29" s="74">
        <v>3</v>
      </c>
      <c r="EZ29" s="71">
        <v>1</v>
      </c>
      <c r="FA29" s="72">
        <v>2</v>
      </c>
      <c r="FB29" s="73">
        <v>3</v>
      </c>
      <c r="FC29" s="271"/>
      <c r="FD29" s="72">
        <v>1</v>
      </c>
      <c r="FE29" s="72">
        <v>1</v>
      </c>
      <c r="FF29" s="72">
        <v>0</v>
      </c>
      <c r="FG29" s="72">
        <v>2</v>
      </c>
      <c r="FH29" s="72">
        <v>1</v>
      </c>
      <c r="FI29" s="73">
        <v>5</v>
      </c>
      <c r="FJ29" s="74">
        <v>8</v>
      </c>
      <c r="FK29" s="71">
        <v>1</v>
      </c>
      <c r="FL29" s="72">
        <v>0</v>
      </c>
      <c r="FM29" s="73">
        <v>1</v>
      </c>
      <c r="FN29" s="271"/>
      <c r="FO29" s="72">
        <v>1</v>
      </c>
      <c r="FP29" s="72">
        <v>1</v>
      </c>
      <c r="FQ29" s="72">
        <v>0</v>
      </c>
      <c r="FR29" s="72">
        <v>1</v>
      </c>
      <c r="FS29" s="72">
        <v>3</v>
      </c>
      <c r="FT29" s="73">
        <v>6</v>
      </c>
      <c r="FU29" s="74">
        <v>7</v>
      </c>
      <c r="FV29" s="71">
        <v>0</v>
      </c>
      <c r="FW29" s="72">
        <v>0</v>
      </c>
      <c r="FX29" s="73">
        <v>0</v>
      </c>
      <c r="FY29" s="271"/>
      <c r="FZ29" s="72">
        <v>0</v>
      </c>
      <c r="GA29" s="72">
        <v>0</v>
      </c>
      <c r="GB29" s="72">
        <v>0</v>
      </c>
      <c r="GC29" s="72">
        <v>0</v>
      </c>
      <c r="GD29" s="72">
        <v>0</v>
      </c>
      <c r="GE29" s="73">
        <v>0</v>
      </c>
      <c r="GF29" s="74">
        <v>0</v>
      </c>
      <c r="GG29" s="71">
        <v>2</v>
      </c>
      <c r="GH29" s="72">
        <v>2</v>
      </c>
      <c r="GI29" s="73">
        <v>4</v>
      </c>
      <c r="GJ29" s="271"/>
      <c r="GK29" s="72">
        <v>2</v>
      </c>
      <c r="GL29" s="72">
        <v>3</v>
      </c>
      <c r="GM29" s="72">
        <v>1</v>
      </c>
      <c r="GN29" s="72">
        <v>4</v>
      </c>
      <c r="GO29" s="72">
        <v>4</v>
      </c>
      <c r="GP29" s="73">
        <v>14</v>
      </c>
      <c r="GQ29" s="74">
        <v>18</v>
      </c>
      <c r="GR29" s="127">
        <v>21</v>
      </c>
      <c r="GS29" s="83">
        <v>16</v>
      </c>
      <c r="GT29" s="84">
        <v>37</v>
      </c>
      <c r="GU29" s="271"/>
      <c r="GV29" s="83">
        <v>25</v>
      </c>
      <c r="GW29" s="83">
        <v>29</v>
      </c>
      <c r="GX29" s="83">
        <v>25</v>
      </c>
      <c r="GY29" s="83">
        <v>16</v>
      </c>
      <c r="GZ29" s="83">
        <v>9</v>
      </c>
      <c r="HA29" s="85">
        <v>104</v>
      </c>
      <c r="HB29" s="86">
        <v>141</v>
      </c>
      <c r="HC29" s="71">
        <v>0</v>
      </c>
      <c r="HD29" s="72">
        <v>0</v>
      </c>
      <c r="HE29" s="73">
        <v>0</v>
      </c>
      <c r="HF29" s="271"/>
      <c r="HG29" s="72">
        <v>0</v>
      </c>
      <c r="HH29" s="72">
        <v>0</v>
      </c>
      <c r="HI29" s="72">
        <v>1</v>
      </c>
      <c r="HJ29" s="72">
        <v>0</v>
      </c>
      <c r="HK29" s="72">
        <v>0</v>
      </c>
      <c r="HL29" s="73">
        <v>1</v>
      </c>
      <c r="HM29" s="74">
        <v>1</v>
      </c>
      <c r="HN29" s="71">
        <v>0</v>
      </c>
      <c r="HO29" s="72">
        <v>0</v>
      </c>
      <c r="HP29" s="73">
        <v>0</v>
      </c>
      <c r="HQ29" s="271"/>
      <c r="HR29" s="72">
        <v>0</v>
      </c>
      <c r="HS29" s="72">
        <v>2</v>
      </c>
      <c r="HT29" s="72">
        <v>0</v>
      </c>
      <c r="HU29" s="72">
        <v>0</v>
      </c>
      <c r="HV29" s="72">
        <v>0</v>
      </c>
      <c r="HW29" s="73">
        <v>2</v>
      </c>
      <c r="HX29" s="74">
        <v>2</v>
      </c>
      <c r="HY29" s="71">
        <v>2</v>
      </c>
      <c r="HZ29" s="72">
        <v>3</v>
      </c>
      <c r="IA29" s="73">
        <v>5</v>
      </c>
      <c r="IB29" s="271"/>
      <c r="IC29" s="72">
        <v>2</v>
      </c>
      <c r="ID29" s="72">
        <v>3</v>
      </c>
      <c r="IE29" s="72">
        <v>2</v>
      </c>
      <c r="IF29" s="72">
        <v>2</v>
      </c>
      <c r="IG29" s="72">
        <v>1</v>
      </c>
      <c r="IH29" s="73">
        <v>10</v>
      </c>
      <c r="II29" s="74">
        <v>15</v>
      </c>
      <c r="IJ29" s="71">
        <v>5</v>
      </c>
      <c r="IK29" s="72">
        <v>3</v>
      </c>
      <c r="IL29" s="73">
        <v>8</v>
      </c>
      <c r="IM29" s="271"/>
      <c r="IN29" s="72">
        <v>4</v>
      </c>
      <c r="IO29" s="72">
        <v>6</v>
      </c>
      <c r="IP29" s="72">
        <v>9</v>
      </c>
      <c r="IQ29" s="72">
        <v>2</v>
      </c>
      <c r="IR29" s="72">
        <v>1</v>
      </c>
      <c r="IS29" s="73">
        <v>22</v>
      </c>
      <c r="IT29" s="74">
        <v>30</v>
      </c>
      <c r="IU29" s="71">
        <v>6</v>
      </c>
      <c r="IV29" s="72">
        <v>5</v>
      </c>
      <c r="IW29" s="73">
        <v>11</v>
      </c>
      <c r="IX29" s="271"/>
      <c r="IY29" s="72">
        <v>8</v>
      </c>
      <c r="IZ29" s="72">
        <v>9</v>
      </c>
      <c r="JA29" s="72">
        <v>8</v>
      </c>
      <c r="JB29" s="72">
        <v>6</v>
      </c>
      <c r="JC29" s="72">
        <v>2</v>
      </c>
      <c r="JD29" s="73">
        <v>33</v>
      </c>
      <c r="JE29" s="74">
        <v>44</v>
      </c>
      <c r="JF29" s="71">
        <v>8</v>
      </c>
      <c r="JG29" s="72">
        <v>5</v>
      </c>
      <c r="JH29" s="73">
        <v>13</v>
      </c>
      <c r="JI29" s="271"/>
      <c r="JJ29" s="72">
        <v>11</v>
      </c>
      <c r="JK29" s="72">
        <v>9</v>
      </c>
      <c r="JL29" s="72">
        <v>5</v>
      </c>
      <c r="JM29" s="72">
        <v>6</v>
      </c>
      <c r="JN29" s="72">
        <v>5</v>
      </c>
      <c r="JO29" s="73">
        <v>36</v>
      </c>
      <c r="JP29" s="74">
        <v>49</v>
      </c>
      <c r="JQ29" s="71">
        <v>0</v>
      </c>
      <c r="JR29" s="72">
        <v>0</v>
      </c>
      <c r="JS29" s="73">
        <v>0</v>
      </c>
      <c r="JT29" s="271"/>
      <c r="JU29" s="72">
        <v>0</v>
      </c>
      <c r="JV29" s="72">
        <v>0</v>
      </c>
      <c r="JW29" s="72">
        <v>0</v>
      </c>
      <c r="JX29" s="72">
        <v>0</v>
      </c>
      <c r="JY29" s="72">
        <v>0</v>
      </c>
      <c r="JZ29" s="73">
        <v>0</v>
      </c>
      <c r="KA29" s="74">
        <v>0</v>
      </c>
      <c r="KB29" s="71">
        <v>21</v>
      </c>
      <c r="KC29" s="72">
        <v>16</v>
      </c>
      <c r="KD29" s="73">
        <v>37</v>
      </c>
      <c r="KE29" s="271"/>
      <c r="KF29" s="72">
        <v>25</v>
      </c>
      <c r="KG29" s="72">
        <v>29</v>
      </c>
      <c r="KH29" s="72">
        <v>25</v>
      </c>
      <c r="KI29" s="72">
        <v>16</v>
      </c>
      <c r="KJ29" s="72">
        <v>9</v>
      </c>
      <c r="KK29" s="73">
        <v>104</v>
      </c>
      <c r="KL29" s="74">
        <v>141</v>
      </c>
    </row>
    <row r="30" spans="1:298" ht="19.5" customHeight="1" x14ac:dyDescent="0.2">
      <c r="A30" s="130" t="s">
        <v>27</v>
      </c>
      <c r="B30" s="353">
        <v>19</v>
      </c>
      <c r="C30" s="83">
        <v>20</v>
      </c>
      <c r="D30" s="84">
        <v>39</v>
      </c>
      <c r="E30" s="271"/>
      <c r="F30" s="83">
        <v>20</v>
      </c>
      <c r="G30" s="83">
        <v>23</v>
      </c>
      <c r="H30" s="83">
        <v>22</v>
      </c>
      <c r="I30" s="83">
        <v>14</v>
      </c>
      <c r="J30" s="83">
        <v>9</v>
      </c>
      <c r="K30" s="85">
        <v>88</v>
      </c>
      <c r="L30" s="86">
        <v>127</v>
      </c>
      <c r="M30" s="71">
        <v>1</v>
      </c>
      <c r="N30" s="72">
        <v>0</v>
      </c>
      <c r="O30" s="73">
        <v>1</v>
      </c>
      <c r="P30" s="274"/>
      <c r="Q30" s="72">
        <v>0</v>
      </c>
      <c r="R30" s="72">
        <v>1</v>
      </c>
      <c r="S30" s="72">
        <v>0</v>
      </c>
      <c r="T30" s="72">
        <v>0</v>
      </c>
      <c r="U30" s="72">
        <v>0</v>
      </c>
      <c r="V30" s="73">
        <v>1</v>
      </c>
      <c r="W30" s="74">
        <v>2</v>
      </c>
      <c r="X30" s="71">
        <v>0</v>
      </c>
      <c r="Y30" s="72">
        <v>1</v>
      </c>
      <c r="Z30" s="73">
        <v>1</v>
      </c>
      <c r="AA30" s="271"/>
      <c r="AB30" s="72">
        <v>1</v>
      </c>
      <c r="AC30" s="72">
        <v>1</v>
      </c>
      <c r="AD30" s="72">
        <v>2</v>
      </c>
      <c r="AE30" s="72">
        <v>1</v>
      </c>
      <c r="AF30" s="72">
        <v>1</v>
      </c>
      <c r="AG30" s="73">
        <v>6</v>
      </c>
      <c r="AH30" s="74">
        <v>7</v>
      </c>
      <c r="AI30" s="71">
        <v>1</v>
      </c>
      <c r="AJ30" s="72">
        <v>1</v>
      </c>
      <c r="AK30" s="73">
        <v>2</v>
      </c>
      <c r="AL30" s="271"/>
      <c r="AM30" s="72">
        <v>2</v>
      </c>
      <c r="AN30" s="72">
        <v>0</v>
      </c>
      <c r="AO30" s="72">
        <v>3</v>
      </c>
      <c r="AP30" s="72">
        <v>2</v>
      </c>
      <c r="AQ30" s="72">
        <v>1</v>
      </c>
      <c r="AR30" s="73">
        <v>8</v>
      </c>
      <c r="AS30" s="74">
        <v>10</v>
      </c>
      <c r="AT30" s="71">
        <v>4</v>
      </c>
      <c r="AU30" s="72">
        <v>2</v>
      </c>
      <c r="AV30" s="73">
        <v>6</v>
      </c>
      <c r="AW30" s="271"/>
      <c r="AX30" s="72">
        <v>6</v>
      </c>
      <c r="AY30" s="72">
        <v>5</v>
      </c>
      <c r="AZ30" s="72">
        <v>4</v>
      </c>
      <c r="BA30" s="72">
        <v>1</v>
      </c>
      <c r="BB30" s="72">
        <v>4</v>
      </c>
      <c r="BC30" s="73">
        <v>20</v>
      </c>
      <c r="BD30" s="74">
        <v>26</v>
      </c>
      <c r="BE30" s="71">
        <v>8</v>
      </c>
      <c r="BF30" s="72">
        <v>9</v>
      </c>
      <c r="BG30" s="73">
        <v>17</v>
      </c>
      <c r="BH30" s="271"/>
      <c r="BI30" s="72">
        <v>4</v>
      </c>
      <c r="BJ30" s="72">
        <v>10</v>
      </c>
      <c r="BK30" s="72">
        <v>6</v>
      </c>
      <c r="BL30" s="72">
        <v>4</v>
      </c>
      <c r="BM30" s="72">
        <v>1</v>
      </c>
      <c r="BN30" s="73">
        <v>25</v>
      </c>
      <c r="BO30" s="74">
        <v>42</v>
      </c>
      <c r="BP30" s="71">
        <v>5</v>
      </c>
      <c r="BQ30" s="72">
        <v>7</v>
      </c>
      <c r="BR30" s="73">
        <v>12</v>
      </c>
      <c r="BS30" s="271"/>
      <c r="BT30" s="72">
        <v>7</v>
      </c>
      <c r="BU30" s="72">
        <v>6</v>
      </c>
      <c r="BV30" s="72">
        <v>7</v>
      </c>
      <c r="BW30" s="72">
        <v>6</v>
      </c>
      <c r="BX30" s="72">
        <v>2</v>
      </c>
      <c r="BY30" s="73">
        <v>28</v>
      </c>
      <c r="BZ30" s="74">
        <v>40</v>
      </c>
      <c r="CA30" s="71">
        <v>0</v>
      </c>
      <c r="CB30" s="72">
        <v>0</v>
      </c>
      <c r="CC30" s="73">
        <v>0</v>
      </c>
      <c r="CD30" s="271"/>
      <c r="CE30" s="72">
        <v>0</v>
      </c>
      <c r="CF30" s="72">
        <v>0</v>
      </c>
      <c r="CG30" s="72">
        <v>0</v>
      </c>
      <c r="CH30" s="72">
        <v>0</v>
      </c>
      <c r="CI30" s="72">
        <v>0</v>
      </c>
      <c r="CJ30" s="73">
        <v>0</v>
      </c>
      <c r="CK30" s="74">
        <v>0</v>
      </c>
      <c r="CL30" s="71">
        <v>19</v>
      </c>
      <c r="CM30" s="72">
        <v>20</v>
      </c>
      <c r="CN30" s="73">
        <v>39</v>
      </c>
      <c r="CO30" s="271"/>
      <c r="CP30" s="72">
        <v>20</v>
      </c>
      <c r="CQ30" s="72">
        <v>23</v>
      </c>
      <c r="CR30" s="72">
        <v>22</v>
      </c>
      <c r="CS30" s="72">
        <v>14</v>
      </c>
      <c r="CT30" s="72">
        <v>9</v>
      </c>
      <c r="CU30" s="73">
        <v>88</v>
      </c>
      <c r="CV30" s="74">
        <v>127</v>
      </c>
      <c r="CW30" s="127">
        <v>4</v>
      </c>
      <c r="CX30" s="83">
        <v>1</v>
      </c>
      <c r="CY30" s="84">
        <v>5</v>
      </c>
      <c r="CZ30" s="271"/>
      <c r="DA30" s="83">
        <v>4</v>
      </c>
      <c r="DB30" s="83">
        <v>2</v>
      </c>
      <c r="DC30" s="83">
        <v>1</v>
      </c>
      <c r="DD30" s="83">
        <v>3</v>
      </c>
      <c r="DE30" s="83">
        <v>1</v>
      </c>
      <c r="DF30" s="85">
        <v>11</v>
      </c>
      <c r="DG30" s="86">
        <v>16</v>
      </c>
      <c r="DH30" s="71">
        <v>0</v>
      </c>
      <c r="DI30" s="72">
        <v>0</v>
      </c>
      <c r="DJ30" s="73">
        <v>0</v>
      </c>
      <c r="DK30" s="271"/>
      <c r="DL30" s="72">
        <v>0</v>
      </c>
      <c r="DM30" s="72">
        <v>0</v>
      </c>
      <c r="DN30" s="72">
        <v>0</v>
      </c>
      <c r="DO30" s="72">
        <v>0</v>
      </c>
      <c r="DP30" s="72">
        <v>0</v>
      </c>
      <c r="DQ30" s="73">
        <v>0</v>
      </c>
      <c r="DR30" s="74">
        <v>0</v>
      </c>
      <c r="DS30" s="71">
        <v>0</v>
      </c>
      <c r="DT30" s="72">
        <v>1</v>
      </c>
      <c r="DU30" s="73">
        <v>1</v>
      </c>
      <c r="DV30" s="271"/>
      <c r="DW30" s="72">
        <v>0</v>
      </c>
      <c r="DX30" s="72">
        <v>0</v>
      </c>
      <c r="DY30" s="72">
        <v>0</v>
      </c>
      <c r="DZ30" s="72">
        <v>0</v>
      </c>
      <c r="EA30" s="72">
        <v>0</v>
      </c>
      <c r="EB30" s="73">
        <v>0</v>
      </c>
      <c r="EC30" s="74">
        <v>1</v>
      </c>
      <c r="ED30" s="71">
        <v>0</v>
      </c>
      <c r="EE30" s="72">
        <v>0</v>
      </c>
      <c r="EF30" s="73">
        <v>0</v>
      </c>
      <c r="EG30" s="271"/>
      <c r="EH30" s="72">
        <v>0</v>
      </c>
      <c r="EI30" s="72">
        <v>0</v>
      </c>
      <c r="EJ30" s="72">
        <v>0</v>
      </c>
      <c r="EK30" s="72">
        <v>0</v>
      </c>
      <c r="EL30" s="72">
        <v>0</v>
      </c>
      <c r="EM30" s="73">
        <v>0</v>
      </c>
      <c r="EN30" s="74">
        <v>0</v>
      </c>
      <c r="EO30" s="71">
        <v>3</v>
      </c>
      <c r="EP30" s="72">
        <v>0</v>
      </c>
      <c r="EQ30" s="73">
        <v>3</v>
      </c>
      <c r="ER30" s="271"/>
      <c r="ES30" s="72">
        <v>0</v>
      </c>
      <c r="ET30" s="72">
        <v>0</v>
      </c>
      <c r="EU30" s="72">
        <v>0</v>
      </c>
      <c r="EV30" s="72">
        <v>0</v>
      </c>
      <c r="EW30" s="72">
        <v>0</v>
      </c>
      <c r="EX30" s="73">
        <v>0</v>
      </c>
      <c r="EY30" s="74">
        <v>3</v>
      </c>
      <c r="EZ30" s="71">
        <v>0</v>
      </c>
      <c r="FA30" s="72">
        <v>0</v>
      </c>
      <c r="FB30" s="73">
        <v>0</v>
      </c>
      <c r="FC30" s="271"/>
      <c r="FD30" s="72">
        <v>3</v>
      </c>
      <c r="FE30" s="72">
        <v>1</v>
      </c>
      <c r="FF30" s="72">
        <v>0</v>
      </c>
      <c r="FG30" s="72">
        <v>1</v>
      </c>
      <c r="FH30" s="72">
        <v>1</v>
      </c>
      <c r="FI30" s="73">
        <v>6</v>
      </c>
      <c r="FJ30" s="74">
        <v>6</v>
      </c>
      <c r="FK30" s="71">
        <v>1</v>
      </c>
      <c r="FL30" s="72">
        <v>0</v>
      </c>
      <c r="FM30" s="73">
        <v>1</v>
      </c>
      <c r="FN30" s="271"/>
      <c r="FO30" s="72">
        <v>1</v>
      </c>
      <c r="FP30" s="72">
        <v>1</v>
      </c>
      <c r="FQ30" s="72">
        <v>1</v>
      </c>
      <c r="FR30" s="72">
        <v>2</v>
      </c>
      <c r="FS30" s="72">
        <v>0</v>
      </c>
      <c r="FT30" s="73">
        <v>5</v>
      </c>
      <c r="FU30" s="74">
        <v>6</v>
      </c>
      <c r="FV30" s="71">
        <v>0</v>
      </c>
      <c r="FW30" s="72">
        <v>0</v>
      </c>
      <c r="FX30" s="73">
        <v>0</v>
      </c>
      <c r="FY30" s="271"/>
      <c r="FZ30" s="72">
        <v>0</v>
      </c>
      <c r="GA30" s="72">
        <v>0</v>
      </c>
      <c r="GB30" s="72">
        <v>0</v>
      </c>
      <c r="GC30" s="72">
        <v>0</v>
      </c>
      <c r="GD30" s="72">
        <v>0</v>
      </c>
      <c r="GE30" s="73">
        <v>0</v>
      </c>
      <c r="GF30" s="74">
        <v>0</v>
      </c>
      <c r="GG30" s="71">
        <v>4</v>
      </c>
      <c r="GH30" s="72">
        <v>1</v>
      </c>
      <c r="GI30" s="73">
        <v>5</v>
      </c>
      <c r="GJ30" s="271"/>
      <c r="GK30" s="72">
        <v>4</v>
      </c>
      <c r="GL30" s="72">
        <v>2</v>
      </c>
      <c r="GM30" s="72">
        <v>1</v>
      </c>
      <c r="GN30" s="72">
        <v>3</v>
      </c>
      <c r="GO30" s="72">
        <v>1</v>
      </c>
      <c r="GP30" s="73">
        <v>11</v>
      </c>
      <c r="GQ30" s="74">
        <v>16</v>
      </c>
      <c r="GR30" s="127">
        <v>23</v>
      </c>
      <c r="GS30" s="83">
        <v>21</v>
      </c>
      <c r="GT30" s="84">
        <v>44</v>
      </c>
      <c r="GU30" s="271"/>
      <c r="GV30" s="83">
        <v>24</v>
      </c>
      <c r="GW30" s="83">
        <v>25</v>
      </c>
      <c r="GX30" s="83">
        <v>23</v>
      </c>
      <c r="GY30" s="83">
        <v>17</v>
      </c>
      <c r="GZ30" s="83">
        <v>10</v>
      </c>
      <c r="HA30" s="85">
        <v>99</v>
      </c>
      <c r="HB30" s="86">
        <v>143</v>
      </c>
      <c r="HC30" s="71">
        <v>1</v>
      </c>
      <c r="HD30" s="72">
        <v>0</v>
      </c>
      <c r="HE30" s="73">
        <v>1</v>
      </c>
      <c r="HF30" s="271"/>
      <c r="HG30" s="72">
        <v>0</v>
      </c>
      <c r="HH30" s="72">
        <v>1</v>
      </c>
      <c r="HI30" s="72">
        <v>0</v>
      </c>
      <c r="HJ30" s="72">
        <v>0</v>
      </c>
      <c r="HK30" s="72">
        <v>0</v>
      </c>
      <c r="HL30" s="73">
        <v>1</v>
      </c>
      <c r="HM30" s="74">
        <v>2</v>
      </c>
      <c r="HN30" s="71">
        <v>0</v>
      </c>
      <c r="HO30" s="72">
        <v>2</v>
      </c>
      <c r="HP30" s="73">
        <v>2</v>
      </c>
      <c r="HQ30" s="271"/>
      <c r="HR30" s="72">
        <v>1</v>
      </c>
      <c r="HS30" s="72">
        <v>1</v>
      </c>
      <c r="HT30" s="72">
        <v>2</v>
      </c>
      <c r="HU30" s="72">
        <v>1</v>
      </c>
      <c r="HV30" s="72">
        <v>1</v>
      </c>
      <c r="HW30" s="73">
        <v>6</v>
      </c>
      <c r="HX30" s="74">
        <v>8</v>
      </c>
      <c r="HY30" s="71">
        <v>1</v>
      </c>
      <c r="HZ30" s="72">
        <v>1</v>
      </c>
      <c r="IA30" s="73">
        <v>2</v>
      </c>
      <c r="IB30" s="271"/>
      <c r="IC30" s="72">
        <v>2</v>
      </c>
      <c r="ID30" s="72">
        <v>0</v>
      </c>
      <c r="IE30" s="72">
        <v>3</v>
      </c>
      <c r="IF30" s="72">
        <v>2</v>
      </c>
      <c r="IG30" s="72">
        <v>1</v>
      </c>
      <c r="IH30" s="73">
        <v>8</v>
      </c>
      <c r="II30" s="74">
        <v>10</v>
      </c>
      <c r="IJ30" s="71">
        <v>7</v>
      </c>
      <c r="IK30" s="72">
        <v>2</v>
      </c>
      <c r="IL30" s="73">
        <v>9</v>
      </c>
      <c r="IM30" s="271"/>
      <c r="IN30" s="72">
        <v>6</v>
      </c>
      <c r="IO30" s="72">
        <v>5</v>
      </c>
      <c r="IP30" s="72">
        <v>4</v>
      </c>
      <c r="IQ30" s="72">
        <v>1</v>
      </c>
      <c r="IR30" s="72">
        <v>4</v>
      </c>
      <c r="IS30" s="73">
        <v>20</v>
      </c>
      <c r="IT30" s="74">
        <v>29</v>
      </c>
      <c r="IU30" s="71">
        <v>8</v>
      </c>
      <c r="IV30" s="72">
        <v>9</v>
      </c>
      <c r="IW30" s="73">
        <v>17</v>
      </c>
      <c r="IX30" s="271"/>
      <c r="IY30" s="72">
        <v>7</v>
      </c>
      <c r="IZ30" s="72">
        <v>11</v>
      </c>
      <c r="JA30" s="72">
        <v>6</v>
      </c>
      <c r="JB30" s="72">
        <v>5</v>
      </c>
      <c r="JC30" s="72">
        <v>2</v>
      </c>
      <c r="JD30" s="73">
        <v>31</v>
      </c>
      <c r="JE30" s="74">
        <v>48</v>
      </c>
      <c r="JF30" s="71">
        <v>6</v>
      </c>
      <c r="JG30" s="72">
        <v>7</v>
      </c>
      <c r="JH30" s="73">
        <v>13</v>
      </c>
      <c r="JI30" s="271"/>
      <c r="JJ30" s="72">
        <v>8</v>
      </c>
      <c r="JK30" s="72">
        <v>7</v>
      </c>
      <c r="JL30" s="72">
        <v>8</v>
      </c>
      <c r="JM30" s="72">
        <v>8</v>
      </c>
      <c r="JN30" s="72">
        <v>2</v>
      </c>
      <c r="JO30" s="73">
        <v>33</v>
      </c>
      <c r="JP30" s="74">
        <v>46</v>
      </c>
      <c r="JQ30" s="71">
        <v>0</v>
      </c>
      <c r="JR30" s="72">
        <v>0</v>
      </c>
      <c r="JS30" s="73">
        <v>0</v>
      </c>
      <c r="JT30" s="271"/>
      <c r="JU30" s="72">
        <v>0</v>
      </c>
      <c r="JV30" s="72">
        <v>0</v>
      </c>
      <c r="JW30" s="72">
        <v>0</v>
      </c>
      <c r="JX30" s="72">
        <v>0</v>
      </c>
      <c r="JY30" s="72">
        <v>0</v>
      </c>
      <c r="JZ30" s="73">
        <v>0</v>
      </c>
      <c r="KA30" s="74">
        <v>0</v>
      </c>
      <c r="KB30" s="71">
        <v>23</v>
      </c>
      <c r="KC30" s="72">
        <v>21</v>
      </c>
      <c r="KD30" s="73">
        <v>44</v>
      </c>
      <c r="KE30" s="271"/>
      <c r="KF30" s="72">
        <v>24</v>
      </c>
      <c r="KG30" s="72">
        <v>25</v>
      </c>
      <c r="KH30" s="72">
        <v>23</v>
      </c>
      <c r="KI30" s="72">
        <v>17</v>
      </c>
      <c r="KJ30" s="72">
        <v>10</v>
      </c>
      <c r="KK30" s="73">
        <v>99</v>
      </c>
      <c r="KL30" s="74">
        <v>143</v>
      </c>
    </row>
    <row r="31" spans="1:298" ht="19.5" customHeight="1" x14ac:dyDescent="0.2">
      <c r="A31" s="130" t="s">
        <v>28</v>
      </c>
      <c r="B31" s="353">
        <v>3</v>
      </c>
      <c r="C31" s="83">
        <v>3</v>
      </c>
      <c r="D31" s="84">
        <v>6</v>
      </c>
      <c r="E31" s="271"/>
      <c r="F31" s="83">
        <v>7</v>
      </c>
      <c r="G31" s="83">
        <v>6</v>
      </c>
      <c r="H31" s="83">
        <v>2</v>
      </c>
      <c r="I31" s="83">
        <v>2</v>
      </c>
      <c r="J31" s="83">
        <v>0</v>
      </c>
      <c r="K31" s="85">
        <v>17</v>
      </c>
      <c r="L31" s="86">
        <v>23</v>
      </c>
      <c r="M31" s="71">
        <v>0</v>
      </c>
      <c r="N31" s="72">
        <v>0</v>
      </c>
      <c r="O31" s="73">
        <v>0</v>
      </c>
      <c r="P31" s="274"/>
      <c r="Q31" s="72">
        <v>0</v>
      </c>
      <c r="R31" s="72">
        <v>0</v>
      </c>
      <c r="S31" s="72">
        <v>0</v>
      </c>
      <c r="T31" s="72">
        <v>0</v>
      </c>
      <c r="U31" s="72">
        <v>0</v>
      </c>
      <c r="V31" s="73">
        <v>0</v>
      </c>
      <c r="W31" s="74">
        <v>0</v>
      </c>
      <c r="X31" s="71">
        <v>0</v>
      </c>
      <c r="Y31" s="72">
        <v>1</v>
      </c>
      <c r="Z31" s="73">
        <v>1</v>
      </c>
      <c r="AA31" s="271"/>
      <c r="AB31" s="72">
        <v>0</v>
      </c>
      <c r="AC31" s="72">
        <v>1</v>
      </c>
      <c r="AD31" s="72">
        <v>0</v>
      </c>
      <c r="AE31" s="72">
        <v>0</v>
      </c>
      <c r="AF31" s="72">
        <v>0</v>
      </c>
      <c r="AG31" s="73">
        <v>1</v>
      </c>
      <c r="AH31" s="74">
        <v>2</v>
      </c>
      <c r="AI31" s="71">
        <v>1</v>
      </c>
      <c r="AJ31" s="72">
        <v>0</v>
      </c>
      <c r="AK31" s="73">
        <v>1</v>
      </c>
      <c r="AL31" s="271"/>
      <c r="AM31" s="72">
        <v>0</v>
      </c>
      <c r="AN31" s="72">
        <v>1</v>
      </c>
      <c r="AO31" s="72">
        <v>0</v>
      </c>
      <c r="AP31" s="72">
        <v>0</v>
      </c>
      <c r="AQ31" s="72">
        <v>0</v>
      </c>
      <c r="AR31" s="73">
        <v>1</v>
      </c>
      <c r="AS31" s="74">
        <v>2</v>
      </c>
      <c r="AT31" s="71">
        <v>1</v>
      </c>
      <c r="AU31" s="72">
        <v>1</v>
      </c>
      <c r="AV31" s="73">
        <v>2</v>
      </c>
      <c r="AW31" s="271"/>
      <c r="AX31" s="72">
        <v>2</v>
      </c>
      <c r="AY31" s="72">
        <v>3</v>
      </c>
      <c r="AZ31" s="72">
        <v>0</v>
      </c>
      <c r="BA31" s="72">
        <v>1</v>
      </c>
      <c r="BB31" s="72">
        <v>0</v>
      </c>
      <c r="BC31" s="73">
        <v>6</v>
      </c>
      <c r="BD31" s="74">
        <v>8</v>
      </c>
      <c r="BE31" s="71">
        <v>1</v>
      </c>
      <c r="BF31" s="72">
        <v>1</v>
      </c>
      <c r="BG31" s="73">
        <v>2</v>
      </c>
      <c r="BH31" s="271"/>
      <c r="BI31" s="72">
        <v>5</v>
      </c>
      <c r="BJ31" s="72">
        <v>0</v>
      </c>
      <c r="BK31" s="72">
        <v>0</v>
      </c>
      <c r="BL31" s="72">
        <v>1</v>
      </c>
      <c r="BM31" s="72">
        <v>0</v>
      </c>
      <c r="BN31" s="73">
        <v>6</v>
      </c>
      <c r="BO31" s="74">
        <v>8</v>
      </c>
      <c r="BP31" s="71">
        <v>0</v>
      </c>
      <c r="BQ31" s="72">
        <v>0</v>
      </c>
      <c r="BR31" s="73">
        <v>0</v>
      </c>
      <c r="BS31" s="271"/>
      <c r="BT31" s="72">
        <v>0</v>
      </c>
      <c r="BU31" s="72">
        <v>1</v>
      </c>
      <c r="BV31" s="72">
        <v>2</v>
      </c>
      <c r="BW31" s="72">
        <v>0</v>
      </c>
      <c r="BX31" s="72">
        <v>0</v>
      </c>
      <c r="BY31" s="73">
        <v>3</v>
      </c>
      <c r="BZ31" s="74">
        <v>3</v>
      </c>
      <c r="CA31" s="71">
        <v>0</v>
      </c>
      <c r="CB31" s="72">
        <v>0</v>
      </c>
      <c r="CC31" s="73">
        <v>0</v>
      </c>
      <c r="CD31" s="271"/>
      <c r="CE31" s="72">
        <v>0</v>
      </c>
      <c r="CF31" s="72">
        <v>0</v>
      </c>
      <c r="CG31" s="72">
        <v>0</v>
      </c>
      <c r="CH31" s="72">
        <v>0</v>
      </c>
      <c r="CI31" s="72">
        <v>0</v>
      </c>
      <c r="CJ31" s="73">
        <v>0</v>
      </c>
      <c r="CK31" s="74">
        <v>0</v>
      </c>
      <c r="CL31" s="71">
        <v>3</v>
      </c>
      <c r="CM31" s="72">
        <v>3</v>
      </c>
      <c r="CN31" s="73">
        <v>6</v>
      </c>
      <c r="CO31" s="271"/>
      <c r="CP31" s="72">
        <v>7</v>
      </c>
      <c r="CQ31" s="72">
        <v>6</v>
      </c>
      <c r="CR31" s="72">
        <v>2</v>
      </c>
      <c r="CS31" s="72">
        <v>2</v>
      </c>
      <c r="CT31" s="72">
        <v>0</v>
      </c>
      <c r="CU31" s="73">
        <v>17</v>
      </c>
      <c r="CV31" s="74">
        <v>23</v>
      </c>
      <c r="CW31" s="127">
        <v>1</v>
      </c>
      <c r="CX31" s="83">
        <v>0</v>
      </c>
      <c r="CY31" s="84">
        <v>1</v>
      </c>
      <c r="CZ31" s="271"/>
      <c r="DA31" s="83">
        <v>1</v>
      </c>
      <c r="DB31" s="83">
        <v>2</v>
      </c>
      <c r="DC31" s="83">
        <v>1</v>
      </c>
      <c r="DD31" s="83">
        <v>0</v>
      </c>
      <c r="DE31" s="83">
        <v>0</v>
      </c>
      <c r="DF31" s="85">
        <v>4</v>
      </c>
      <c r="DG31" s="86">
        <v>5</v>
      </c>
      <c r="DH31" s="71">
        <v>0</v>
      </c>
      <c r="DI31" s="72">
        <v>0</v>
      </c>
      <c r="DJ31" s="73">
        <v>0</v>
      </c>
      <c r="DK31" s="271"/>
      <c r="DL31" s="72">
        <v>0</v>
      </c>
      <c r="DM31" s="72">
        <v>0</v>
      </c>
      <c r="DN31" s="72">
        <v>0</v>
      </c>
      <c r="DO31" s="72">
        <v>0</v>
      </c>
      <c r="DP31" s="72">
        <v>0</v>
      </c>
      <c r="DQ31" s="73">
        <v>0</v>
      </c>
      <c r="DR31" s="74">
        <v>0</v>
      </c>
      <c r="DS31" s="71">
        <v>0</v>
      </c>
      <c r="DT31" s="72">
        <v>0</v>
      </c>
      <c r="DU31" s="73">
        <v>0</v>
      </c>
      <c r="DV31" s="271"/>
      <c r="DW31" s="72">
        <v>0</v>
      </c>
      <c r="DX31" s="72">
        <v>0</v>
      </c>
      <c r="DY31" s="72">
        <v>0</v>
      </c>
      <c r="DZ31" s="72">
        <v>0</v>
      </c>
      <c r="EA31" s="72">
        <v>0</v>
      </c>
      <c r="EB31" s="73">
        <v>0</v>
      </c>
      <c r="EC31" s="74">
        <v>0</v>
      </c>
      <c r="ED31" s="71">
        <v>1</v>
      </c>
      <c r="EE31" s="72">
        <v>0</v>
      </c>
      <c r="EF31" s="73">
        <v>1</v>
      </c>
      <c r="EG31" s="271"/>
      <c r="EH31" s="72">
        <v>0</v>
      </c>
      <c r="EI31" s="72">
        <v>0</v>
      </c>
      <c r="EJ31" s="72">
        <v>0</v>
      </c>
      <c r="EK31" s="72">
        <v>0</v>
      </c>
      <c r="EL31" s="72">
        <v>0</v>
      </c>
      <c r="EM31" s="73">
        <v>0</v>
      </c>
      <c r="EN31" s="74">
        <v>1</v>
      </c>
      <c r="EO31" s="71">
        <v>0</v>
      </c>
      <c r="EP31" s="72">
        <v>0</v>
      </c>
      <c r="EQ31" s="73">
        <v>0</v>
      </c>
      <c r="ER31" s="271"/>
      <c r="ES31" s="72">
        <v>0</v>
      </c>
      <c r="ET31" s="72">
        <v>1</v>
      </c>
      <c r="EU31" s="72">
        <v>1</v>
      </c>
      <c r="EV31" s="72">
        <v>0</v>
      </c>
      <c r="EW31" s="72">
        <v>0</v>
      </c>
      <c r="EX31" s="73">
        <v>2</v>
      </c>
      <c r="EY31" s="74">
        <v>2</v>
      </c>
      <c r="EZ31" s="71">
        <v>0</v>
      </c>
      <c r="FA31" s="72">
        <v>0</v>
      </c>
      <c r="FB31" s="73">
        <v>0</v>
      </c>
      <c r="FC31" s="271"/>
      <c r="FD31" s="72">
        <v>0</v>
      </c>
      <c r="FE31" s="72">
        <v>0</v>
      </c>
      <c r="FF31" s="72">
        <v>0</v>
      </c>
      <c r="FG31" s="72">
        <v>0</v>
      </c>
      <c r="FH31" s="72">
        <v>0</v>
      </c>
      <c r="FI31" s="73">
        <v>0</v>
      </c>
      <c r="FJ31" s="74">
        <v>0</v>
      </c>
      <c r="FK31" s="71">
        <v>0</v>
      </c>
      <c r="FL31" s="72">
        <v>0</v>
      </c>
      <c r="FM31" s="73">
        <v>0</v>
      </c>
      <c r="FN31" s="271"/>
      <c r="FO31" s="72">
        <v>1</v>
      </c>
      <c r="FP31" s="72">
        <v>1</v>
      </c>
      <c r="FQ31" s="72">
        <v>0</v>
      </c>
      <c r="FR31" s="72">
        <v>0</v>
      </c>
      <c r="FS31" s="72">
        <v>0</v>
      </c>
      <c r="FT31" s="73">
        <v>2</v>
      </c>
      <c r="FU31" s="74">
        <v>2</v>
      </c>
      <c r="FV31" s="71">
        <v>0</v>
      </c>
      <c r="FW31" s="72">
        <v>0</v>
      </c>
      <c r="FX31" s="73">
        <v>0</v>
      </c>
      <c r="FY31" s="271"/>
      <c r="FZ31" s="72">
        <v>0</v>
      </c>
      <c r="GA31" s="72">
        <v>0</v>
      </c>
      <c r="GB31" s="72">
        <v>0</v>
      </c>
      <c r="GC31" s="72">
        <v>0</v>
      </c>
      <c r="GD31" s="72">
        <v>0</v>
      </c>
      <c r="GE31" s="73">
        <v>0</v>
      </c>
      <c r="GF31" s="74">
        <v>0</v>
      </c>
      <c r="GG31" s="71">
        <v>1</v>
      </c>
      <c r="GH31" s="72">
        <v>0</v>
      </c>
      <c r="GI31" s="73">
        <v>1</v>
      </c>
      <c r="GJ31" s="271"/>
      <c r="GK31" s="72">
        <v>1</v>
      </c>
      <c r="GL31" s="72">
        <v>2</v>
      </c>
      <c r="GM31" s="72">
        <v>1</v>
      </c>
      <c r="GN31" s="72">
        <v>0</v>
      </c>
      <c r="GO31" s="72">
        <v>0</v>
      </c>
      <c r="GP31" s="73">
        <v>4</v>
      </c>
      <c r="GQ31" s="74">
        <v>5</v>
      </c>
      <c r="GR31" s="127">
        <v>4</v>
      </c>
      <c r="GS31" s="83">
        <v>3</v>
      </c>
      <c r="GT31" s="84">
        <v>7</v>
      </c>
      <c r="GU31" s="271"/>
      <c r="GV31" s="83">
        <v>8</v>
      </c>
      <c r="GW31" s="83">
        <v>8</v>
      </c>
      <c r="GX31" s="83">
        <v>3</v>
      </c>
      <c r="GY31" s="83">
        <v>2</v>
      </c>
      <c r="GZ31" s="83">
        <v>0</v>
      </c>
      <c r="HA31" s="85">
        <v>21</v>
      </c>
      <c r="HB31" s="86">
        <v>28</v>
      </c>
      <c r="HC31" s="71">
        <v>0</v>
      </c>
      <c r="HD31" s="72">
        <v>0</v>
      </c>
      <c r="HE31" s="73">
        <v>0</v>
      </c>
      <c r="HF31" s="271"/>
      <c r="HG31" s="72">
        <v>0</v>
      </c>
      <c r="HH31" s="72">
        <v>0</v>
      </c>
      <c r="HI31" s="72">
        <v>0</v>
      </c>
      <c r="HJ31" s="72">
        <v>0</v>
      </c>
      <c r="HK31" s="72">
        <v>0</v>
      </c>
      <c r="HL31" s="73">
        <v>0</v>
      </c>
      <c r="HM31" s="74">
        <v>0</v>
      </c>
      <c r="HN31" s="71">
        <v>0</v>
      </c>
      <c r="HO31" s="72">
        <v>1</v>
      </c>
      <c r="HP31" s="73">
        <v>1</v>
      </c>
      <c r="HQ31" s="271"/>
      <c r="HR31" s="72">
        <v>0</v>
      </c>
      <c r="HS31" s="72">
        <v>1</v>
      </c>
      <c r="HT31" s="72">
        <v>0</v>
      </c>
      <c r="HU31" s="72">
        <v>0</v>
      </c>
      <c r="HV31" s="72">
        <v>0</v>
      </c>
      <c r="HW31" s="73">
        <v>1</v>
      </c>
      <c r="HX31" s="74">
        <v>2</v>
      </c>
      <c r="HY31" s="71">
        <v>2</v>
      </c>
      <c r="HZ31" s="72">
        <v>0</v>
      </c>
      <c r="IA31" s="73">
        <v>2</v>
      </c>
      <c r="IB31" s="271"/>
      <c r="IC31" s="72">
        <v>0</v>
      </c>
      <c r="ID31" s="72">
        <v>1</v>
      </c>
      <c r="IE31" s="72">
        <v>0</v>
      </c>
      <c r="IF31" s="72">
        <v>0</v>
      </c>
      <c r="IG31" s="72">
        <v>0</v>
      </c>
      <c r="IH31" s="73">
        <v>1</v>
      </c>
      <c r="II31" s="74">
        <v>3</v>
      </c>
      <c r="IJ31" s="71">
        <v>1</v>
      </c>
      <c r="IK31" s="72">
        <v>1</v>
      </c>
      <c r="IL31" s="73">
        <v>2</v>
      </c>
      <c r="IM31" s="271"/>
      <c r="IN31" s="72">
        <v>2</v>
      </c>
      <c r="IO31" s="72">
        <v>4</v>
      </c>
      <c r="IP31" s="72">
        <v>1</v>
      </c>
      <c r="IQ31" s="72">
        <v>1</v>
      </c>
      <c r="IR31" s="72">
        <v>0</v>
      </c>
      <c r="IS31" s="73">
        <v>8</v>
      </c>
      <c r="IT31" s="74">
        <v>10</v>
      </c>
      <c r="IU31" s="71">
        <v>1</v>
      </c>
      <c r="IV31" s="72">
        <v>1</v>
      </c>
      <c r="IW31" s="73">
        <v>2</v>
      </c>
      <c r="IX31" s="271"/>
      <c r="IY31" s="72">
        <v>5</v>
      </c>
      <c r="IZ31" s="72">
        <v>0</v>
      </c>
      <c r="JA31" s="72">
        <v>0</v>
      </c>
      <c r="JB31" s="72">
        <v>1</v>
      </c>
      <c r="JC31" s="72">
        <v>0</v>
      </c>
      <c r="JD31" s="73">
        <v>6</v>
      </c>
      <c r="JE31" s="74">
        <v>8</v>
      </c>
      <c r="JF31" s="71">
        <v>0</v>
      </c>
      <c r="JG31" s="72">
        <v>0</v>
      </c>
      <c r="JH31" s="73">
        <v>0</v>
      </c>
      <c r="JI31" s="271"/>
      <c r="JJ31" s="72">
        <v>1</v>
      </c>
      <c r="JK31" s="72">
        <v>2</v>
      </c>
      <c r="JL31" s="72">
        <v>2</v>
      </c>
      <c r="JM31" s="72">
        <v>0</v>
      </c>
      <c r="JN31" s="72">
        <v>0</v>
      </c>
      <c r="JO31" s="73">
        <v>5</v>
      </c>
      <c r="JP31" s="74">
        <v>5</v>
      </c>
      <c r="JQ31" s="71">
        <v>0</v>
      </c>
      <c r="JR31" s="72">
        <v>0</v>
      </c>
      <c r="JS31" s="73">
        <v>0</v>
      </c>
      <c r="JT31" s="271"/>
      <c r="JU31" s="72">
        <v>0</v>
      </c>
      <c r="JV31" s="72">
        <v>0</v>
      </c>
      <c r="JW31" s="72">
        <v>0</v>
      </c>
      <c r="JX31" s="72">
        <v>0</v>
      </c>
      <c r="JY31" s="72">
        <v>0</v>
      </c>
      <c r="JZ31" s="73">
        <v>0</v>
      </c>
      <c r="KA31" s="74">
        <v>0</v>
      </c>
      <c r="KB31" s="71">
        <v>4</v>
      </c>
      <c r="KC31" s="72">
        <v>3</v>
      </c>
      <c r="KD31" s="73">
        <v>7</v>
      </c>
      <c r="KE31" s="271"/>
      <c r="KF31" s="72">
        <v>8</v>
      </c>
      <c r="KG31" s="72">
        <v>8</v>
      </c>
      <c r="KH31" s="72">
        <v>3</v>
      </c>
      <c r="KI31" s="72">
        <v>2</v>
      </c>
      <c r="KJ31" s="72">
        <v>0</v>
      </c>
      <c r="KK31" s="73">
        <v>21</v>
      </c>
      <c r="KL31" s="74">
        <v>28</v>
      </c>
    </row>
    <row r="32" spans="1:298" ht="19.5" customHeight="1" x14ac:dyDescent="0.2">
      <c r="A32" s="130" t="s">
        <v>29</v>
      </c>
      <c r="B32" s="353">
        <v>4</v>
      </c>
      <c r="C32" s="83">
        <v>3</v>
      </c>
      <c r="D32" s="84">
        <v>7</v>
      </c>
      <c r="E32" s="271"/>
      <c r="F32" s="83">
        <v>3</v>
      </c>
      <c r="G32" s="83">
        <v>8</v>
      </c>
      <c r="H32" s="83">
        <v>2</v>
      </c>
      <c r="I32" s="83">
        <v>3</v>
      </c>
      <c r="J32" s="83">
        <v>4</v>
      </c>
      <c r="K32" s="85">
        <v>20</v>
      </c>
      <c r="L32" s="86">
        <v>27</v>
      </c>
      <c r="M32" s="71">
        <v>0</v>
      </c>
      <c r="N32" s="72">
        <v>0</v>
      </c>
      <c r="O32" s="73">
        <v>0</v>
      </c>
      <c r="P32" s="274"/>
      <c r="Q32" s="72">
        <v>0</v>
      </c>
      <c r="R32" s="72">
        <v>0</v>
      </c>
      <c r="S32" s="72">
        <v>0</v>
      </c>
      <c r="T32" s="72">
        <v>0</v>
      </c>
      <c r="U32" s="72">
        <v>0</v>
      </c>
      <c r="V32" s="73">
        <v>0</v>
      </c>
      <c r="W32" s="74">
        <v>0</v>
      </c>
      <c r="X32" s="71">
        <v>0</v>
      </c>
      <c r="Y32" s="72">
        <v>0</v>
      </c>
      <c r="Z32" s="73">
        <v>0</v>
      </c>
      <c r="AA32" s="271"/>
      <c r="AB32" s="72">
        <v>0</v>
      </c>
      <c r="AC32" s="72">
        <v>0</v>
      </c>
      <c r="AD32" s="72">
        <v>0</v>
      </c>
      <c r="AE32" s="72">
        <v>0</v>
      </c>
      <c r="AF32" s="72">
        <v>0</v>
      </c>
      <c r="AG32" s="73">
        <v>0</v>
      </c>
      <c r="AH32" s="74">
        <v>0</v>
      </c>
      <c r="AI32" s="71">
        <v>3</v>
      </c>
      <c r="AJ32" s="72">
        <v>1</v>
      </c>
      <c r="AK32" s="73">
        <v>4</v>
      </c>
      <c r="AL32" s="271"/>
      <c r="AM32" s="72">
        <v>0</v>
      </c>
      <c r="AN32" s="72">
        <v>2</v>
      </c>
      <c r="AO32" s="72">
        <v>0</v>
      </c>
      <c r="AP32" s="72">
        <v>0</v>
      </c>
      <c r="AQ32" s="72">
        <v>2</v>
      </c>
      <c r="AR32" s="73">
        <v>4</v>
      </c>
      <c r="AS32" s="74">
        <v>8</v>
      </c>
      <c r="AT32" s="71">
        <v>0</v>
      </c>
      <c r="AU32" s="72">
        <v>0</v>
      </c>
      <c r="AV32" s="73">
        <v>0</v>
      </c>
      <c r="AW32" s="271"/>
      <c r="AX32" s="72">
        <v>1</v>
      </c>
      <c r="AY32" s="72">
        <v>3</v>
      </c>
      <c r="AZ32" s="72">
        <v>0</v>
      </c>
      <c r="BA32" s="72">
        <v>1</v>
      </c>
      <c r="BB32" s="72">
        <v>0</v>
      </c>
      <c r="BC32" s="73">
        <v>5</v>
      </c>
      <c r="BD32" s="74">
        <v>5</v>
      </c>
      <c r="BE32" s="71">
        <v>0</v>
      </c>
      <c r="BF32" s="72">
        <v>2</v>
      </c>
      <c r="BG32" s="73">
        <v>2</v>
      </c>
      <c r="BH32" s="271"/>
      <c r="BI32" s="72">
        <v>2</v>
      </c>
      <c r="BJ32" s="72">
        <v>3</v>
      </c>
      <c r="BK32" s="72">
        <v>1</v>
      </c>
      <c r="BL32" s="72">
        <v>1</v>
      </c>
      <c r="BM32" s="72">
        <v>1</v>
      </c>
      <c r="BN32" s="73">
        <v>8</v>
      </c>
      <c r="BO32" s="74">
        <v>10</v>
      </c>
      <c r="BP32" s="71">
        <v>1</v>
      </c>
      <c r="BQ32" s="72">
        <v>0</v>
      </c>
      <c r="BR32" s="73">
        <v>1</v>
      </c>
      <c r="BS32" s="271"/>
      <c r="BT32" s="72">
        <v>0</v>
      </c>
      <c r="BU32" s="72">
        <v>0</v>
      </c>
      <c r="BV32" s="72">
        <v>1</v>
      </c>
      <c r="BW32" s="72">
        <v>1</v>
      </c>
      <c r="BX32" s="72">
        <v>1</v>
      </c>
      <c r="BY32" s="73">
        <v>3</v>
      </c>
      <c r="BZ32" s="74">
        <v>4</v>
      </c>
      <c r="CA32" s="71">
        <v>0</v>
      </c>
      <c r="CB32" s="72">
        <v>0</v>
      </c>
      <c r="CC32" s="73">
        <v>0</v>
      </c>
      <c r="CD32" s="271"/>
      <c r="CE32" s="72">
        <v>0</v>
      </c>
      <c r="CF32" s="72">
        <v>0</v>
      </c>
      <c r="CG32" s="72">
        <v>0</v>
      </c>
      <c r="CH32" s="72">
        <v>0</v>
      </c>
      <c r="CI32" s="72">
        <v>0</v>
      </c>
      <c r="CJ32" s="73">
        <v>0</v>
      </c>
      <c r="CK32" s="74">
        <v>0</v>
      </c>
      <c r="CL32" s="71">
        <v>4</v>
      </c>
      <c r="CM32" s="72">
        <v>3</v>
      </c>
      <c r="CN32" s="73">
        <v>7</v>
      </c>
      <c r="CO32" s="271"/>
      <c r="CP32" s="72">
        <v>3</v>
      </c>
      <c r="CQ32" s="72">
        <v>8</v>
      </c>
      <c r="CR32" s="72">
        <v>2</v>
      </c>
      <c r="CS32" s="72">
        <v>3</v>
      </c>
      <c r="CT32" s="72">
        <v>4</v>
      </c>
      <c r="CU32" s="73">
        <v>20</v>
      </c>
      <c r="CV32" s="74">
        <v>27</v>
      </c>
      <c r="CW32" s="127">
        <v>1</v>
      </c>
      <c r="CX32" s="83">
        <v>0</v>
      </c>
      <c r="CY32" s="84">
        <v>1</v>
      </c>
      <c r="CZ32" s="271"/>
      <c r="DA32" s="83">
        <v>3</v>
      </c>
      <c r="DB32" s="83">
        <v>2</v>
      </c>
      <c r="DC32" s="83">
        <v>0</v>
      </c>
      <c r="DD32" s="83">
        <v>1</v>
      </c>
      <c r="DE32" s="83">
        <v>0</v>
      </c>
      <c r="DF32" s="85">
        <v>6</v>
      </c>
      <c r="DG32" s="86">
        <v>7</v>
      </c>
      <c r="DH32" s="71">
        <v>0</v>
      </c>
      <c r="DI32" s="72">
        <v>0</v>
      </c>
      <c r="DJ32" s="73">
        <v>0</v>
      </c>
      <c r="DK32" s="271"/>
      <c r="DL32" s="72">
        <v>0</v>
      </c>
      <c r="DM32" s="72">
        <v>0</v>
      </c>
      <c r="DN32" s="72">
        <v>0</v>
      </c>
      <c r="DO32" s="72">
        <v>0</v>
      </c>
      <c r="DP32" s="72">
        <v>0</v>
      </c>
      <c r="DQ32" s="73">
        <v>0</v>
      </c>
      <c r="DR32" s="74">
        <v>0</v>
      </c>
      <c r="DS32" s="71">
        <v>0</v>
      </c>
      <c r="DT32" s="72">
        <v>0</v>
      </c>
      <c r="DU32" s="73">
        <v>0</v>
      </c>
      <c r="DV32" s="271"/>
      <c r="DW32" s="72">
        <v>0</v>
      </c>
      <c r="DX32" s="72">
        <v>0</v>
      </c>
      <c r="DY32" s="72">
        <v>0</v>
      </c>
      <c r="DZ32" s="72">
        <v>0</v>
      </c>
      <c r="EA32" s="72">
        <v>0</v>
      </c>
      <c r="EB32" s="73">
        <v>0</v>
      </c>
      <c r="EC32" s="74">
        <v>0</v>
      </c>
      <c r="ED32" s="71">
        <v>0</v>
      </c>
      <c r="EE32" s="72">
        <v>0</v>
      </c>
      <c r="EF32" s="73">
        <v>0</v>
      </c>
      <c r="EG32" s="271"/>
      <c r="EH32" s="72">
        <v>0</v>
      </c>
      <c r="EI32" s="72">
        <v>1</v>
      </c>
      <c r="EJ32" s="72">
        <v>0</v>
      </c>
      <c r="EK32" s="72">
        <v>0</v>
      </c>
      <c r="EL32" s="72">
        <v>0</v>
      </c>
      <c r="EM32" s="73">
        <v>1</v>
      </c>
      <c r="EN32" s="74">
        <v>1</v>
      </c>
      <c r="EO32" s="71">
        <v>0</v>
      </c>
      <c r="EP32" s="72">
        <v>0</v>
      </c>
      <c r="EQ32" s="73">
        <v>0</v>
      </c>
      <c r="ER32" s="271"/>
      <c r="ES32" s="72">
        <v>1</v>
      </c>
      <c r="ET32" s="72">
        <v>0</v>
      </c>
      <c r="EU32" s="72">
        <v>0</v>
      </c>
      <c r="EV32" s="72">
        <v>0</v>
      </c>
      <c r="EW32" s="72">
        <v>0</v>
      </c>
      <c r="EX32" s="73">
        <v>1</v>
      </c>
      <c r="EY32" s="74">
        <v>1</v>
      </c>
      <c r="EZ32" s="71">
        <v>1</v>
      </c>
      <c r="FA32" s="72">
        <v>0</v>
      </c>
      <c r="FB32" s="73">
        <v>1</v>
      </c>
      <c r="FC32" s="271"/>
      <c r="FD32" s="72">
        <v>1</v>
      </c>
      <c r="FE32" s="72">
        <v>0</v>
      </c>
      <c r="FF32" s="72">
        <v>0</v>
      </c>
      <c r="FG32" s="72">
        <v>1</v>
      </c>
      <c r="FH32" s="72">
        <v>0</v>
      </c>
      <c r="FI32" s="73">
        <v>2</v>
      </c>
      <c r="FJ32" s="74">
        <v>3</v>
      </c>
      <c r="FK32" s="71">
        <v>0</v>
      </c>
      <c r="FL32" s="72">
        <v>0</v>
      </c>
      <c r="FM32" s="73">
        <v>0</v>
      </c>
      <c r="FN32" s="271"/>
      <c r="FO32" s="72">
        <v>1</v>
      </c>
      <c r="FP32" s="72">
        <v>1</v>
      </c>
      <c r="FQ32" s="72">
        <v>0</v>
      </c>
      <c r="FR32" s="72">
        <v>0</v>
      </c>
      <c r="FS32" s="72">
        <v>0</v>
      </c>
      <c r="FT32" s="73">
        <v>2</v>
      </c>
      <c r="FU32" s="74">
        <v>2</v>
      </c>
      <c r="FV32" s="71">
        <v>0</v>
      </c>
      <c r="FW32" s="72">
        <v>0</v>
      </c>
      <c r="FX32" s="73">
        <v>0</v>
      </c>
      <c r="FY32" s="271"/>
      <c r="FZ32" s="72">
        <v>0</v>
      </c>
      <c r="GA32" s="72">
        <v>0</v>
      </c>
      <c r="GB32" s="72">
        <v>0</v>
      </c>
      <c r="GC32" s="72">
        <v>0</v>
      </c>
      <c r="GD32" s="72">
        <v>0</v>
      </c>
      <c r="GE32" s="73">
        <v>0</v>
      </c>
      <c r="GF32" s="74">
        <v>0</v>
      </c>
      <c r="GG32" s="71">
        <v>1</v>
      </c>
      <c r="GH32" s="72">
        <v>0</v>
      </c>
      <c r="GI32" s="73">
        <v>1</v>
      </c>
      <c r="GJ32" s="271"/>
      <c r="GK32" s="72">
        <v>3</v>
      </c>
      <c r="GL32" s="72">
        <v>2</v>
      </c>
      <c r="GM32" s="72">
        <v>0</v>
      </c>
      <c r="GN32" s="72">
        <v>1</v>
      </c>
      <c r="GO32" s="72">
        <v>0</v>
      </c>
      <c r="GP32" s="73">
        <v>6</v>
      </c>
      <c r="GQ32" s="74">
        <v>7</v>
      </c>
      <c r="GR32" s="127">
        <v>5</v>
      </c>
      <c r="GS32" s="83">
        <v>3</v>
      </c>
      <c r="GT32" s="84">
        <v>8</v>
      </c>
      <c r="GU32" s="271"/>
      <c r="GV32" s="83">
        <v>6</v>
      </c>
      <c r="GW32" s="83">
        <v>10</v>
      </c>
      <c r="GX32" s="83">
        <v>2</v>
      </c>
      <c r="GY32" s="83">
        <v>4</v>
      </c>
      <c r="GZ32" s="83">
        <v>4</v>
      </c>
      <c r="HA32" s="85">
        <v>26</v>
      </c>
      <c r="HB32" s="86">
        <v>34</v>
      </c>
      <c r="HC32" s="71">
        <v>0</v>
      </c>
      <c r="HD32" s="72">
        <v>0</v>
      </c>
      <c r="HE32" s="73">
        <v>0</v>
      </c>
      <c r="HF32" s="271"/>
      <c r="HG32" s="72">
        <v>0</v>
      </c>
      <c r="HH32" s="72">
        <v>0</v>
      </c>
      <c r="HI32" s="72">
        <v>0</v>
      </c>
      <c r="HJ32" s="72">
        <v>0</v>
      </c>
      <c r="HK32" s="72">
        <v>0</v>
      </c>
      <c r="HL32" s="73">
        <v>0</v>
      </c>
      <c r="HM32" s="74">
        <v>0</v>
      </c>
      <c r="HN32" s="71">
        <v>0</v>
      </c>
      <c r="HO32" s="72">
        <v>0</v>
      </c>
      <c r="HP32" s="73">
        <v>0</v>
      </c>
      <c r="HQ32" s="271"/>
      <c r="HR32" s="72">
        <v>0</v>
      </c>
      <c r="HS32" s="72">
        <v>0</v>
      </c>
      <c r="HT32" s="72">
        <v>0</v>
      </c>
      <c r="HU32" s="72">
        <v>0</v>
      </c>
      <c r="HV32" s="72">
        <v>0</v>
      </c>
      <c r="HW32" s="73">
        <v>0</v>
      </c>
      <c r="HX32" s="74">
        <v>0</v>
      </c>
      <c r="HY32" s="71">
        <v>3</v>
      </c>
      <c r="HZ32" s="72">
        <v>1</v>
      </c>
      <c r="IA32" s="73">
        <v>4</v>
      </c>
      <c r="IB32" s="271"/>
      <c r="IC32" s="72">
        <v>0</v>
      </c>
      <c r="ID32" s="72">
        <v>3</v>
      </c>
      <c r="IE32" s="72">
        <v>0</v>
      </c>
      <c r="IF32" s="72">
        <v>0</v>
      </c>
      <c r="IG32" s="72">
        <v>2</v>
      </c>
      <c r="IH32" s="73">
        <v>5</v>
      </c>
      <c r="II32" s="74">
        <v>9</v>
      </c>
      <c r="IJ32" s="71">
        <v>0</v>
      </c>
      <c r="IK32" s="72">
        <v>0</v>
      </c>
      <c r="IL32" s="73">
        <v>0</v>
      </c>
      <c r="IM32" s="271"/>
      <c r="IN32" s="72">
        <v>2</v>
      </c>
      <c r="IO32" s="72">
        <v>3</v>
      </c>
      <c r="IP32" s="72">
        <v>0</v>
      </c>
      <c r="IQ32" s="72">
        <v>1</v>
      </c>
      <c r="IR32" s="72">
        <v>0</v>
      </c>
      <c r="IS32" s="73">
        <v>6</v>
      </c>
      <c r="IT32" s="74">
        <v>6</v>
      </c>
      <c r="IU32" s="71">
        <v>1</v>
      </c>
      <c r="IV32" s="72">
        <v>2</v>
      </c>
      <c r="IW32" s="73">
        <v>3</v>
      </c>
      <c r="IX32" s="271"/>
      <c r="IY32" s="72">
        <v>3</v>
      </c>
      <c r="IZ32" s="72">
        <v>3</v>
      </c>
      <c r="JA32" s="72">
        <v>1</v>
      </c>
      <c r="JB32" s="72">
        <v>2</v>
      </c>
      <c r="JC32" s="72">
        <v>1</v>
      </c>
      <c r="JD32" s="73">
        <v>10</v>
      </c>
      <c r="JE32" s="74">
        <v>13</v>
      </c>
      <c r="JF32" s="71">
        <v>1</v>
      </c>
      <c r="JG32" s="72">
        <v>0</v>
      </c>
      <c r="JH32" s="73">
        <v>1</v>
      </c>
      <c r="JI32" s="271"/>
      <c r="JJ32" s="72">
        <v>1</v>
      </c>
      <c r="JK32" s="72">
        <v>1</v>
      </c>
      <c r="JL32" s="72">
        <v>1</v>
      </c>
      <c r="JM32" s="72">
        <v>1</v>
      </c>
      <c r="JN32" s="72">
        <v>1</v>
      </c>
      <c r="JO32" s="73">
        <v>5</v>
      </c>
      <c r="JP32" s="74">
        <v>6</v>
      </c>
      <c r="JQ32" s="71">
        <v>0</v>
      </c>
      <c r="JR32" s="72">
        <v>0</v>
      </c>
      <c r="JS32" s="73">
        <v>0</v>
      </c>
      <c r="JT32" s="271"/>
      <c r="JU32" s="72">
        <v>0</v>
      </c>
      <c r="JV32" s="72">
        <v>0</v>
      </c>
      <c r="JW32" s="72">
        <v>0</v>
      </c>
      <c r="JX32" s="72">
        <v>0</v>
      </c>
      <c r="JY32" s="72">
        <v>0</v>
      </c>
      <c r="JZ32" s="73">
        <v>0</v>
      </c>
      <c r="KA32" s="74">
        <v>0</v>
      </c>
      <c r="KB32" s="71">
        <v>5</v>
      </c>
      <c r="KC32" s="72">
        <v>3</v>
      </c>
      <c r="KD32" s="73">
        <v>8</v>
      </c>
      <c r="KE32" s="271"/>
      <c r="KF32" s="72">
        <v>6</v>
      </c>
      <c r="KG32" s="72">
        <v>10</v>
      </c>
      <c r="KH32" s="72">
        <v>2</v>
      </c>
      <c r="KI32" s="72">
        <v>4</v>
      </c>
      <c r="KJ32" s="72">
        <v>4</v>
      </c>
      <c r="KK32" s="73">
        <v>26</v>
      </c>
      <c r="KL32" s="74">
        <v>34</v>
      </c>
    </row>
    <row r="33" spans="1:298" ht="19.5" customHeight="1" x14ac:dyDescent="0.2">
      <c r="A33" s="130" t="s">
        <v>30</v>
      </c>
      <c r="B33" s="353">
        <v>3</v>
      </c>
      <c r="C33" s="83">
        <v>2</v>
      </c>
      <c r="D33" s="84">
        <v>5</v>
      </c>
      <c r="E33" s="271"/>
      <c r="F33" s="83">
        <v>5</v>
      </c>
      <c r="G33" s="83">
        <v>6</v>
      </c>
      <c r="H33" s="83">
        <v>5</v>
      </c>
      <c r="I33" s="83">
        <v>5</v>
      </c>
      <c r="J33" s="83">
        <v>1</v>
      </c>
      <c r="K33" s="85">
        <v>22</v>
      </c>
      <c r="L33" s="86">
        <v>27</v>
      </c>
      <c r="M33" s="71">
        <v>0</v>
      </c>
      <c r="N33" s="72">
        <v>0</v>
      </c>
      <c r="O33" s="73">
        <v>0</v>
      </c>
      <c r="P33" s="274"/>
      <c r="Q33" s="72">
        <v>0</v>
      </c>
      <c r="R33" s="72">
        <v>0</v>
      </c>
      <c r="S33" s="72">
        <v>0</v>
      </c>
      <c r="T33" s="72">
        <v>0</v>
      </c>
      <c r="U33" s="72">
        <v>0</v>
      </c>
      <c r="V33" s="73">
        <v>0</v>
      </c>
      <c r="W33" s="74">
        <v>0</v>
      </c>
      <c r="X33" s="71">
        <v>0</v>
      </c>
      <c r="Y33" s="72">
        <v>1</v>
      </c>
      <c r="Z33" s="73">
        <v>1</v>
      </c>
      <c r="AA33" s="271"/>
      <c r="AB33" s="72">
        <v>0</v>
      </c>
      <c r="AC33" s="72">
        <v>0</v>
      </c>
      <c r="AD33" s="72">
        <v>0</v>
      </c>
      <c r="AE33" s="72">
        <v>0</v>
      </c>
      <c r="AF33" s="72">
        <v>0</v>
      </c>
      <c r="AG33" s="73">
        <v>0</v>
      </c>
      <c r="AH33" s="74">
        <v>1</v>
      </c>
      <c r="AI33" s="71">
        <v>0</v>
      </c>
      <c r="AJ33" s="72">
        <v>1</v>
      </c>
      <c r="AK33" s="73">
        <v>1</v>
      </c>
      <c r="AL33" s="271"/>
      <c r="AM33" s="72">
        <v>0</v>
      </c>
      <c r="AN33" s="72">
        <v>0</v>
      </c>
      <c r="AO33" s="72">
        <v>2</v>
      </c>
      <c r="AP33" s="72">
        <v>1</v>
      </c>
      <c r="AQ33" s="72">
        <v>0</v>
      </c>
      <c r="AR33" s="73">
        <v>3</v>
      </c>
      <c r="AS33" s="74">
        <v>4</v>
      </c>
      <c r="AT33" s="71">
        <v>0</v>
      </c>
      <c r="AU33" s="72">
        <v>0</v>
      </c>
      <c r="AV33" s="73">
        <v>0</v>
      </c>
      <c r="AW33" s="271"/>
      <c r="AX33" s="72">
        <v>0</v>
      </c>
      <c r="AY33" s="72">
        <v>1</v>
      </c>
      <c r="AZ33" s="72">
        <v>2</v>
      </c>
      <c r="BA33" s="72">
        <v>0</v>
      </c>
      <c r="BB33" s="72">
        <v>0</v>
      </c>
      <c r="BC33" s="73">
        <v>3</v>
      </c>
      <c r="BD33" s="74">
        <v>3</v>
      </c>
      <c r="BE33" s="71">
        <v>3</v>
      </c>
      <c r="BF33" s="72">
        <v>0</v>
      </c>
      <c r="BG33" s="73">
        <v>3</v>
      </c>
      <c r="BH33" s="271"/>
      <c r="BI33" s="72">
        <v>2</v>
      </c>
      <c r="BJ33" s="72">
        <v>2</v>
      </c>
      <c r="BK33" s="72">
        <v>1</v>
      </c>
      <c r="BL33" s="72">
        <v>0</v>
      </c>
      <c r="BM33" s="72">
        <v>0</v>
      </c>
      <c r="BN33" s="73">
        <v>5</v>
      </c>
      <c r="BO33" s="74">
        <v>8</v>
      </c>
      <c r="BP33" s="71">
        <v>0</v>
      </c>
      <c r="BQ33" s="72">
        <v>0</v>
      </c>
      <c r="BR33" s="73">
        <v>0</v>
      </c>
      <c r="BS33" s="271"/>
      <c r="BT33" s="72">
        <v>3</v>
      </c>
      <c r="BU33" s="72">
        <v>3</v>
      </c>
      <c r="BV33" s="72">
        <v>0</v>
      </c>
      <c r="BW33" s="72">
        <v>4</v>
      </c>
      <c r="BX33" s="72">
        <v>1</v>
      </c>
      <c r="BY33" s="73">
        <v>11</v>
      </c>
      <c r="BZ33" s="74">
        <v>11</v>
      </c>
      <c r="CA33" s="71">
        <v>0</v>
      </c>
      <c r="CB33" s="72">
        <v>0</v>
      </c>
      <c r="CC33" s="73">
        <v>0</v>
      </c>
      <c r="CD33" s="271"/>
      <c r="CE33" s="72">
        <v>0</v>
      </c>
      <c r="CF33" s="72">
        <v>0</v>
      </c>
      <c r="CG33" s="72">
        <v>0</v>
      </c>
      <c r="CH33" s="72">
        <v>0</v>
      </c>
      <c r="CI33" s="72">
        <v>0</v>
      </c>
      <c r="CJ33" s="73">
        <v>0</v>
      </c>
      <c r="CK33" s="74">
        <v>0</v>
      </c>
      <c r="CL33" s="71">
        <v>3</v>
      </c>
      <c r="CM33" s="72">
        <v>2</v>
      </c>
      <c r="CN33" s="73">
        <v>5</v>
      </c>
      <c r="CO33" s="271"/>
      <c r="CP33" s="72">
        <v>5</v>
      </c>
      <c r="CQ33" s="72">
        <v>6</v>
      </c>
      <c r="CR33" s="72">
        <v>5</v>
      </c>
      <c r="CS33" s="72">
        <v>5</v>
      </c>
      <c r="CT33" s="72">
        <v>1</v>
      </c>
      <c r="CU33" s="73">
        <v>22</v>
      </c>
      <c r="CV33" s="74">
        <v>27</v>
      </c>
      <c r="CW33" s="127">
        <v>2</v>
      </c>
      <c r="CX33" s="83">
        <v>0</v>
      </c>
      <c r="CY33" s="84">
        <v>2</v>
      </c>
      <c r="CZ33" s="271"/>
      <c r="DA33" s="83">
        <v>2</v>
      </c>
      <c r="DB33" s="83">
        <v>0</v>
      </c>
      <c r="DC33" s="83">
        <v>2</v>
      </c>
      <c r="DD33" s="83">
        <v>3</v>
      </c>
      <c r="DE33" s="83">
        <v>0</v>
      </c>
      <c r="DF33" s="85">
        <v>7</v>
      </c>
      <c r="DG33" s="86">
        <v>9</v>
      </c>
      <c r="DH33" s="71">
        <v>0</v>
      </c>
      <c r="DI33" s="72">
        <v>0</v>
      </c>
      <c r="DJ33" s="73">
        <v>0</v>
      </c>
      <c r="DK33" s="271"/>
      <c r="DL33" s="72">
        <v>0</v>
      </c>
      <c r="DM33" s="72">
        <v>0</v>
      </c>
      <c r="DN33" s="72">
        <v>0</v>
      </c>
      <c r="DO33" s="72">
        <v>0</v>
      </c>
      <c r="DP33" s="72">
        <v>0</v>
      </c>
      <c r="DQ33" s="73">
        <v>0</v>
      </c>
      <c r="DR33" s="74">
        <v>0</v>
      </c>
      <c r="DS33" s="71">
        <v>1</v>
      </c>
      <c r="DT33" s="72">
        <v>0</v>
      </c>
      <c r="DU33" s="73">
        <v>1</v>
      </c>
      <c r="DV33" s="271"/>
      <c r="DW33" s="72">
        <v>0</v>
      </c>
      <c r="DX33" s="72">
        <v>0</v>
      </c>
      <c r="DY33" s="72">
        <v>0</v>
      </c>
      <c r="DZ33" s="72">
        <v>0</v>
      </c>
      <c r="EA33" s="72">
        <v>0</v>
      </c>
      <c r="EB33" s="73">
        <v>0</v>
      </c>
      <c r="EC33" s="74">
        <v>1</v>
      </c>
      <c r="ED33" s="71">
        <v>1</v>
      </c>
      <c r="EE33" s="72">
        <v>0</v>
      </c>
      <c r="EF33" s="73">
        <v>1</v>
      </c>
      <c r="EG33" s="271"/>
      <c r="EH33" s="72">
        <v>0</v>
      </c>
      <c r="EI33" s="72">
        <v>0</v>
      </c>
      <c r="EJ33" s="72">
        <v>0</v>
      </c>
      <c r="EK33" s="72">
        <v>0</v>
      </c>
      <c r="EL33" s="72">
        <v>0</v>
      </c>
      <c r="EM33" s="73">
        <v>0</v>
      </c>
      <c r="EN33" s="74">
        <v>1</v>
      </c>
      <c r="EO33" s="71">
        <v>0</v>
      </c>
      <c r="EP33" s="72">
        <v>0</v>
      </c>
      <c r="EQ33" s="73">
        <v>0</v>
      </c>
      <c r="ER33" s="271"/>
      <c r="ES33" s="72">
        <v>1</v>
      </c>
      <c r="ET33" s="72">
        <v>0</v>
      </c>
      <c r="EU33" s="72">
        <v>0</v>
      </c>
      <c r="EV33" s="72">
        <v>0</v>
      </c>
      <c r="EW33" s="72">
        <v>0</v>
      </c>
      <c r="EX33" s="73">
        <v>1</v>
      </c>
      <c r="EY33" s="74">
        <v>1</v>
      </c>
      <c r="EZ33" s="71">
        <v>0</v>
      </c>
      <c r="FA33" s="72">
        <v>0</v>
      </c>
      <c r="FB33" s="73">
        <v>0</v>
      </c>
      <c r="FC33" s="271"/>
      <c r="FD33" s="72">
        <v>1</v>
      </c>
      <c r="FE33" s="72">
        <v>0</v>
      </c>
      <c r="FF33" s="72">
        <v>0</v>
      </c>
      <c r="FG33" s="72">
        <v>2</v>
      </c>
      <c r="FH33" s="72">
        <v>0</v>
      </c>
      <c r="FI33" s="73">
        <v>3</v>
      </c>
      <c r="FJ33" s="74">
        <v>3</v>
      </c>
      <c r="FK33" s="71">
        <v>0</v>
      </c>
      <c r="FL33" s="72">
        <v>0</v>
      </c>
      <c r="FM33" s="73">
        <v>0</v>
      </c>
      <c r="FN33" s="271"/>
      <c r="FO33" s="72">
        <v>0</v>
      </c>
      <c r="FP33" s="72">
        <v>0</v>
      </c>
      <c r="FQ33" s="72">
        <v>2</v>
      </c>
      <c r="FR33" s="72">
        <v>1</v>
      </c>
      <c r="FS33" s="72">
        <v>0</v>
      </c>
      <c r="FT33" s="73">
        <v>3</v>
      </c>
      <c r="FU33" s="74">
        <v>3</v>
      </c>
      <c r="FV33" s="71">
        <v>0</v>
      </c>
      <c r="FW33" s="72">
        <v>0</v>
      </c>
      <c r="FX33" s="73">
        <v>0</v>
      </c>
      <c r="FY33" s="271"/>
      <c r="FZ33" s="72">
        <v>0</v>
      </c>
      <c r="GA33" s="72">
        <v>0</v>
      </c>
      <c r="GB33" s="72">
        <v>0</v>
      </c>
      <c r="GC33" s="72">
        <v>0</v>
      </c>
      <c r="GD33" s="72">
        <v>0</v>
      </c>
      <c r="GE33" s="73">
        <v>0</v>
      </c>
      <c r="GF33" s="74">
        <v>0</v>
      </c>
      <c r="GG33" s="71">
        <v>2</v>
      </c>
      <c r="GH33" s="72">
        <v>0</v>
      </c>
      <c r="GI33" s="73">
        <v>2</v>
      </c>
      <c r="GJ33" s="271"/>
      <c r="GK33" s="72">
        <v>2</v>
      </c>
      <c r="GL33" s="72">
        <v>0</v>
      </c>
      <c r="GM33" s="72">
        <v>2</v>
      </c>
      <c r="GN33" s="72">
        <v>3</v>
      </c>
      <c r="GO33" s="72">
        <v>0</v>
      </c>
      <c r="GP33" s="73">
        <v>7</v>
      </c>
      <c r="GQ33" s="74">
        <v>9</v>
      </c>
      <c r="GR33" s="127">
        <v>5</v>
      </c>
      <c r="GS33" s="83">
        <v>2</v>
      </c>
      <c r="GT33" s="84">
        <v>7</v>
      </c>
      <c r="GU33" s="271"/>
      <c r="GV33" s="83">
        <v>7</v>
      </c>
      <c r="GW33" s="83">
        <v>6</v>
      </c>
      <c r="GX33" s="83">
        <v>7</v>
      </c>
      <c r="GY33" s="83">
        <v>8</v>
      </c>
      <c r="GZ33" s="83">
        <v>1</v>
      </c>
      <c r="HA33" s="85">
        <v>29</v>
      </c>
      <c r="HB33" s="86">
        <v>36</v>
      </c>
      <c r="HC33" s="71">
        <v>0</v>
      </c>
      <c r="HD33" s="72">
        <v>0</v>
      </c>
      <c r="HE33" s="73">
        <v>0</v>
      </c>
      <c r="HF33" s="271"/>
      <c r="HG33" s="72">
        <v>0</v>
      </c>
      <c r="HH33" s="72">
        <v>0</v>
      </c>
      <c r="HI33" s="72">
        <v>0</v>
      </c>
      <c r="HJ33" s="72">
        <v>0</v>
      </c>
      <c r="HK33" s="72">
        <v>0</v>
      </c>
      <c r="HL33" s="73">
        <v>0</v>
      </c>
      <c r="HM33" s="74">
        <v>0</v>
      </c>
      <c r="HN33" s="71">
        <v>1</v>
      </c>
      <c r="HO33" s="72">
        <v>1</v>
      </c>
      <c r="HP33" s="73">
        <v>2</v>
      </c>
      <c r="HQ33" s="271"/>
      <c r="HR33" s="72">
        <v>0</v>
      </c>
      <c r="HS33" s="72">
        <v>0</v>
      </c>
      <c r="HT33" s="72">
        <v>0</v>
      </c>
      <c r="HU33" s="72">
        <v>0</v>
      </c>
      <c r="HV33" s="72">
        <v>0</v>
      </c>
      <c r="HW33" s="73">
        <v>0</v>
      </c>
      <c r="HX33" s="74">
        <v>2</v>
      </c>
      <c r="HY33" s="71">
        <v>1</v>
      </c>
      <c r="HZ33" s="72">
        <v>1</v>
      </c>
      <c r="IA33" s="73">
        <v>2</v>
      </c>
      <c r="IB33" s="271"/>
      <c r="IC33" s="72">
        <v>0</v>
      </c>
      <c r="ID33" s="72">
        <v>0</v>
      </c>
      <c r="IE33" s="72">
        <v>2</v>
      </c>
      <c r="IF33" s="72">
        <v>1</v>
      </c>
      <c r="IG33" s="72">
        <v>0</v>
      </c>
      <c r="IH33" s="73">
        <v>3</v>
      </c>
      <c r="II33" s="74">
        <v>5</v>
      </c>
      <c r="IJ33" s="71">
        <v>0</v>
      </c>
      <c r="IK33" s="72">
        <v>0</v>
      </c>
      <c r="IL33" s="73">
        <v>0</v>
      </c>
      <c r="IM33" s="271"/>
      <c r="IN33" s="72">
        <v>1</v>
      </c>
      <c r="IO33" s="72">
        <v>1</v>
      </c>
      <c r="IP33" s="72">
        <v>2</v>
      </c>
      <c r="IQ33" s="72">
        <v>0</v>
      </c>
      <c r="IR33" s="72">
        <v>0</v>
      </c>
      <c r="IS33" s="73">
        <v>4</v>
      </c>
      <c r="IT33" s="74">
        <v>4</v>
      </c>
      <c r="IU33" s="71">
        <v>3</v>
      </c>
      <c r="IV33" s="72">
        <v>0</v>
      </c>
      <c r="IW33" s="73">
        <v>3</v>
      </c>
      <c r="IX33" s="271"/>
      <c r="IY33" s="72">
        <v>3</v>
      </c>
      <c r="IZ33" s="72">
        <v>2</v>
      </c>
      <c r="JA33" s="72">
        <v>1</v>
      </c>
      <c r="JB33" s="72">
        <v>2</v>
      </c>
      <c r="JC33" s="72">
        <v>0</v>
      </c>
      <c r="JD33" s="73">
        <v>8</v>
      </c>
      <c r="JE33" s="74">
        <v>11</v>
      </c>
      <c r="JF33" s="71">
        <v>0</v>
      </c>
      <c r="JG33" s="72">
        <v>0</v>
      </c>
      <c r="JH33" s="73">
        <v>0</v>
      </c>
      <c r="JI33" s="271"/>
      <c r="JJ33" s="72">
        <v>3</v>
      </c>
      <c r="JK33" s="72">
        <v>3</v>
      </c>
      <c r="JL33" s="72">
        <v>2</v>
      </c>
      <c r="JM33" s="72">
        <v>5</v>
      </c>
      <c r="JN33" s="72">
        <v>1</v>
      </c>
      <c r="JO33" s="73">
        <v>14</v>
      </c>
      <c r="JP33" s="74">
        <v>14</v>
      </c>
      <c r="JQ33" s="71">
        <v>0</v>
      </c>
      <c r="JR33" s="72">
        <v>0</v>
      </c>
      <c r="JS33" s="73">
        <v>0</v>
      </c>
      <c r="JT33" s="271"/>
      <c r="JU33" s="72">
        <v>0</v>
      </c>
      <c r="JV33" s="72">
        <v>0</v>
      </c>
      <c r="JW33" s="72">
        <v>0</v>
      </c>
      <c r="JX33" s="72">
        <v>0</v>
      </c>
      <c r="JY33" s="72">
        <v>0</v>
      </c>
      <c r="JZ33" s="73">
        <v>0</v>
      </c>
      <c r="KA33" s="74">
        <v>0</v>
      </c>
      <c r="KB33" s="71">
        <v>5</v>
      </c>
      <c r="KC33" s="72">
        <v>2</v>
      </c>
      <c r="KD33" s="73">
        <v>7</v>
      </c>
      <c r="KE33" s="271"/>
      <c r="KF33" s="72">
        <v>7</v>
      </c>
      <c r="KG33" s="72">
        <v>6</v>
      </c>
      <c r="KH33" s="72">
        <v>7</v>
      </c>
      <c r="KI33" s="72">
        <v>8</v>
      </c>
      <c r="KJ33" s="72">
        <v>1</v>
      </c>
      <c r="KK33" s="73">
        <v>29</v>
      </c>
      <c r="KL33" s="74">
        <v>36</v>
      </c>
    </row>
    <row r="34" spans="1:298" ht="19.5" customHeight="1" x14ac:dyDescent="0.2">
      <c r="A34" s="130" t="s">
        <v>31</v>
      </c>
      <c r="B34" s="353">
        <v>3</v>
      </c>
      <c r="C34" s="83">
        <v>7</v>
      </c>
      <c r="D34" s="84">
        <v>10</v>
      </c>
      <c r="E34" s="271"/>
      <c r="F34" s="83">
        <v>9</v>
      </c>
      <c r="G34" s="83">
        <v>15</v>
      </c>
      <c r="H34" s="83">
        <v>4</v>
      </c>
      <c r="I34" s="83">
        <v>3</v>
      </c>
      <c r="J34" s="83">
        <v>1</v>
      </c>
      <c r="K34" s="85">
        <v>32</v>
      </c>
      <c r="L34" s="86">
        <v>42</v>
      </c>
      <c r="M34" s="71">
        <v>0</v>
      </c>
      <c r="N34" s="72">
        <v>0</v>
      </c>
      <c r="O34" s="73">
        <v>0</v>
      </c>
      <c r="P34" s="274"/>
      <c r="Q34" s="72">
        <v>0</v>
      </c>
      <c r="R34" s="72">
        <v>0</v>
      </c>
      <c r="S34" s="72">
        <v>0</v>
      </c>
      <c r="T34" s="72">
        <v>0</v>
      </c>
      <c r="U34" s="72">
        <v>0</v>
      </c>
      <c r="V34" s="73">
        <v>0</v>
      </c>
      <c r="W34" s="74">
        <v>0</v>
      </c>
      <c r="X34" s="71">
        <v>0</v>
      </c>
      <c r="Y34" s="72">
        <v>1</v>
      </c>
      <c r="Z34" s="73">
        <v>1</v>
      </c>
      <c r="AA34" s="271"/>
      <c r="AB34" s="72">
        <v>0</v>
      </c>
      <c r="AC34" s="72">
        <v>0</v>
      </c>
      <c r="AD34" s="72">
        <v>0</v>
      </c>
      <c r="AE34" s="72">
        <v>0</v>
      </c>
      <c r="AF34" s="72">
        <v>0</v>
      </c>
      <c r="AG34" s="73">
        <v>0</v>
      </c>
      <c r="AH34" s="74">
        <v>1</v>
      </c>
      <c r="AI34" s="71">
        <v>0</v>
      </c>
      <c r="AJ34" s="72">
        <v>0</v>
      </c>
      <c r="AK34" s="73">
        <v>0</v>
      </c>
      <c r="AL34" s="271"/>
      <c r="AM34" s="72">
        <v>2</v>
      </c>
      <c r="AN34" s="72">
        <v>1</v>
      </c>
      <c r="AO34" s="72">
        <v>0</v>
      </c>
      <c r="AP34" s="72">
        <v>0</v>
      </c>
      <c r="AQ34" s="72">
        <v>0</v>
      </c>
      <c r="AR34" s="73">
        <v>3</v>
      </c>
      <c r="AS34" s="74">
        <v>3</v>
      </c>
      <c r="AT34" s="71">
        <v>0</v>
      </c>
      <c r="AU34" s="72">
        <v>0</v>
      </c>
      <c r="AV34" s="73">
        <v>0</v>
      </c>
      <c r="AW34" s="271"/>
      <c r="AX34" s="72">
        <v>3</v>
      </c>
      <c r="AY34" s="72">
        <v>4</v>
      </c>
      <c r="AZ34" s="72">
        <v>1</v>
      </c>
      <c r="BA34" s="72">
        <v>0</v>
      </c>
      <c r="BB34" s="72">
        <v>0</v>
      </c>
      <c r="BC34" s="73">
        <v>8</v>
      </c>
      <c r="BD34" s="74">
        <v>8</v>
      </c>
      <c r="BE34" s="71">
        <v>1</v>
      </c>
      <c r="BF34" s="72">
        <v>2</v>
      </c>
      <c r="BG34" s="73">
        <v>3</v>
      </c>
      <c r="BH34" s="271"/>
      <c r="BI34" s="72">
        <v>0</v>
      </c>
      <c r="BJ34" s="72">
        <v>5</v>
      </c>
      <c r="BK34" s="72">
        <v>0</v>
      </c>
      <c r="BL34" s="72">
        <v>1</v>
      </c>
      <c r="BM34" s="72">
        <v>0</v>
      </c>
      <c r="BN34" s="73">
        <v>6</v>
      </c>
      <c r="BO34" s="74">
        <v>9</v>
      </c>
      <c r="BP34" s="71">
        <v>2</v>
      </c>
      <c r="BQ34" s="72">
        <v>4</v>
      </c>
      <c r="BR34" s="73">
        <v>6</v>
      </c>
      <c r="BS34" s="271"/>
      <c r="BT34" s="72">
        <v>4</v>
      </c>
      <c r="BU34" s="72">
        <v>5</v>
      </c>
      <c r="BV34" s="72">
        <v>3</v>
      </c>
      <c r="BW34" s="72">
        <v>2</v>
      </c>
      <c r="BX34" s="72">
        <v>1</v>
      </c>
      <c r="BY34" s="73">
        <v>15</v>
      </c>
      <c r="BZ34" s="74">
        <v>21</v>
      </c>
      <c r="CA34" s="71">
        <v>0</v>
      </c>
      <c r="CB34" s="72">
        <v>0</v>
      </c>
      <c r="CC34" s="73">
        <v>0</v>
      </c>
      <c r="CD34" s="271"/>
      <c r="CE34" s="72">
        <v>0</v>
      </c>
      <c r="CF34" s="72">
        <v>0</v>
      </c>
      <c r="CG34" s="72">
        <v>0</v>
      </c>
      <c r="CH34" s="72">
        <v>0</v>
      </c>
      <c r="CI34" s="72">
        <v>0</v>
      </c>
      <c r="CJ34" s="73">
        <v>0</v>
      </c>
      <c r="CK34" s="74">
        <v>0</v>
      </c>
      <c r="CL34" s="71">
        <v>3</v>
      </c>
      <c r="CM34" s="72">
        <v>7</v>
      </c>
      <c r="CN34" s="73">
        <v>10</v>
      </c>
      <c r="CO34" s="271"/>
      <c r="CP34" s="72">
        <v>9</v>
      </c>
      <c r="CQ34" s="72">
        <v>15</v>
      </c>
      <c r="CR34" s="72">
        <v>4</v>
      </c>
      <c r="CS34" s="72">
        <v>3</v>
      </c>
      <c r="CT34" s="72">
        <v>1</v>
      </c>
      <c r="CU34" s="73">
        <v>32</v>
      </c>
      <c r="CV34" s="74">
        <v>42</v>
      </c>
      <c r="CW34" s="127">
        <v>1</v>
      </c>
      <c r="CX34" s="83">
        <v>1</v>
      </c>
      <c r="CY34" s="84">
        <v>2</v>
      </c>
      <c r="CZ34" s="271"/>
      <c r="DA34" s="83">
        <v>2</v>
      </c>
      <c r="DB34" s="83">
        <v>3</v>
      </c>
      <c r="DC34" s="83">
        <v>1</v>
      </c>
      <c r="DD34" s="83">
        <v>0</v>
      </c>
      <c r="DE34" s="83">
        <v>0</v>
      </c>
      <c r="DF34" s="85">
        <v>6</v>
      </c>
      <c r="DG34" s="86">
        <v>8</v>
      </c>
      <c r="DH34" s="71">
        <v>0</v>
      </c>
      <c r="DI34" s="72">
        <v>0</v>
      </c>
      <c r="DJ34" s="73">
        <v>0</v>
      </c>
      <c r="DK34" s="271"/>
      <c r="DL34" s="72">
        <v>0</v>
      </c>
      <c r="DM34" s="72">
        <v>0</v>
      </c>
      <c r="DN34" s="72">
        <v>0</v>
      </c>
      <c r="DO34" s="72">
        <v>0</v>
      </c>
      <c r="DP34" s="72">
        <v>0</v>
      </c>
      <c r="DQ34" s="73">
        <v>0</v>
      </c>
      <c r="DR34" s="74">
        <v>0</v>
      </c>
      <c r="DS34" s="71">
        <v>1</v>
      </c>
      <c r="DT34" s="72">
        <v>0</v>
      </c>
      <c r="DU34" s="73">
        <v>1</v>
      </c>
      <c r="DV34" s="271"/>
      <c r="DW34" s="72">
        <v>0</v>
      </c>
      <c r="DX34" s="72">
        <v>0</v>
      </c>
      <c r="DY34" s="72">
        <v>0</v>
      </c>
      <c r="DZ34" s="72">
        <v>0</v>
      </c>
      <c r="EA34" s="72">
        <v>0</v>
      </c>
      <c r="EB34" s="73">
        <v>0</v>
      </c>
      <c r="EC34" s="74">
        <v>1</v>
      </c>
      <c r="ED34" s="71">
        <v>0</v>
      </c>
      <c r="EE34" s="72">
        <v>0</v>
      </c>
      <c r="EF34" s="73">
        <v>0</v>
      </c>
      <c r="EG34" s="271"/>
      <c r="EH34" s="72">
        <v>0</v>
      </c>
      <c r="EI34" s="72">
        <v>0</v>
      </c>
      <c r="EJ34" s="72">
        <v>0</v>
      </c>
      <c r="EK34" s="72">
        <v>0</v>
      </c>
      <c r="EL34" s="72">
        <v>0</v>
      </c>
      <c r="EM34" s="73">
        <v>0</v>
      </c>
      <c r="EN34" s="74">
        <v>0</v>
      </c>
      <c r="EO34" s="71">
        <v>0</v>
      </c>
      <c r="EP34" s="72">
        <v>0</v>
      </c>
      <c r="EQ34" s="73">
        <v>0</v>
      </c>
      <c r="ER34" s="271"/>
      <c r="ES34" s="72">
        <v>0</v>
      </c>
      <c r="ET34" s="72">
        <v>1</v>
      </c>
      <c r="EU34" s="72">
        <v>0</v>
      </c>
      <c r="EV34" s="72">
        <v>0</v>
      </c>
      <c r="EW34" s="72">
        <v>0</v>
      </c>
      <c r="EX34" s="73">
        <v>1</v>
      </c>
      <c r="EY34" s="74">
        <v>1</v>
      </c>
      <c r="EZ34" s="71">
        <v>0</v>
      </c>
      <c r="FA34" s="72">
        <v>1</v>
      </c>
      <c r="FB34" s="73">
        <v>1</v>
      </c>
      <c r="FC34" s="271"/>
      <c r="FD34" s="72">
        <v>0</v>
      </c>
      <c r="FE34" s="72">
        <v>0</v>
      </c>
      <c r="FF34" s="72">
        <v>0</v>
      </c>
      <c r="FG34" s="72">
        <v>0</v>
      </c>
      <c r="FH34" s="72">
        <v>0</v>
      </c>
      <c r="FI34" s="73">
        <v>0</v>
      </c>
      <c r="FJ34" s="74">
        <v>1</v>
      </c>
      <c r="FK34" s="71">
        <v>0</v>
      </c>
      <c r="FL34" s="72">
        <v>0</v>
      </c>
      <c r="FM34" s="73">
        <v>0</v>
      </c>
      <c r="FN34" s="271"/>
      <c r="FO34" s="72">
        <v>2</v>
      </c>
      <c r="FP34" s="72">
        <v>2</v>
      </c>
      <c r="FQ34" s="72">
        <v>1</v>
      </c>
      <c r="FR34" s="72">
        <v>0</v>
      </c>
      <c r="FS34" s="72">
        <v>0</v>
      </c>
      <c r="FT34" s="73">
        <v>5</v>
      </c>
      <c r="FU34" s="74">
        <v>5</v>
      </c>
      <c r="FV34" s="71">
        <v>0</v>
      </c>
      <c r="FW34" s="72">
        <v>0</v>
      </c>
      <c r="FX34" s="73">
        <v>0</v>
      </c>
      <c r="FY34" s="271"/>
      <c r="FZ34" s="72">
        <v>0</v>
      </c>
      <c r="GA34" s="72">
        <v>0</v>
      </c>
      <c r="GB34" s="72">
        <v>0</v>
      </c>
      <c r="GC34" s="72">
        <v>0</v>
      </c>
      <c r="GD34" s="72">
        <v>0</v>
      </c>
      <c r="GE34" s="73">
        <v>0</v>
      </c>
      <c r="GF34" s="74">
        <v>0</v>
      </c>
      <c r="GG34" s="71">
        <v>1</v>
      </c>
      <c r="GH34" s="72">
        <v>1</v>
      </c>
      <c r="GI34" s="73">
        <v>2</v>
      </c>
      <c r="GJ34" s="271"/>
      <c r="GK34" s="72">
        <v>2</v>
      </c>
      <c r="GL34" s="72">
        <v>3</v>
      </c>
      <c r="GM34" s="72">
        <v>1</v>
      </c>
      <c r="GN34" s="72">
        <v>0</v>
      </c>
      <c r="GO34" s="72">
        <v>0</v>
      </c>
      <c r="GP34" s="73">
        <v>6</v>
      </c>
      <c r="GQ34" s="74">
        <v>8</v>
      </c>
      <c r="GR34" s="127">
        <v>4</v>
      </c>
      <c r="GS34" s="83">
        <v>8</v>
      </c>
      <c r="GT34" s="84">
        <v>12</v>
      </c>
      <c r="GU34" s="271"/>
      <c r="GV34" s="83">
        <v>11</v>
      </c>
      <c r="GW34" s="83">
        <v>18</v>
      </c>
      <c r="GX34" s="83">
        <v>5</v>
      </c>
      <c r="GY34" s="83">
        <v>3</v>
      </c>
      <c r="GZ34" s="83">
        <v>1</v>
      </c>
      <c r="HA34" s="85">
        <v>38</v>
      </c>
      <c r="HB34" s="86">
        <v>50</v>
      </c>
      <c r="HC34" s="71">
        <v>0</v>
      </c>
      <c r="HD34" s="72">
        <v>0</v>
      </c>
      <c r="HE34" s="73">
        <v>0</v>
      </c>
      <c r="HF34" s="271"/>
      <c r="HG34" s="72">
        <v>0</v>
      </c>
      <c r="HH34" s="72">
        <v>0</v>
      </c>
      <c r="HI34" s="72">
        <v>0</v>
      </c>
      <c r="HJ34" s="72">
        <v>0</v>
      </c>
      <c r="HK34" s="72">
        <v>0</v>
      </c>
      <c r="HL34" s="73">
        <v>0</v>
      </c>
      <c r="HM34" s="74">
        <v>0</v>
      </c>
      <c r="HN34" s="71">
        <v>1</v>
      </c>
      <c r="HO34" s="72">
        <v>1</v>
      </c>
      <c r="HP34" s="73">
        <v>2</v>
      </c>
      <c r="HQ34" s="271"/>
      <c r="HR34" s="72">
        <v>0</v>
      </c>
      <c r="HS34" s="72">
        <v>0</v>
      </c>
      <c r="HT34" s="72">
        <v>0</v>
      </c>
      <c r="HU34" s="72">
        <v>0</v>
      </c>
      <c r="HV34" s="72">
        <v>0</v>
      </c>
      <c r="HW34" s="73">
        <v>0</v>
      </c>
      <c r="HX34" s="74">
        <v>2</v>
      </c>
      <c r="HY34" s="71">
        <v>0</v>
      </c>
      <c r="HZ34" s="72">
        <v>0</v>
      </c>
      <c r="IA34" s="73">
        <v>0</v>
      </c>
      <c r="IB34" s="271"/>
      <c r="IC34" s="72">
        <v>2</v>
      </c>
      <c r="ID34" s="72">
        <v>1</v>
      </c>
      <c r="IE34" s="72">
        <v>0</v>
      </c>
      <c r="IF34" s="72">
        <v>0</v>
      </c>
      <c r="IG34" s="72">
        <v>0</v>
      </c>
      <c r="IH34" s="73">
        <v>3</v>
      </c>
      <c r="II34" s="74">
        <v>3</v>
      </c>
      <c r="IJ34" s="71">
        <v>0</v>
      </c>
      <c r="IK34" s="72">
        <v>0</v>
      </c>
      <c r="IL34" s="73">
        <v>0</v>
      </c>
      <c r="IM34" s="271"/>
      <c r="IN34" s="72">
        <v>3</v>
      </c>
      <c r="IO34" s="72">
        <v>5</v>
      </c>
      <c r="IP34" s="72">
        <v>1</v>
      </c>
      <c r="IQ34" s="72">
        <v>0</v>
      </c>
      <c r="IR34" s="72">
        <v>0</v>
      </c>
      <c r="IS34" s="73">
        <v>9</v>
      </c>
      <c r="IT34" s="74">
        <v>9</v>
      </c>
      <c r="IU34" s="71">
        <v>1</v>
      </c>
      <c r="IV34" s="72">
        <v>3</v>
      </c>
      <c r="IW34" s="73">
        <v>4</v>
      </c>
      <c r="IX34" s="271"/>
      <c r="IY34" s="72">
        <v>0</v>
      </c>
      <c r="IZ34" s="72">
        <v>5</v>
      </c>
      <c r="JA34" s="72">
        <v>0</v>
      </c>
      <c r="JB34" s="72">
        <v>1</v>
      </c>
      <c r="JC34" s="72">
        <v>0</v>
      </c>
      <c r="JD34" s="73">
        <v>6</v>
      </c>
      <c r="JE34" s="74">
        <v>10</v>
      </c>
      <c r="JF34" s="71">
        <v>2</v>
      </c>
      <c r="JG34" s="72">
        <v>4</v>
      </c>
      <c r="JH34" s="73">
        <v>6</v>
      </c>
      <c r="JI34" s="271"/>
      <c r="JJ34" s="72">
        <v>6</v>
      </c>
      <c r="JK34" s="72">
        <v>7</v>
      </c>
      <c r="JL34" s="72">
        <v>4</v>
      </c>
      <c r="JM34" s="72">
        <v>2</v>
      </c>
      <c r="JN34" s="72">
        <v>1</v>
      </c>
      <c r="JO34" s="73">
        <v>20</v>
      </c>
      <c r="JP34" s="74">
        <v>26</v>
      </c>
      <c r="JQ34" s="71">
        <v>0</v>
      </c>
      <c r="JR34" s="72">
        <v>0</v>
      </c>
      <c r="JS34" s="73">
        <v>0</v>
      </c>
      <c r="JT34" s="271"/>
      <c r="JU34" s="72">
        <v>0</v>
      </c>
      <c r="JV34" s="72">
        <v>0</v>
      </c>
      <c r="JW34" s="72">
        <v>0</v>
      </c>
      <c r="JX34" s="72">
        <v>0</v>
      </c>
      <c r="JY34" s="72">
        <v>0</v>
      </c>
      <c r="JZ34" s="73">
        <v>0</v>
      </c>
      <c r="KA34" s="74">
        <v>0</v>
      </c>
      <c r="KB34" s="71">
        <v>4</v>
      </c>
      <c r="KC34" s="72">
        <v>8</v>
      </c>
      <c r="KD34" s="73">
        <v>12</v>
      </c>
      <c r="KE34" s="271"/>
      <c r="KF34" s="72">
        <v>11</v>
      </c>
      <c r="KG34" s="72">
        <v>18</v>
      </c>
      <c r="KH34" s="72">
        <v>5</v>
      </c>
      <c r="KI34" s="72">
        <v>3</v>
      </c>
      <c r="KJ34" s="72">
        <v>1</v>
      </c>
      <c r="KK34" s="73">
        <v>38</v>
      </c>
      <c r="KL34" s="74">
        <v>50</v>
      </c>
    </row>
    <row r="35" spans="1:298" ht="19.5" customHeight="1" x14ac:dyDescent="0.2">
      <c r="A35" s="130" t="s">
        <v>32</v>
      </c>
      <c r="B35" s="353">
        <v>1</v>
      </c>
      <c r="C35" s="83">
        <v>2</v>
      </c>
      <c r="D35" s="84">
        <v>3</v>
      </c>
      <c r="E35" s="271"/>
      <c r="F35" s="83">
        <v>13</v>
      </c>
      <c r="G35" s="83">
        <v>10</v>
      </c>
      <c r="H35" s="83">
        <v>2</v>
      </c>
      <c r="I35" s="83">
        <v>2</v>
      </c>
      <c r="J35" s="83">
        <v>3</v>
      </c>
      <c r="K35" s="85">
        <v>30</v>
      </c>
      <c r="L35" s="86">
        <v>33</v>
      </c>
      <c r="M35" s="71">
        <v>0</v>
      </c>
      <c r="N35" s="72">
        <v>0</v>
      </c>
      <c r="O35" s="73">
        <v>0</v>
      </c>
      <c r="P35" s="274"/>
      <c r="Q35" s="72">
        <v>0</v>
      </c>
      <c r="R35" s="72">
        <v>0</v>
      </c>
      <c r="S35" s="72">
        <v>0</v>
      </c>
      <c r="T35" s="72">
        <v>0</v>
      </c>
      <c r="U35" s="72">
        <v>0</v>
      </c>
      <c r="V35" s="73">
        <v>0</v>
      </c>
      <c r="W35" s="74">
        <v>0</v>
      </c>
      <c r="X35" s="71">
        <v>0</v>
      </c>
      <c r="Y35" s="72">
        <v>0</v>
      </c>
      <c r="Z35" s="73">
        <v>0</v>
      </c>
      <c r="AA35" s="271"/>
      <c r="AB35" s="72">
        <v>1</v>
      </c>
      <c r="AC35" s="72">
        <v>0</v>
      </c>
      <c r="AD35" s="72">
        <v>0</v>
      </c>
      <c r="AE35" s="72">
        <v>0</v>
      </c>
      <c r="AF35" s="72">
        <v>0</v>
      </c>
      <c r="AG35" s="73">
        <v>1</v>
      </c>
      <c r="AH35" s="74">
        <v>1</v>
      </c>
      <c r="AI35" s="71">
        <v>1</v>
      </c>
      <c r="AJ35" s="72">
        <v>0</v>
      </c>
      <c r="AK35" s="73">
        <v>1</v>
      </c>
      <c r="AL35" s="271"/>
      <c r="AM35" s="72">
        <v>2</v>
      </c>
      <c r="AN35" s="72">
        <v>1</v>
      </c>
      <c r="AO35" s="72">
        <v>1</v>
      </c>
      <c r="AP35" s="72">
        <v>0</v>
      </c>
      <c r="AQ35" s="72">
        <v>0</v>
      </c>
      <c r="AR35" s="73">
        <v>4</v>
      </c>
      <c r="AS35" s="74">
        <v>5</v>
      </c>
      <c r="AT35" s="71">
        <v>0</v>
      </c>
      <c r="AU35" s="72">
        <v>0</v>
      </c>
      <c r="AV35" s="73">
        <v>0</v>
      </c>
      <c r="AW35" s="271"/>
      <c r="AX35" s="72">
        <v>1</v>
      </c>
      <c r="AY35" s="72">
        <v>2</v>
      </c>
      <c r="AZ35" s="72">
        <v>0</v>
      </c>
      <c r="BA35" s="72">
        <v>0</v>
      </c>
      <c r="BB35" s="72">
        <v>2</v>
      </c>
      <c r="BC35" s="73">
        <v>5</v>
      </c>
      <c r="BD35" s="74">
        <v>5</v>
      </c>
      <c r="BE35" s="71">
        <v>0</v>
      </c>
      <c r="BF35" s="72">
        <v>2</v>
      </c>
      <c r="BG35" s="73">
        <v>2</v>
      </c>
      <c r="BH35" s="271"/>
      <c r="BI35" s="72">
        <v>6</v>
      </c>
      <c r="BJ35" s="72">
        <v>4</v>
      </c>
      <c r="BK35" s="72">
        <v>1</v>
      </c>
      <c r="BL35" s="72">
        <v>1</v>
      </c>
      <c r="BM35" s="72">
        <v>1</v>
      </c>
      <c r="BN35" s="73">
        <v>13</v>
      </c>
      <c r="BO35" s="74">
        <v>15</v>
      </c>
      <c r="BP35" s="71">
        <v>0</v>
      </c>
      <c r="BQ35" s="72">
        <v>0</v>
      </c>
      <c r="BR35" s="73">
        <v>0</v>
      </c>
      <c r="BS35" s="271"/>
      <c r="BT35" s="72">
        <v>3</v>
      </c>
      <c r="BU35" s="72">
        <v>3</v>
      </c>
      <c r="BV35" s="72">
        <v>0</v>
      </c>
      <c r="BW35" s="72">
        <v>1</v>
      </c>
      <c r="BX35" s="72">
        <v>0</v>
      </c>
      <c r="BY35" s="73">
        <v>7</v>
      </c>
      <c r="BZ35" s="74">
        <v>7</v>
      </c>
      <c r="CA35" s="71">
        <v>0</v>
      </c>
      <c r="CB35" s="72">
        <v>0</v>
      </c>
      <c r="CC35" s="73">
        <v>0</v>
      </c>
      <c r="CD35" s="271"/>
      <c r="CE35" s="72">
        <v>0</v>
      </c>
      <c r="CF35" s="72">
        <v>0</v>
      </c>
      <c r="CG35" s="72">
        <v>0</v>
      </c>
      <c r="CH35" s="72">
        <v>0</v>
      </c>
      <c r="CI35" s="72">
        <v>0</v>
      </c>
      <c r="CJ35" s="73">
        <v>0</v>
      </c>
      <c r="CK35" s="74">
        <v>0</v>
      </c>
      <c r="CL35" s="71">
        <v>1</v>
      </c>
      <c r="CM35" s="72">
        <v>2</v>
      </c>
      <c r="CN35" s="73">
        <v>3</v>
      </c>
      <c r="CO35" s="271"/>
      <c r="CP35" s="72">
        <v>13</v>
      </c>
      <c r="CQ35" s="72">
        <v>10</v>
      </c>
      <c r="CR35" s="72">
        <v>2</v>
      </c>
      <c r="CS35" s="72">
        <v>2</v>
      </c>
      <c r="CT35" s="72">
        <v>3</v>
      </c>
      <c r="CU35" s="73">
        <v>30</v>
      </c>
      <c r="CV35" s="74">
        <v>33</v>
      </c>
      <c r="CW35" s="127">
        <v>0</v>
      </c>
      <c r="CX35" s="83">
        <v>0</v>
      </c>
      <c r="CY35" s="84">
        <v>0</v>
      </c>
      <c r="CZ35" s="271"/>
      <c r="DA35" s="83">
        <v>1</v>
      </c>
      <c r="DB35" s="83">
        <v>0</v>
      </c>
      <c r="DC35" s="83">
        <v>5</v>
      </c>
      <c r="DD35" s="83">
        <v>4</v>
      </c>
      <c r="DE35" s="83">
        <v>0</v>
      </c>
      <c r="DF35" s="85">
        <v>10</v>
      </c>
      <c r="DG35" s="86">
        <v>10</v>
      </c>
      <c r="DH35" s="71">
        <v>0</v>
      </c>
      <c r="DI35" s="72">
        <v>0</v>
      </c>
      <c r="DJ35" s="73">
        <v>0</v>
      </c>
      <c r="DK35" s="271"/>
      <c r="DL35" s="72">
        <v>1</v>
      </c>
      <c r="DM35" s="72">
        <v>0</v>
      </c>
      <c r="DN35" s="72">
        <v>0</v>
      </c>
      <c r="DO35" s="72">
        <v>0</v>
      </c>
      <c r="DP35" s="72">
        <v>0</v>
      </c>
      <c r="DQ35" s="73">
        <v>1</v>
      </c>
      <c r="DR35" s="74">
        <v>1</v>
      </c>
      <c r="DS35" s="71">
        <v>0</v>
      </c>
      <c r="DT35" s="72">
        <v>0</v>
      </c>
      <c r="DU35" s="73">
        <v>0</v>
      </c>
      <c r="DV35" s="271"/>
      <c r="DW35" s="72">
        <v>0</v>
      </c>
      <c r="DX35" s="72">
        <v>0</v>
      </c>
      <c r="DY35" s="72">
        <v>0</v>
      </c>
      <c r="DZ35" s="72">
        <v>0</v>
      </c>
      <c r="EA35" s="72">
        <v>0</v>
      </c>
      <c r="EB35" s="73">
        <v>0</v>
      </c>
      <c r="EC35" s="74">
        <v>0</v>
      </c>
      <c r="ED35" s="71">
        <v>0</v>
      </c>
      <c r="EE35" s="72">
        <v>0</v>
      </c>
      <c r="EF35" s="73">
        <v>0</v>
      </c>
      <c r="EG35" s="271"/>
      <c r="EH35" s="72">
        <v>0</v>
      </c>
      <c r="EI35" s="72">
        <v>0</v>
      </c>
      <c r="EJ35" s="72">
        <v>0</v>
      </c>
      <c r="EK35" s="72">
        <v>0</v>
      </c>
      <c r="EL35" s="72">
        <v>0</v>
      </c>
      <c r="EM35" s="73">
        <v>0</v>
      </c>
      <c r="EN35" s="74">
        <v>0</v>
      </c>
      <c r="EO35" s="71">
        <v>0</v>
      </c>
      <c r="EP35" s="72">
        <v>0</v>
      </c>
      <c r="EQ35" s="73">
        <v>0</v>
      </c>
      <c r="ER35" s="271"/>
      <c r="ES35" s="72">
        <v>0</v>
      </c>
      <c r="ET35" s="72">
        <v>0</v>
      </c>
      <c r="EU35" s="72">
        <v>1</v>
      </c>
      <c r="EV35" s="72">
        <v>0</v>
      </c>
      <c r="EW35" s="72">
        <v>0</v>
      </c>
      <c r="EX35" s="73">
        <v>1</v>
      </c>
      <c r="EY35" s="74">
        <v>1</v>
      </c>
      <c r="EZ35" s="71">
        <v>0</v>
      </c>
      <c r="FA35" s="72">
        <v>0</v>
      </c>
      <c r="FB35" s="73">
        <v>0</v>
      </c>
      <c r="FC35" s="271"/>
      <c r="FD35" s="72">
        <v>0</v>
      </c>
      <c r="FE35" s="72">
        <v>0</v>
      </c>
      <c r="FF35" s="72">
        <v>3</v>
      </c>
      <c r="FG35" s="72">
        <v>1</v>
      </c>
      <c r="FH35" s="72">
        <v>0</v>
      </c>
      <c r="FI35" s="73">
        <v>4</v>
      </c>
      <c r="FJ35" s="74">
        <v>4</v>
      </c>
      <c r="FK35" s="71">
        <v>0</v>
      </c>
      <c r="FL35" s="72">
        <v>0</v>
      </c>
      <c r="FM35" s="73">
        <v>0</v>
      </c>
      <c r="FN35" s="271"/>
      <c r="FO35" s="72">
        <v>0</v>
      </c>
      <c r="FP35" s="72">
        <v>0</v>
      </c>
      <c r="FQ35" s="72">
        <v>1</v>
      </c>
      <c r="FR35" s="72">
        <v>3</v>
      </c>
      <c r="FS35" s="72">
        <v>0</v>
      </c>
      <c r="FT35" s="73">
        <v>4</v>
      </c>
      <c r="FU35" s="74">
        <v>4</v>
      </c>
      <c r="FV35" s="71">
        <v>0</v>
      </c>
      <c r="FW35" s="72">
        <v>0</v>
      </c>
      <c r="FX35" s="73">
        <v>0</v>
      </c>
      <c r="FY35" s="271"/>
      <c r="FZ35" s="72">
        <v>0</v>
      </c>
      <c r="GA35" s="72">
        <v>0</v>
      </c>
      <c r="GB35" s="72">
        <v>0</v>
      </c>
      <c r="GC35" s="72">
        <v>0</v>
      </c>
      <c r="GD35" s="72">
        <v>0</v>
      </c>
      <c r="GE35" s="73">
        <v>0</v>
      </c>
      <c r="GF35" s="74">
        <v>0</v>
      </c>
      <c r="GG35" s="71">
        <v>0</v>
      </c>
      <c r="GH35" s="72">
        <v>0</v>
      </c>
      <c r="GI35" s="73">
        <v>0</v>
      </c>
      <c r="GJ35" s="271"/>
      <c r="GK35" s="72">
        <v>1</v>
      </c>
      <c r="GL35" s="72">
        <v>0</v>
      </c>
      <c r="GM35" s="72">
        <v>5</v>
      </c>
      <c r="GN35" s="72">
        <v>4</v>
      </c>
      <c r="GO35" s="72">
        <v>0</v>
      </c>
      <c r="GP35" s="73">
        <v>10</v>
      </c>
      <c r="GQ35" s="74">
        <v>10</v>
      </c>
      <c r="GR35" s="127">
        <v>1</v>
      </c>
      <c r="GS35" s="83">
        <v>2</v>
      </c>
      <c r="GT35" s="84">
        <v>3</v>
      </c>
      <c r="GU35" s="271"/>
      <c r="GV35" s="83">
        <v>14</v>
      </c>
      <c r="GW35" s="83">
        <v>10</v>
      </c>
      <c r="GX35" s="83">
        <v>7</v>
      </c>
      <c r="GY35" s="83">
        <v>6</v>
      </c>
      <c r="GZ35" s="83">
        <v>3</v>
      </c>
      <c r="HA35" s="85">
        <v>40</v>
      </c>
      <c r="HB35" s="86">
        <v>43</v>
      </c>
      <c r="HC35" s="71">
        <v>0</v>
      </c>
      <c r="HD35" s="72">
        <v>0</v>
      </c>
      <c r="HE35" s="73">
        <v>0</v>
      </c>
      <c r="HF35" s="271"/>
      <c r="HG35" s="72">
        <v>1</v>
      </c>
      <c r="HH35" s="72">
        <v>0</v>
      </c>
      <c r="HI35" s="72">
        <v>0</v>
      </c>
      <c r="HJ35" s="72">
        <v>0</v>
      </c>
      <c r="HK35" s="72">
        <v>0</v>
      </c>
      <c r="HL35" s="73">
        <v>1</v>
      </c>
      <c r="HM35" s="74">
        <v>1</v>
      </c>
      <c r="HN35" s="71">
        <v>0</v>
      </c>
      <c r="HO35" s="72">
        <v>0</v>
      </c>
      <c r="HP35" s="73">
        <v>0</v>
      </c>
      <c r="HQ35" s="271"/>
      <c r="HR35" s="72">
        <v>1</v>
      </c>
      <c r="HS35" s="72">
        <v>0</v>
      </c>
      <c r="HT35" s="72">
        <v>0</v>
      </c>
      <c r="HU35" s="72">
        <v>0</v>
      </c>
      <c r="HV35" s="72">
        <v>0</v>
      </c>
      <c r="HW35" s="73">
        <v>1</v>
      </c>
      <c r="HX35" s="74">
        <v>1</v>
      </c>
      <c r="HY35" s="71">
        <v>1</v>
      </c>
      <c r="HZ35" s="72">
        <v>0</v>
      </c>
      <c r="IA35" s="73">
        <v>1</v>
      </c>
      <c r="IB35" s="271"/>
      <c r="IC35" s="72">
        <v>2</v>
      </c>
      <c r="ID35" s="72">
        <v>1</v>
      </c>
      <c r="IE35" s="72">
        <v>1</v>
      </c>
      <c r="IF35" s="72">
        <v>0</v>
      </c>
      <c r="IG35" s="72">
        <v>0</v>
      </c>
      <c r="IH35" s="73">
        <v>4</v>
      </c>
      <c r="II35" s="74">
        <v>5</v>
      </c>
      <c r="IJ35" s="71">
        <v>0</v>
      </c>
      <c r="IK35" s="72">
        <v>0</v>
      </c>
      <c r="IL35" s="73">
        <v>0</v>
      </c>
      <c r="IM35" s="271"/>
      <c r="IN35" s="72">
        <v>1</v>
      </c>
      <c r="IO35" s="72">
        <v>2</v>
      </c>
      <c r="IP35" s="72">
        <v>1</v>
      </c>
      <c r="IQ35" s="72">
        <v>0</v>
      </c>
      <c r="IR35" s="72">
        <v>2</v>
      </c>
      <c r="IS35" s="73">
        <v>6</v>
      </c>
      <c r="IT35" s="74">
        <v>6</v>
      </c>
      <c r="IU35" s="71">
        <v>0</v>
      </c>
      <c r="IV35" s="72">
        <v>2</v>
      </c>
      <c r="IW35" s="73">
        <v>2</v>
      </c>
      <c r="IX35" s="271"/>
      <c r="IY35" s="72">
        <v>6</v>
      </c>
      <c r="IZ35" s="72">
        <v>4</v>
      </c>
      <c r="JA35" s="72">
        <v>4</v>
      </c>
      <c r="JB35" s="72">
        <v>2</v>
      </c>
      <c r="JC35" s="72">
        <v>1</v>
      </c>
      <c r="JD35" s="73">
        <v>17</v>
      </c>
      <c r="JE35" s="74">
        <v>19</v>
      </c>
      <c r="JF35" s="71">
        <v>0</v>
      </c>
      <c r="JG35" s="72">
        <v>0</v>
      </c>
      <c r="JH35" s="73">
        <v>0</v>
      </c>
      <c r="JI35" s="271"/>
      <c r="JJ35" s="72">
        <v>3</v>
      </c>
      <c r="JK35" s="72">
        <v>3</v>
      </c>
      <c r="JL35" s="72">
        <v>1</v>
      </c>
      <c r="JM35" s="72">
        <v>4</v>
      </c>
      <c r="JN35" s="72">
        <v>0</v>
      </c>
      <c r="JO35" s="73">
        <v>11</v>
      </c>
      <c r="JP35" s="74">
        <v>11</v>
      </c>
      <c r="JQ35" s="71">
        <v>0</v>
      </c>
      <c r="JR35" s="72">
        <v>0</v>
      </c>
      <c r="JS35" s="73">
        <v>0</v>
      </c>
      <c r="JT35" s="271"/>
      <c r="JU35" s="72">
        <v>0</v>
      </c>
      <c r="JV35" s="72">
        <v>0</v>
      </c>
      <c r="JW35" s="72">
        <v>0</v>
      </c>
      <c r="JX35" s="72">
        <v>0</v>
      </c>
      <c r="JY35" s="72">
        <v>0</v>
      </c>
      <c r="JZ35" s="73">
        <v>0</v>
      </c>
      <c r="KA35" s="74">
        <v>0</v>
      </c>
      <c r="KB35" s="71">
        <v>1</v>
      </c>
      <c r="KC35" s="72">
        <v>2</v>
      </c>
      <c r="KD35" s="73">
        <v>3</v>
      </c>
      <c r="KE35" s="271"/>
      <c r="KF35" s="72">
        <v>14</v>
      </c>
      <c r="KG35" s="72">
        <v>10</v>
      </c>
      <c r="KH35" s="72">
        <v>7</v>
      </c>
      <c r="KI35" s="72">
        <v>6</v>
      </c>
      <c r="KJ35" s="72">
        <v>3</v>
      </c>
      <c r="KK35" s="73">
        <v>40</v>
      </c>
      <c r="KL35" s="74">
        <v>43</v>
      </c>
    </row>
    <row r="36" spans="1:298" ht="19.5" customHeight="1" x14ac:dyDescent="0.2">
      <c r="A36" s="130" t="s">
        <v>33</v>
      </c>
      <c r="B36" s="353">
        <v>4</v>
      </c>
      <c r="C36" s="83">
        <v>1</v>
      </c>
      <c r="D36" s="84">
        <v>5</v>
      </c>
      <c r="E36" s="271"/>
      <c r="F36" s="83">
        <v>6</v>
      </c>
      <c r="G36" s="83">
        <v>6</v>
      </c>
      <c r="H36" s="83">
        <v>3</v>
      </c>
      <c r="I36" s="83">
        <v>0</v>
      </c>
      <c r="J36" s="83">
        <v>2</v>
      </c>
      <c r="K36" s="85">
        <v>17</v>
      </c>
      <c r="L36" s="86">
        <v>22</v>
      </c>
      <c r="M36" s="71">
        <v>0</v>
      </c>
      <c r="N36" s="72">
        <v>0</v>
      </c>
      <c r="O36" s="73">
        <v>0</v>
      </c>
      <c r="P36" s="274"/>
      <c r="Q36" s="72">
        <v>0</v>
      </c>
      <c r="R36" s="72">
        <v>0</v>
      </c>
      <c r="S36" s="72">
        <v>1</v>
      </c>
      <c r="T36" s="72">
        <v>0</v>
      </c>
      <c r="U36" s="72">
        <v>0</v>
      </c>
      <c r="V36" s="73">
        <v>1</v>
      </c>
      <c r="W36" s="74">
        <v>1</v>
      </c>
      <c r="X36" s="71">
        <v>1</v>
      </c>
      <c r="Y36" s="72">
        <v>0</v>
      </c>
      <c r="Z36" s="73">
        <v>1</v>
      </c>
      <c r="AA36" s="271"/>
      <c r="AB36" s="72">
        <v>0</v>
      </c>
      <c r="AC36" s="72">
        <v>1</v>
      </c>
      <c r="AD36" s="72">
        <v>0</v>
      </c>
      <c r="AE36" s="72">
        <v>0</v>
      </c>
      <c r="AF36" s="72">
        <v>0</v>
      </c>
      <c r="AG36" s="73">
        <v>1</v>
      </c>
      <c r="AH36" s="74">
        <v>2</v>
      </c>
      <c r="AI36" s="71">
        <v>2</v>
      </c>
      <c r="AJ36" s="72">
        <v>0</v>
      </c>
      <c r="AK36" s="73">
        <v>2</v>
      </c>
      <c r="AL36" s="271"/>
      <c r="AM36" s="72">
        <v>1</v>
      </c>
      <c r="AN36" s="72">
        <v>0</v>
      </c>
      <c r="AO36" s="72">
        <v>1</v>
      </c>
      <c r="AP36" s="72">
        <v>0</v>
      </c>
      <c r="AQ36" s="72">
        <v>1</v>
      </c>
      <c r="AR36" s="73">
        <v>3</v>
      </c>
      <c r="AS36" s="74">
        <v>5</v>
      </c>
      <c r="AT36" s="71">
        <v>0</v>
      </c>
      <c r="AU36" s="72">
        <v>0</v>
      </c>
      <c r="AV36" s="73">
        <v>0</v>
      </c>
      <c r="AW36" s="271"/>
      <c r="AX36" s="72">
        <v>1</v>
      </c>
      <c r="AY36" s="72">
        <v>1</v>
      </c>
      <c r="AZ36" s="72">
        <v>0</v>
      </c>
      <c r="BA36" s="72">
        <v>0</v>
      </c>
      <c r="BB36" s="72">
        <v>1</v>
      </c>
      <c r="BC36" s="73">
        <v>3</v>
      </c>
      <c r="BD36" s="74">
        <v>3</v>
      </c>
      <c r="BE36" s="71">
        <v>1</v>
      </c>
      <c r="BF36" s="72">
        <v>0</v>
      </c>
      <c r="BG36" s="73">
        <v>1</v>
      </c>
      <c r="BH36" s="271"/>
      <c r="BI36" s="72">
        <v>0</v>
      </c>
      <c r="BJ36" s="72">
        <v>3</v>
      </c>
      <c r="BK36" s="72">
        <v>1</v>
      </c>
      <c r="BL36" s="72">
        <v>0</v>
      </c>
      <c r="BM36" s="72">
        <v>0</v>
      </c>
      <c r="BN36" s="73">
        <v>4</v>
      </c>
      <c r="BO36" s="74">
        <v>5</v>
      </c>
      <c r="BP36" s="71">
        <v>0</v>
      </c>
      <c r="BQ36" s="72">
        <v>1</v>
      </c>
      <c r="BR36" s="73">
        <v>1</v>
      </c>
      <c r="BS36" s="271"/>
      <c r="BT36" s="72">
        <v>4</v>
      </c>
      <c r="BU36" s="72">
        <v>1</v>
      </c>
      <c r="BV36" s="72">
        <v>0</v>
      </c>
      <c r="BW36" s="72">
        <v>0</v>
      </c>
      <c r="BX36" s="72">
        <v>0</v>
      </c>
      <c r="BY36" s="73">
        <v>5</v>
      </c>
      <c r="BZ36" s="74">
        <v>6</v>
      </c>
      <c r="CA36" s="71">
        <v>0</v>
      </c>
      <c r="CB36" s="72">
        <v>0</v>
      </c>
      <c r="CC36" s="73">
        <v>0</v>
      </c>
      <c r="CD36" s="271"/>
      <c r="CE36" s="72">
        <v>0</v>
      </c>
      <c r="CF36" s="72">
        <v>0</v>
      </c>
      <c r="CG36" s="72">
        <v>0</v>
      </c>
      <c r="CH36" s="72">
        <v>0</v>
      </c>
      <c r="CI36" s="72">
        <v>0</v>
      </c>
      <c r="CJ36" s="73">
        <v>0</v>
      </c>
      <c r="CK36" s="74">
        <v>0</v>
      </c>
      <c r="CL36" s="71">
        <v>4</v>
      </c>
      <c r="CM36" s="72">
        <v>1</v>
      </c>
      <c r="CN36" s="73">
        <v>5</v>
      </c>
      <c r="CO36" s="271"/>
      <c r="CP36" s="72">
        <v>6</v>
      </c>
      <c r="CQ36" s="72">
        <v>6</v>
      </c>
      <c r="CR36" s="72">
        <v>3</v>
      </c>
      <c r="CS36" s="72">
        <v>0</v>
      </c>
      <c r="CT36" s="72">
        <v>2</v>
      </c>
      <c r="CU36" s="73">
        <v>17</v>
      </c>
      <c r="CV36" s="74">
        <v>22</v>
      </c>
      <c r="CW36" s="127">
        <v>1</v>
      </c>
      <c r="CX36" s="83">
        <v>2</v>
      </c>
      <c r="CY36" s="84">
        <v>3</v>
      </c>
      <c r="CZ36" s="271"/>
      <c r="DA36" s="83">
        <v>1</v>
      </c>
      <c r="DB36" s="83">
        <v>0</v>
      </c>
      <c r="DC36" s="83">
        <v>0</v>
      </c>
      <c r="DD36" s="83">
        <v>1</v>
      </c>
      <c r="DE36" s="83">
        <v>1</v>
      </c>
      <c r="DF36" s="85">
        <v>3</v>
      </c>
      <c r="DG36" s="86">
        <v>6</v>
      </c>
      <c r="DH36" s="71">
        <v>0</v>
      </c>
      <c r="DI36" s="72">
        <v>0</v>
      </c>
      <c r="DJ36" s="73">
        <v>0</v>
      </c>
      <c r="DK36" s="271"/>
      <c r="DL36" s="72">
        <v>0</v>
      </c>
      <c r="DM36" s="72">
        <v>0</v>
      </c>
      <c r="DN36" s="72">
        <v>0</v>
      </c>
      <c r="DO36" s="72">
        <v>0</v>
      </c>
      <c r="DP36" s="72">
        <v>0</v>
      </c>
      <c r="DQ36" s="73">
        <v>0</v>
      </c>
      <c r="DR36" s="74">
        <v>0</v>
      </c>
      <c r="DS36" s="71">
        <v>0</v>
      </c>
      <c r="DT36" s="72">
        <v>0</v>
      </c>
      <c r="DU36" s="73">
        <v>0</v>
      </c>
      <c r="DV36" s="271"/>
      <c r="DW36" s="72">
        <v>0</v>
      </c>
      <c r="DX36" s="72">
        <v>0</v>
      </c>
      <c r="DY36" s="72">
        <v>0</v>
      </c>
      <c r="DZ36" s="72">
        <v>0</v>
      </c>
      <c r="EA36" s="72">
        <v>0</v>
      </c>
      <c r="EB36" s="73">
        <v>0</v>
      </c>
      <c r="EC36" s="74">
        <v>0</v>
      </c>
      <c r="ED36" s="71">
        <v>0</v>
      </c>
      <c r="EE36" s="72">
        <v>0</v>
      </c>
      <c r="EF36" s="73">
        <v>0</v>
      </c>
      <c r="EG36" s="271"/>
      <c r="EH36" s="72">
        <v>0</v>
      </c>
      <c r="EI36" s="72">
        <v>0</v>
      </c>
      <c r="EJ36" s="72">
        <v>0</v>
      </c>
      <c r="EK36" s="72">
        <v>0</v>
      </c>
      <c r="EL36" s="72">
        <v>0</v>
      </c>
      <c r="EM36" s="73">
        <v>0</v>
      </c>
      <c r="EN36" s="74">
        <v>0</v>
      </c>
      <c r="EO36" s="71">
        <v>0</v>
      </c>
      <c r="EP36" s="72">
        <v>0</v>
      </c>
      <c r="EQ36" s="73">
        <v>0</v>
      </c>
      <c r="ER36" s="271"/>
      <c r="ES36" s="72">
        <v>0</v>
      </c>
      <c r="ET36" s="72">
        <v>0</v>
      </c>
      <c r="EU36" s="72">
        <v>0</v>
      </c>
      <c r="EV36" s="72">
        <v>0</v>
      </c>
      <c r="EW36" s="72">
        <v>0</v>
      </c>
      <c r="EX36" s="73">
        <v>0</v>
      </c>
      <c r="EY36" s="74">
        <v>0</v>
      </c>
      <c r="EZ36" s="71">
        <v>1</v>
      </c>
      <c r="FA36" s="72">
        <v>1</v>
      </c>
      <c r="FB36" s="73">
        <v>2</v>
      </c>
      <c r="FC36" s="271"/>
      <c r="FD36" s="72">
        <v>0</v>
      </c>
      <c r="FE36" s="72">
        <v>0</v>
      </c>
      <c r="FF36" s="72">
        <v>0</v>
      </c>
      <c r="FG36" s="72">
        <v>1</v>
      </c>
      <c r="FH36" s="72">
        <v>1</v>
      </c>
      <c r="FI36" s="73">
        <v>2</v>
      </c>
      <c r="FJ36" s="74">
        <v>4</v>
      </c>
      <c r="FK36" s="71">
        <v>0</v>
      </c>
      <c r="FL36" s="72">
        <v>1</v>
      </c>
      <c r="FM36" s="73">
        <v>1</v>
      </c>
      <c r="FN36" s="271"/>
      <c r="FO36" s="72">
        <v>1</v>
      </c>
      <c r="FP36" s="72">
        <v>0</v>
      </c>
      <c r="FQ36" s="72">
        <v>0</v>
      </c>
      <c r="FR36" s="72">
        <v>0</v>
      </c>
      <c r="FS36" s="72">
        <v>0</v>
      </c>
      <c r="FT36" s="73">
        <v>1</v>
      </c>
      <c r="FU36" s="74">
        <v>2</v>
      </c>
      <c r="FV36" s="71">
        <v>0</v>
      </c>
      <c r="FW36" s="72">
        <v>0</v>
      </c>
      <c r="FX36" s="73">
        <v>0</v>
      </c>
      <c r="FY36" s="271"/>
      <c r="FZ36" s="72">
        <v>0</v>
      </c>
      <c r="GA36" s="72">
        <v>0</v>
      </c>
      <c r="GB36" s="72">
        <v>0</v>
      </c>
      <c r="GC36" s="72">
        <v>0</v>
      </c>
      <c r="GD36" s="72">
        <v>0</v>
      </c>
      <c r="GE36" s="73">
        <v>0</v>
      </c>
      <c r="GF36" s="74">
        <v>0</v>
      </c>
      <c r="GG36" s="71">
        <v>1</v>
      </c>
      <c r="GH36" s="72">
        <v>2</v>
      </c>
      <c r="GI36" s="73">
        <v>3</v>
      </c>
      <c r="GJ36" s="271"/>
      <c r="GK36" s="72">
        <v>1</v>
      </c>
      <c r="GL36" s="72">
        <v>0</v>
      </c>
      <c r="GM36" s="72">
        <v>0</v>
      </c>
      <c r="GN36" s="72">
        <v>1</v>
      </c>
      <c r="GO36" s="72">
        <v>1</v>
      </c>
      <c r="GP36" s="73">
        <v>3</v>
      </c>
      <c r="GQ36" s="74">
        <v>6</v>
      </c>
      <c r="GR36" s="127">
        <v>5</v>
      </c>
      <c r="GS36" s="83">
        <v>3</v>
      </c>
      <c r="GT36" s="84">
        <v>8</v>
      </c>
      <c r="GU36" s="271"/>
      <c r="GV36" s="83">
        <v>7</v>
      </c>
      <c r="GW36" s="83">
        <v>6</v>
      </c>
      <c r="GX36" s="83">
        <v>3</v>
      </c>
      <c r="GY36" s="83">
        <v>1</v>
      </c>
      <c r="GZ36" s="83">
        <v>3</v>
      </c>
      <c r="HA36" s="85">
        <v>20</v>
      </c>
      <c r="HB36" s="86">
        <v>28</v>
      </c>
      <c r="HC36" s="71">
        <v>0</v>
      </c>
      <c r="HD36" s="72">
        <v>0</v>
      </c>
      <c r="HE36" s="73">
        <v>0</v>
      </c>
      <c r="HF36" s="271"/>
      <c r="HG36" s="72">
        <v>0</v>
      </c>
      <c r="HH36" s="72">
        <v>0</v>
      </c>
      <c r="HI36" s="72">
        <v>1</v>
      </c>
      <c r="HJ36" s="72">
        <v>0</v>
      </c>
      <c r="HK36" s="72">
        <v>0</v>
      </c>
      <c r="HL36" s="73">
        <v>1</v>
      </c>
      <c r="HM36" s="74">
        <v>1</v>
      </c>
      <c r="HN36" s="71">
        <v>1</v>
      </c>
      <c r="HO36" s="72">
        <v>0</v>
      </c>
      <c r="HP36" s="73">
        <v>1</v>
      </c>
      <c r="HQ36" s="271"/>
      <c r="HR36" s="72">
        <v>0</v>
      </c>
      <c r="HS36" s="72">
        <v>1</v>
      </c>
      <c r="HT36" s="72">
        <v>0</v>
      </c>
      <c r="HU36" s="72">
        <v>0</v>
      </c>
      <c r="HV36" s="72">
        <v>0</v>
      </c>
      <c r="HW36" s="73">
        <v>1</v>
      </c>
      <c r="HX36" s="74">
        <v>2</v>
      </c>
      <c r="HY36" s="71">
        <v>2</v>
      </c>
      <c r="HZ36" s="72">
        <v>0</v>
      </c>
      <c r="IA36" s="73">
        <v>2</v>
      </c>
      <c r="IB36" s="271"/>
      <c r="IC36" s="72">
        <v>1</v>
      </c>
      <c r="ID36" s="72">
        <v>0</v>
      </c>
      <c r="IE36" s="72">
        <v>1</v>
      </c>
      <c r="IF36" s="72">
        <v>0</v>
      </c>
      <c r="IG36" s="72">
        <v>1</v>
      </c>
      <c r="IH36" s="73">
        <v>3</v>
      </c>
      <c r="II36" s="74">
        <v>5</v>
      </c>
      <c r="IJ36" s="71">
        <v>0</v>
      </c>
      <c r="IK36" s="72">
        <v>0</v>
      </c>
      <c r="IL36" s="73">
        <v>0</v>
      </c>
      <c r="IM36" s="271"/>
      <c r="IN36" s="72">
        <v>1</v>
      </c>
      <c r="IO36" s="72">
        <v>1</v>
      </c>
      <c r="IP36" s="72">
        <v>0</v>
      </c>
      <c r="IQ36" s="72">
        <v>0</v>
      </c>
      <c r="IR36" s="72">
        <v>1</v>
      </c>
      <c r="IS36" s="73">
        <v>3</v>
      </c>
      <c r="IT36" s="74">
        <v>3</v>
      </c>
      <c r="IU36" s="71">
        <v>2</v>
      </c>
      <c r="IV36" s="72">
        <v>1</v>
      </c>
      <c r="IW36" s="73">
        <v>3</v>
      </c>
      <c r="IX36" s="271"/>
      <c r="IY36" s="72">
        <v>0</v>
      </c>
      <c r="IZ36" s="72">
        <v>3</v>
      </c>
      <c r="JA36" s="72">
        <v>1</v>
      </c>
      <c r="JB36" s="72">
        <v>1</v>
      </c>
      <c r="JC36" s="72">
        <v>1</v>
      </c>
      <c r="JD36" s="73">
        <v>6</v>
      </c>
      <c r="JE36" s="74">
        <v>9</v>
      </c>
      <c r="JF36" s="71">
        <v>0</v>
      </c>
      <c r="JG36" s="72">
        <v>2</v>
      </c>
      <c r="JH36" s="73">
        <v>2</v>
      </c>
      <c r="JI36" s="271"/>
      <c r="JJ36" s="72">
        <v>5</v>
      </c>
      <c r="JK36" s="72">
        <v>1</v>
      </c>
      <c r="JL36" s="72">
        <v>0</v>
      </c>
      <c r="JM36" s="72">
        <v>0</v>
      </c>
      <c r="JN36" s="72">
        <v>0</v>
      </c>
      <c r="JO36" s="73">
        <v>6</v>
      </c>
      <c r="JP36" s="74">
        <v>8</v>
      </c>
      <c r="JQ36" s="71">
        <v>0</v>
      </c>
      <c r="JR36" s="72">
        <v>0</v>
      </c>
      <c r="JS36" s="73">
        <v>0</v>
      </c>
      <c r="JT36" s="271"/>
      <c r="JU36" s="72">
        <v>0</v>
      </c>
      <c r="JV36" s="72">
        <v>0</v>
      </c>
      <c r="JW36" s="72">
        <v>0</v>
      </c>
      <c r="JX36" s="72">
        <v>0</v>
      </c>
      <c r="JY36" s="72">
        <v>0</v>
      </c>
      <c r="JZ36" s="73">
        <v>0</v>
      </c>
      <c r="KA36" s="74">
        <v>0</v>
      </c>
      <c r="KB36" s="71">
        <v>5</v>
      </c>
      <c r="KC36" s="72">
        <v>3</v>
      </c>
      <c r="KD36" s="73">
        <v>8</v>
      </c>
      <c r="KE36" s="271"/>
      <c r="KF36" s="72">
        <v>7</v>
      </c>
      <c r="KG36" s="72">
        <v>6</v>
      </c>
      <c r="KH36" s="72">
        <v>3</v>
      </c>
      <c r="KI36" s="72">
        <v>1</v>
      </c>
      <c r="KJ36" s="72">
        <v>3</v>
      </c>
      <c r="KK36" s="73">
        <v>20</v>
      </c>
      <c r="KL36" s="74">
        <v>28</v>
      </c>
    </row>
    <row r="37" spans="1:298" ht="19.5" customHeight="1" x14ac:dyDescent="0.2">
      <c r="A37" s="130" t="s">
        <v>34</v>
      </c>
      <c r="B37" s="353">
        <v>2</v>
      </c>
      <c r="C37" s="83">
        <v>2</v>
      </c>
      <c r="D37" s="84">
        <v>4</v>
      </c>
      <c r="E37" s="271"/>
      <c r="F37" s="83">
        <v>9</v>
      </c>
      <c r="G37" s="83">
        <v>2</v>
      </c>
      <c r="H37" s="83">
        <v>4</v>
      </c>
      <c r="I37" s="83">
        <v>0</v>
      </c>
      <c r="J37" s="83">
        <v>1</v>
      </c>
      <c r="K37" s="85">
        <v>16</v>
      </c>
      <c r="L37" s="86">
        <v>20</v>
      </c>
      <c r="M37" s="71">
        <v>0</v>
      </c>
      <c r="N37" s="72">
        <v>0</v>
      </c>
      <c r="O37" s="73">
        <v>0</v>
      </c>
      <c r="P37" s="274"/>
      <c r="Q37" s="72">
        <v>1</v>
      </c>
      <c r="R37" s="72">
        <v>1</v>
      </c>
      <c r="S37" s="72">
        <v>0</v>
      </c>
      <c r="T37" s="72">
        <v>0</v>
      </c>
      <c r="U37" s="72">
        <v>0</v>
      </c>
      <c r="V37" s="73">
        <v>2</v>
      </c>
      <c r="W37" s="74">
        <v>2</v>
      </c>
      <c r="X37" s="71">
        <v>0</v>
      </c>
      <c r="Y37" s="72">
        <v>0</v>
      </c>
      <c r="Z37" s="73">
        <v>0</v>
      </c>
      <c r="AA37" s="271"/>
      <c r="AB37" s="72">
        <v>0</v>
      </c>
      <c r="AC37" s="72">
        <v>0</v>
      </c>
      <c r="AD37" s="72">
        <v>0</v>
      </c>
      <c r="AE37" s="72">
        <v>0</v>
      </c>
      <c r="AF37" s="72">
        <v>0</v>
      </c>
      <c r="AG37" s="73">
        <v>0</v>
      </c>
      <c r="AH37" s="74">
        <v>0</v>
      </c>
      <c r="AI37" s="71">
        <v>0</v>
      </c>
      <c r="AJ37" s="72">
        <v>0</v>
      </c>
      <c r="AK37" s="73">
        <v>0</v>
      </c>
      <c r="AL37" s="271"/>
      <c r="AM37" s="72">
        <v>0</v>
      </c>
      <c r="AN37" s="72">
        <v>0</v>
      </c>
      <c r="AO37" s="72">
        <v>0</v>
      </c>
      <c r="AP37" s="72">
        <v>0</v>
      </c>
      <c r="AQ37" s="72">
        <v>0</v>
      </c>
      <c r="AR37" s="73">
        <v>0</v>
      </c>
      <c r="AS37" s="74">
        <v>0</v>
      </c>
      <c r="AT37" s="71">
        <v>1</v>
      </c>
      <c r="AU37" s="72">
        <v>2</v>
      </c>
      <c r="AV37" s="73">
        <v>3</v>
      </c>
      <c r="AW37" s="271"/>
      <c r="AX37" s="72">
        <v>2</v>
      </c>
      <c r="AY37" s="72">
        <v>0</v>
      </c>
      <c r="AZ37" s="72">
        <v>1</v>
      </c>
      <c r="BA37" s="72">
        <v>0</v>
      </c>
      <c r="BB37" s="72">
        <v>0</v>
      </c>
      <c r="BC37" s="73">
        <v>3</v>
      </c>
      <c r="BD37" s="74">
        <v>6</v>
      </c>
      <c r="BE37" s="71">
        <v>1</v>
      </c>
      <c r="BF37" s="72">
        <v>0</v>
      </c>
      <c r="BG37" s="73">
        <v>1</v>
      </c>
      <c r="BH37" s="271"/>
      <c r="BI37" s="72">
        <v>2</v>
      </c>
      <c r="BJ37" s="72">
        <v>1</v>
      </c>
      <c r="BK37" s="72">
        <v>2</v>
      </c>
      <c r="BL37" s="72">
        <v>0</v>
      </c>
      <c r="BM37" s="72">
        <v>0</v>
      </c>
      <c r="BN37" s="73">
        <v>5</v>
      </c>
      <c r="BO37" s="74">
        <v>6</v>
      </c>
      <c r="BP37" s="71">
        <v>0</v>
      </c>
      <c r="BQ37" s="72">
        <v>0</v>
      </c>
      <c r="BR37" s="73">
        <v>0</v>
      </c>
      <c r="BS37" s="271"/>
      <c r="BT37" s="72">
        <v>4</v>
      </c>
      <c r="BU37" s="72">
        <v>0</v>
      </c>
      <c r="BV37" s="72">
        <v>1</v>
      </c>
      <c r="BW37" s="72">
        <v>0</v>
      </c>
      <c r="BX37" s="72">
        <v>1</v>
      </c>
      <c r="BY37" s="73">
        <v>6</v>
      </c>
      <c r="BZ37" s="74">
        <v>6</v>
      </c>
      <c r="CA37" s="71">
        <v>0</v>
      </c>
      <c r="CB37" s="72">
        <v>0</v>
      </c>
      <c r="CC37" s="73">
        <v>0</v>
      </c>
      <c r="CD37" s="271"/>
      <c r="CE37" s="72">
        <v>0</v>
      </c>
      <c r="CF37" s="72">
        <v>0</v>
      </c>
      <c r="CG37" s="72">
        <v>0</v>
      </c>
      <c r="CH37" s="72">
        <v>0</v>
      </c>
      <c r="CI37" s="72">
        <v>0</v>
      </c>
      <c r="CJ37" s="73">
        <v>0</v>
      </c>
      <c r="CK37" s="74">
        <v>0</v>
      </c>
      <c r="CL37" s="71">
        <v>2</v>
      </c>
      <c r="CM37" s="72">
        <v>2</v>
      </c>
      <c r="CN37" s="73">
        <v>4</v>
      </c>
      <c r="CO37" s="271"/>
      <c r="CP37" s="72">
        <v>9</v>
      </c>
      <c r="CQ37" s="72">
        <v>2</v>
      </c>
      <c r="CR37" s="72">
        <v>4</v>
      </c>
      <c r="CS37" s="72">
        <v>0</v>
      </c>
      <c r="CT37" s="72">
        <v>1</v>
      </c>
      <c r="CU37" s="73">
        <v>16</v>
      </c>
      <c r="CV37" s="74">
        <v>20</v>
      </c>
      <c r="CW37" s="127">
        <v>0</v>
      </c>
      <c r="CX37" s="83">
        <v>0</v>
      </c>
      <c r="CY37" s="84">
        <v>0</v>
      </c>
      <c r="CZ37" s="271"/>
      <c r="DA37" s="83">
        <v>1</v>
      </c>
      <c r="DB37" s="83">
        <v>2</v>
      </c>
      <c r="DC37" s="83">
        <v>0</v>
      </c>
      <c r="DD37" s="83">
        <v>0</v>
      </c>
      <c r="DE37" s="83">
        <v>0</v>
      </c>
      <c r="DF37" s="85">
        <v>3</v>
      </c>
      <c r="DG37" s="86">
        <v>3</v>
      </c>
      <c r="DH37" s="71">
        <v>0</v>
      </c>
      <c r="DI37" s="72">
        <v>0</v>
      </c>
      <c r="DJ37" s="73">
        <v>0</v>
      </c>
      <c r="DK37" s="271"/>
      <c r="DL37" s="72">
        <v>0</v>
      </c>
      <c r="DM37" s="72">
        <v>0</v>
      </c>
      <c r="DN37" s="72">
        <v>0</v>
      </c>
      <c r="DO37" s="72">
        <v>0</v>
      </c>
      <c r="DP37" s="72">
        <v>0</v>
      </c>
      <c r="DQ37" s="73">
        <v>0</v>
      </c>
      <c r="DR37" s="74">
        <v>0</v>
      </c>
      <c r="DS37" s="71">
        <v>0</v>
      </c>
      <c r="DT37" s="72">
        <v>0</v>
      </c>
      <c r="DU37" s="73">
        <v>0</v>
      </c>
      <c r="DV37" s="271"/>
      <c r="DW37" s="72">
        <v>0</v>
      </c>
      <c r="DX37" s="72">
        <v>0</v>
      </c>
      <c r="DY37" s="72">
        <v>0</v>
      </c>
      <c r="DZ37" s="72">
        <v>0</v>
      </c>
      <c r="EA37" s="72">
        <v>0</v>
      </c>
      <c r="EB37" s="73">
        <v>0</v>
      </c>
      <c r="EC37" s="74">
        <v>0</v>
      </c>
      <c r="ED37" s="71">
        <v>0</v>
      </c>
      <c r="EE37" s="72">
        <v>0</v>
      </c>
      <c r="EF37" s="73">
        <v>0</v>
      </c>
      <c r="EG37" s="271"/>
      <c r="EH37" s="72">
        <v>0</v>
      </c>
      <c r="EI37" s="72">
        <v>0</v>
      </c>
      <c r="EJ37" s="72">
        <v>0</v>
      </c>
      <c r="EK37" s="72">
        <v>0</v>
      </c>
      <c r="EL37" s="72">
        <v>0</v>
      </c>
      <c r="EM37" s="73">
        <v>0</v>
      </c>
      <c r="EN37" s="74">
        <v>0</v>
      </c>
      <c r="EO37" s="71">
        <v>0</v>
      </c>
      <c r="EP37" s="72">
        <v>0</v>
      </c>
      <c r="EQ37" s="73">
        <v>0</v>
      </c>
      <c r="ER37" s="271"/>
      <c r="ES37" s="72">
        <v>0</v>
      </c>
      <c r="ET37" s="72">
        <v>0</v>
      </c>
      <c r="EU37" s="72">
        <v>0</v>
      </c>
      <c r="EV37" s="72">
        <v>0</v>
      </c>
      <c r="EW37" s="72">
        <v>0</v>
      </c>
      <c r="EX37" s="73">
        <v>0</v>
      </c>
      <c r="EY37" s="74">
        <v>0</v>
      </c>
      <c r="EZ37" s="71">
        <v>0</v>
      </c>
      <c r="FA37" s="72">
        <v>0</v>
      </c>
      <c r="FB37" s="73">
        <v>0</v>
      </c>
      <c r="FC37" s="271"/>
      <c r="FD37" s="72">
        <v>1</v>
      </c>
      <c r="FE37" s="72">
        <v>0</v>
      </c>
      <c r="FF37" s="72">
        <v>0</v>
      </c>
      <c r="FG37" s="72">
        <v>0</v>
      </c>
      <c r="FH37" s="72">
        <v>0</v>
      </c>
      <c r="FI37" s="73">
        <v>1</v>
      </c>
      <c r="FJ37" s="74">
        <v>1</v>
      </c>
      <c r="FK37" s="71">
        <v>0</v>
      </c>
      <c r="FL37" s="72">
        <v>0</v>
      </c>
      <c r="FM37" s="73">
        <v>0</v>
      </c>
      <c r="FN37" s="271"/>
      <c r="FO37" s="72">
        <v>0</v>
      </c>
      <c r="FP37" s="72">
        <v>2</v>
      </c>
      <c r="FQ37" s="72">
        <v>0</v>
      </c>
      <c r="FR37" s="72">
        <v>0</v>
      </c>
      <c r="FS37" s="72">
        <v>0</v>
      </c>
      <c r="FT37" s="73">
        <v>2</v>
      </c>
      <c r="FU37" s="74">
        <v>2</v>
      </c>
      <c r="FV37" s="71">
        <v>0</v>
      </c>
      <c r="FW37" s="72">
        <v>0</v>
      </c>
      <c r="FX37" s="73">
        <v>0</v>
      </c>
      <c r="FY37" s="271"/>
      <c r="FZ37" s="72">
        <v>0</v>
      </c>
      <c r="GA37" s="72">
        <v>0</v>
      </c>
      <c r="GB37" s="72">
        <v>0</v>
      </c>
      <c r="GC37" s="72">
        <v>0</v>
      </c>
      <c r="GD37" s="72">
        <v>0</v>
      </c>
      <c r="GE37" s="73">
        <v>0</v>
      </c>
      <c r="GF37" s="74">
        <v>0</v>
      </c>
      <c r="GG37" s="71">
        <v>0</v>
      </c>
      <c r="GH37" s="72">
        <v>0</v>
      </c>
      <c r="GI37" s="73">
        <v>0</v>
      </c>
      <c r="GJ37" s="271"/>
      <c r="GK37" s="72">
        <v>1</v>
      </c>
      <c r="GL37" s="72">
        <v>2</v>
      </c>
      <c r="GM37" s="72">
        <v>0</v>
      </c>
      <c r="GN37" s="72">
        <v>0</v>
      </c>
      <c r="GO37" s="72">
        <v>0</v>
      </c>
      <c r="GP37" s="73">
        <v>3</v>
      </c>
      <c r="GQ37" s="74">
        <v>3</v>
      </c>
      <c r="GR37" s="127">
        <v>2</v>
      </c>
      <c r="GS37" s="83">
        <v>2</v>
      </c>
      <c r="GT37" s="84">
        <v>4</v>
      </c>
      <c r="GU37" s="271"/>
      <c r="GV37" s="83">
        <v>10</v>
      </c>
      <c r="GW37" s="83">
        <v>4</v>
      </c>
      <c r="GX37" s="83">
        <v>4</v>
      </c>
      <c r="GY37" s="83">
        <v>0</v>
      </c>
      <c r="GZ37" s="83">
        <v>1</v>
      </c>
      <c r="HA37" s="85">
        <v>19</v>
      </c>
      <c r="HB37" s="86">
        <v>23</v>
      </c>
      <c r="HC37" s="71">
        <v>0</v>
      </c>
      <c r="HD37" s="72">
        <v>0</v>
      </c>
      <c r="HE37" s="73">
        <v>0</v>
      </c>
      <c r="HF37" s="271"/>
      <c r="HG37" s="72">
        <v>1</v>
      </c>
      <c r="HH37" s="72">
        <v>1</v>
      </c>
      <c r="HI37" s="72">
        <v>0</v>
      </c>
      <c r="HJ37" s="72">
        <v>0</v>
      </c>
      <c r="HK37" s="72">
        <v>0</v>
      </c>
      <c r="HL37" s="73">
        <v>2</v>
      </c>
      <c r="HM37" s="74">
        <v>2</v>
      </c>
      <c r="HN37" s="71">
        <v>0</v>
      </c>
      <c r="HO37" s="72">
        <v>0</v>
      </c>
      <c r="HP37" s="73">
        <v>0</v>
      </c>
      <c r="HQ37" s="271"/>
      <c r="HR37" s="72">
        <v>0</v>
      </c>
      <c r="HS37" s="72">
        <v>0</v>
      </c>
      <c r="HT37" s="72">
        <v>0</v>
      </c>
      <c r="HU37" s="72">
        <v>0</v>
      </c>
      <c r="HV37" s="72">
        <v>0</v>
      </c>
      <c r="HW37" s="73">
        <v>0</v>
      </c>
      <c r="HX37" s="74">
        <v>0</v>
      </c>
      <c r="HY37" s="71">
        <v>0</v>
      </c>
      <c r="HZ37" s="72">
        <v>0</v>
      </c>
      <c r="IA37" s="73">
        <v>0</v>
      </c>
      <c r="IB37" s="271"/>
      <c r="IC37" s="72">
        <v>0</v>
      </c>
      <c r="ID37" s="72">
        <v>0</v>
      </c>
      <c r="IE37" s="72">
        <v>0</v>
      </c>
      <c r="IF37" s="72">
        <v>0</v>
      </c>
      <c r="IG37" s="72">
        <v>0</v>
      </c>
      <c r="IH37" s="73">
        <v>0</v>
      </c>
      <c r="II37" s="74">
        <v>0</v>
      </c>
      <c r="IJ37" s="71">
        <v>1</v>
      </c>
      <c r="IK37" s="72">
        <v>2</v>
      </c>
      <c r="IL37" s="73">
        <v>3</v>
      </c>
      <c r="IM37" s="271"/>
      <c r="IN37" s="72">
        <v>2</v>
      </c>
      <c r="IO37" s="72">
        <v>0</v>
      </c>
      <c r="IP37" s="72">
        <v>1</v>
      </c>
      <c r="IQ37" s="72">
        <v>0</v>
      </c>
      <c r="IR37" s="72">
        <v>0</v>
      </c>
      <c r="IS37" s="73">
        <v>3</v>
      </c>
      <c r="IT37" s="74">
        <v>6</v>
      </c>
      <c r="IU37" s="71">
        <v>1</v>
      </c>
      <c r="IV37" s="72">
        <v>0</v>
      </c>
      <c r="IW37" s="73">
        <v>1</v>
      </c>
      <c r="IX37" s="271"/>
      <c r="IY37" s="72">
        <v>3</v>
      </c>
      <c r="IZ37" s="72">
        <v>1</v>
      </c>
      <c r="JA37" s="72">
        <v>2</v>
      </c>
      <c r="JB37" s="72">
        <v>0</v>
      </c>
      <c r="JC37" s="72">
        <v>0</v>
      </c>
      <c r="JD37" s="73">
        <v>6</v>
      </c>
      <c r="JE37" s="74">
        <v>7</v>
      </c>
      <c r="JF37" s="71">
        <v>0</v>
      </c>
      <c r="JG37" s="72">
        <v>0</v>
      </c>
      <c r="JH37" s="73">
        <v>0</v>
      </c>
      <c r="JI37" s="271"/>
      <c r="JJ37" s="72">
        <v>4</v>
      </c>
      <c r="JK37" s="72">
        <v>2</v>
      </c>
      <c r="JL37" s="72">
        <v>1</v>
      </c>
      <c r="JM37" s="72">
        <v>0</v>
      </c>
      <c r="JN37" s="72">
        <v>1</v>
      </c>
      <c r="JO37" s="73">
        <v>8</v>
      </c>
      <c r="JP37" s="74">
        <v>8</v>
      </c>
      <c r="JQ37" s="71">
        <v>0</v>
      </c>
      <c r="JR37" s="72">
        <v>0</v>
      </c>
      <c r="JS37" s="73">
        <v>0</v>
      </c>
      <c r="JT37" s="271"/>
      <c r="JU37" s="72">
        <v>0</v>
      </c>
      <c r="JV37" s="72">
        <v>0</v>
      </c>
      <c r="JW37" s="72">
        <v>0</v>
      </c>
      <c r="JX37" s="72">
        <v>0</v>
      </c>
      <c r="JY37" s="72">
        <v>0</v>
      </c>
      <c r="JZ37" s="73">
        <v>0</v>
      </c>
      <c r="KA37" s="74">
        <v>0</v>
      </c>
      <c r="KB37" s="71">
        <v>2</v>
      </c>
      <c r="KC37" s="72">
        <v>2</v>
      </c>
      <c r="KD37" s="73">
        <v>4</v>
      </c>
      <c r="KE37" s="271"/>
      <c r="KF37" s="72">
        <v>10</v>
      </c>
      <c r="KG37" s="72">
        <v>4</v>
      </c>
      <c r="KH37" s="72">
        <v>4</v>
      </c>
      <c r="KI37" s="72">
        <v>0</v>
      </c>
      <c r="KJ37" s="72">
        <v>1</v>
      </c>
      <c r="KK37" s="73">
        <v>19</v>
      </c>
      <c r="KL37" s="74">
        <v>23</v>
      </c>
    </row>
    <row r="38" spans="1:298" ht="19.5" customHeight="1" x14ac:dyDescent="0.2">
      <c r="A38" s="130" t="s">
        <v>35</v>
      </c>
      <c r="B38" s="353">
        <v>9</v>
      </c>
      <c r="C38" s="83">
        <v>7</v>
      </c>
      <c r="D38" s="84">
        <v>16</v>
      </c>
      <c r="E38" s="271"/>
      <c r="F38" s="83">
        <v>15</v>
      </c>
      <c r="G38" s="83">
        <v>11</v>
      </c>
      <c r="H38" s="83">
        <v>5</v>
      </c>
      <c r="I38" s="83">
        <v>7</v>
      </c>
      <c r="J38" s="83">
        <v>2</v>
      </c>
      <c r="K38" s="85">
        <v>40</v>
      </c>
      <c r="L38" s="86">
        <v>56</v>
      </c>
      <c r="M38" s="71">
        <v>0</v>
      </c>
      <c r="N38" s="72">
        <v>0</v>
      </c>
      <c r="O38" s="73">
        <v>0</v>
      </c>
      <c r="P38" s="274"/>
      <c r="Q38" s="72">
        <v>0</v>
      </c>
      <c r="R38" s="72">
        <v>0</v>
      </c>
      <c r="S38" s="72">
        <v>0</v>
      </c>
      <c r="T38" s="72">
        <v>0</v>
      </c>
      <c r="U38" s="72">
        <v>0</v>
      </c>
      <c r="V38" s="73">
        <v>0</v>
      </c>
      <c r="W38" s="74">
        <v>0</v>
      </c>
      <c r="X38" s="71">
        <v>1</v>
      </c>
      <c r="Y38" s="72">
        <v>1</v>
      </c>
      <c r="Z38" s="73">
        <v>2</v>
      </c>
      <c r="AA38" s="271"/>
      <c r="AB38" s="72">
        <v>0</v>
      </c>
      <c r="AC38" s="72">
        <v>0</v>
      </c>
      <c r="AD38" s="72">
        <v>0</v>
      </c>
      <c r="AE38" s="72">
        <v>0</v>
      </c>
      <c r="AF38" s="72">
        <v>0</v>
      </c>
      <c r="AG38" s="73">
        <v>0</v>
      </c>
      <c r="AH38" s="74">
        <v>2</v>
      </c>
      <c r="AI38" s="71">
        <v>1</v>
      </c>
      <c r="AJ38" s="72">
        <v>0</v>
      </c>
      <c r="AK38" s="73">
        <v>1</v>
      </c>
      <c r="AL38" s="271"/>
      <c r="AM38" s="72">
        <v>4</v>
      </c>
      <c r="AN38" s="72">
        <v>0</v>
      </c>
      <c r="AO38" s="72">
        <v>1</v>
      </c>
      <c r="AP38" s="72">
        <v>1</v>
      </c>
      <c r="AQ38" s="72">
        <v>0</v>
      </c>
      <c r="AR38" s="73">
        <v>6</v>
      </c>
      <c r="AS38" s="74">
        <v>7</v>
      </c>
      <c r="AT38" s="71">
        <v>2</v>
      </c>
      <c r="AU38" s="72">
        <v>2</v>
      </c>
      <c r="AV38" s="73">
        <v>4</v>
      </c>
      <c r="AW38" s="271"/>
      <c r="AX38" s="72">
        <v>4</v>
      </c>
      <c r="AY38" s="72">
        <v>2</v>
      </c>
      <c r="AZ38" s="72">
        <v>2</v>
      </c>
      <c r="BA38" s="72">
        <v>2</v>
      </c>
      <c r="BB38" s="72">
        <v>0</v>
      </c>
      <c r="BC38" s="73">
        <v>10</v>
      </c>
      <c r="BD38" s="74">
        <v>14</v>
      </c>
      <c r="BE38" s="71">
        <v>3</v>
      </c>
      <c r="BF38" s="72">
        <v>2</v>
      </c>
      <c r="BG38" s="73">
        <v>5</v>
      </c>
      <c r="BH38" s="271"/>
      <c r="BI38" s="72">
        <v>1</v>
      </c>
      <c r="BJ38" s="72">
        <v>4</v>
      </c>
      <c r="BK38" s="72">
        <v>0</v>
      </c>
      <c r="BL38" s="72">
        <v>1</v>
      </c>
      <c r="BM38" s="72">
        <v>1</v>
      </c>
      <c r="BN38" s="73">
        <v>7</v>
      </c>
      <c r="BO38" s="74">
        <v>12</v>
      </c>
      <c r="BP38" s="71">
        <v>2</v>
      </c>
      <c r="BQ38" s="72">
        <v>2</v>
      </c>
      <c r="BR38" s="73">
        <v>4</v>
      </c>
      <c r="BS38" s="271"/>
      <c r="BT38" s="72">
        <v>6</v>
      </c>
      <c r="BU38" s="72">
        <v>5</v>
      </c>
      <c r="BV38" s="72">
        <v>2</v>
      </c>
      <c r="BW38" s="72">
        <v>3</v>
      </c>
      <c r="BX38" s="72">
        <v>1</v>
      </c>
      <c r="BY38" s="73">
        <v>17</v>
      </c>
      <c r="BZ38" s="74">
        <v>21</v>
      </c>
      <c r="CA38" s="71">
        <v>0</v>
      </c>
      <c r="CB38" s="72">
        <v>0</v>
      </c>
      <c r="CC38" s="73">
        <v>0</v>
      </c>
      <c r="CD38" s="271"/>
      <c r="CE38" s="72">
        <v>0</v>
      </c>
      <c r="CF38" s="72">
        <v>0</v>
      </c>
      <c r="CG38" s="72">
        <v>0</v>
      </c>
      <c r="CH38" s="72">
        <v>0</v>
      </c>
      <c r="CI38" s="72">
        <v>0</v>
      </c>
      <c r="CJ38" s="73">
        <v>0</v>
      </c>
      <c r="CK38" s="74">
        <v>0</v>
      </c>
      <c r="CL38" s="71">
        <v>9</v>
      </c>
      <c r="CM38" s="72">
        <v>7</v>
      </c>
      <c r="CN38" s="73">
        <v>16</v>
      </c>
      <c r="CO38" s="271"/>
      <c r="CP38" s="72">
        <v>15</v>
      </c>
      <c r="CQ38" s="72">
        <v>11</v>
      </c>
      <c r="CR38" s="72">
        <v>5</v>
      </c>
      <c r="CS38" s="72">
        <v>7</v>
      </c>
      <c r="CT38" s="72">
        <v>2</v>
      </c>
      <c r="CU38" s="73">
        <v>40</v>
      </c>
      <c r="CV38" s="74">
        <v>56</v>
      </c>
      <c r="CW38" s="127">
        <v>3</v>
      </c>
      <c r="CX38" s="83">
        <v>0</v>
      </c>
      <c r="CY38" s="84">
        <v>3</v>
      </c>
      <c r="CZ38" s="271"/>
      <c r="DA38" s="83">
        <v>5</v>
      </c>
      <c r="DB38" s="83">
        <v>4</v>
      </c>
      <c r="DC38" s="83">
        <v>0</v>
      </c>
      <c r="DD38" s="83">
        <v>3</v>
      </c>
      <c r="DE38" s="83">
        <v>1</v>
      </c>
      <c r="DF38" s="85">
        <v>13</v>
      </c>
      <c r="DG38" s="86">
        <v>16</v>
      </c>
      <c r="DH38" s="71">
        <v>0</v>
      </c>
      <c r="DI38" s="72">
        <v>0</v>
      </c>
      <c r="DJ38" s="73">
        <v>0</v>
      </c>
      <c r="DK38" s="271"/>
      <c r="DL38" s="72">
        <v>0</v>
      </c>
      <c r="DM38" s="72">
        <v>0</v>
      </c>
      <c r="DN38" s="72">
        <v>0</v>
      </c>
      <c r="DO38" s="72">
        <v>0</v>
      </c>
      <c r="DP38" s="72">
        <v>0</v>
      </c>
      <c r="DQ38" s="73">
        <v>0</v>
      </c>
      <c r="DR38" s="74">
        <v>0</v>
      </c>
      <c r="DS38" s="71">
        <v>0</v>
      </c>
      <c r="DT38" s="72">
        <v>0</v>
      </c>
      <c r="DU38" s="73">
        <v>0</v>
      </c>
      <c r="DV38" s="271"/>
      <c r="DW38" s="72">
        <v>1</v>
      </c>
      <c r="DX38" s="72">
        <v>0</v>
      </c>
      <c r="DY38" s="72">
        <v>0</v>
      </c>
      <c r="DZ38" s="72">
        <v>0</v>
      </c>
      <c r="EA38" s="72">
        <v>0</v>
      </c>
      <c r="EB38" s="73">
        <v>1</v>
      </c>
      <c r="EC38" s="74">
        <v>1</v>
      </c>
      <c r="ED38" s="71">
        <v>0</v>
      </c>
      <c r="EE38" s="72">
        <v>0</v>
      </c>
      <c r="EF38" s="73">
        <v>0</v>
      </c>
      <c r="EG38" s="271"/>
      <c r="EH38" s="72">
        <v>0</v>
      </c>
      <c r="EI38" s="72">
        <v>0</v>
      </c>
      <c r="EJ38" s="72">
        <v>0</v>
      </c>
      <c r="EK38" s="72">
        <v>0</v>
      </c>
      <c r="EL38" s="72">
        <v>0</v>
      </c>
      <c r="EM38" s="73">
        <v>0</v>
      </c>
      <c r="EN38" s="74">
        <v>0</v>
      </c>
      <c r="EO38" s="71">
        <v>1</v>
      </c>
      <c r="EP38" s="72">
        <v>0</v>
      </c>
      <c r="EQ38" s="73">
        <v>1</v>
      </c>
      <c r="ER38" s="271"/>
      <c r="ES38" s="72">
        <v>0</v>
      </c>
      <c r="ET38" s="72">
        <v>1</v>
      </c>
      <c r="EU38" s="72">
        <v>0</v>
      </c>
      <c r="EV38" s="72">
        <v>0</v>
      </c>
      <c r="EW38" s="72">
        <v>0</v>
      </c>
      <c r="EX38" s="73">
        <v>1</v>
      </c>
      <c r="EY38" s="74">
        <v>2</v>
      </c>
      <c r="EZ38" s="71">
        <v>0</v>
      </c>
      <c r="FA38" s="72">
        <v>0</v>
      </c>
      <c r="FB38" s="73">
        <v>0</v>
      </c>
      <c r="FC38" s="271"/>
      <c r="FD38" s="72">
        <v>2</v>
      </c>
      <c r="FE38" s="72">
        <v>1</v>
      </c>
      <c r="FF38" s="72">
        <v>0</v>
      </c>
      <c r="FG38" s="72">
        <v>1</v>
      </c>
      <c r="FH38" s="72">
        <v>0</v>
      </c>
      <c r="FI38" s="73">
        <v>4</v>
      </c>
      <c r="FJ38" s="74">
        <v>4</v>
      </c>
      <c r="FK38" s="71">
        <v>2</v>
      </c>
      <c r="FL38" s="72">
        <v>0</v>
      </c>
      <c r="FM38" s="73">
        <v>2</v>
      </c>
      <c r="FN38" s="271"/>
      <c r="FO38" s="72">
        <v>2</v>
      </c>
      <c r="FP38" s="72">
        <v>2</v>
      </c>
      <c r="FQ38" s="72">
        <v>0</v>
      </c>
      <c r="FR38" s="72">
        <v>2</v>
      </c>
      <c r="FS38" s="72">
        <v>1</v>
      </c>
      <c r="FT38" s="73">
        <v>7</v>
      </c>
      <c r="FU38" s="74">
        <v>9</v>
      </c>
      <c r="FV38" s="71">
        <v>0</v>
      </c>
      <c r="FW38" s="72">
        <v>0</v>
      </c>
      <c r="FX38" s="73">
        <v>0</v>
      </c>
      <c r="FY38" s="271"/>
      <c r="FZ38" s="72">
        <v>0</v>
      </c>
      <c r="GA38" s="72">
        <v>0</v>
      </c>
      <c r="GB38" s="72">
        <v>0</v>
      </c>
      <c r="GC38" s="72">
        <v>0</v>
      </c>
      <c r="GD38" s="72">
        <v>0</v>
      </c>
      <c r="GE38" s="73">
        <v>0</v>
      </c>
      <c r="GF38" s="74">
        <v>0</v>
      </c>
      <c r="GG38" s="71">
        <v>3</v>
      </c>
      <c r="GH38" s="72">
        <v>0</v>
      </c>
      <c r="GI38" s="73">
        <v>3</v>
      </c>
      <c r="GJ38" s="271"/>
      <c r="GK38" s="72">
        <v>5</v>
      </c>
      <c r="GL38" s="72">
        <v>4</v>
      </c>
      <c r="GM38" s="72">
        <v>0</v>
      </c>
      <c r="GN38" s="72">
        <v>3</v>
      </c>
      <c r="GO38" s="72">
        <v>1</v>
      </c>
      <c r="GP38" s="73">
        <v>13</v>
      </c>
      <c r="GQ38" s="74">
        <v>16</v>
      </c>
      <c r="GR38" s="127">
        <v>12</v>
      </c>
      <c r="GS38" s="83">
        <v>7</v>
      </c>
      <c r="GT38" s="84">
        <v>19</v>
      </c>
      <c r="GU38" s="271"/>
      <c r="GV38" s="83">
        <v>20</v>
      </c>
      <c r="GW38" s="83">
        <v>15</v>
      </c>
      <c r="GX38" s="83">
        <v>5</v>
      </c>
      <c r="GY38" s="83">
        <v>10</v>
      </c>
      <c r="GZ38" s="83">
        <v>3</v>
      </c>
      <c r="HA38" s="85">
        <v>53</v>
      </c>
      <c r="HB38" s="86">
        <v>72</v>
      </c>
      <c r="HC38" s="71">
        <v>0</v>
      </c>
      <c r="HD38" s="72">
        <v>0</v>
      </c>
      <c r="HE38" s="73">
        <v>0</v>
      </c>
      <c r="HF38" s="271"/>
      <c r="HG38" s="72">
        <v>0</v>
      </c>
      <c r="HH38" s="72">
        <v>0</v>
      </c>
      <c r="HI38" s="72">
        <v>0</v>
      </c>
      <c r="HJ38" s="72">
        <v>0</v>
      </c>
      <c r="HK38" s="72">
        <v>0</v>
      </c>
      <c r="HL38" s="73">
        <v>0</v>
      </c>
      <c r="HM38" s="74">
        <v>0</v>
      </c>
      <c r="HN38" s="71">
        <v>1</v>
      </c>
      <c r="HO38" s="72">
        <v>1</v>
      </c>
      <c r="HP38" s="73">
        <v>2</v>
      </c>
      <c r="HQ38" s="271"/>
      <c r="HR38" s="72">
        <v>1</v>
      </c>
      <c r="HS38" s="72">
        <v>0</v>
      </c>
      <c r="HT38" s="72">
        <v>0</v>
      </c>
      <c r="HU38" s="72">
        <v>0</v>
      </c>
      <c r="HV38" s="72">
        <v>0</v>
      </c>
      <c r="HW38" s="73">
        <v>1</v>
      </c>
      <c r="HX38" s="74">
        <v>3</v>
      </c>
      <c r="HY38" s="71">
        <v>1</v>
      </c>
      <c r="HZ38" s="72">
        <v>0</v>
      </c>
      <c r="IA38" s="73">
        <v>1</v>
      </c>
      <c r="IB38" s="271"/>
      <c r="IC38" s="72">
        <v>4</v>
      </c>
      <c r="ID38" s="72">
        <v>0</v>
      </c>
      <c r="IE38" s="72">
        <v>1</v>
      </c>
      <c r="IF38" s="72">
        <v>1</v>
      </c>
      <c r="IG38" s="72">
        <v>0</v>
      </c>
      <c r="IH38" s="73">
        <v>6</v>
      </c>
      <c r="II38" s="74">
        <v>7</v>
      </c>
      <c r="IJ38" s="71">
        <v>3</v>
      </c>
      <c r="IK38" s="72">
        <v>2</v>
      </c>
      <c r="IL38" s="73">
        <v>5</v>
      </c>
      <c r="IM38" s="271"/>
      <c r="IN38" s="72">
        <v>4</v>
      </c>
      <c r="IO38" s="72">
        <v>3</v>
      </c>
      <c r="IP38" s="72">
        <v>2</v>
      </c>
      <c r="IQ38" s="72">
        <v>2</v>
      </c>
      <c r="IR38" s="72">
        <v>0</v>
      </c>
      <c r="IS38" s="73">
        <v>11</v>
      </c>
      <c r="IT38" s="74">
        <v>16</v>
      </c>
      <c r="IU38" s="71">
        <v>3</v>
      </c>
      <c r="IV38" s="72">
        <v>2</v>
      </c>
      <c r="IW38" s="73">
        <v>5</v>
      </c>
      <c r="IX38" s="271"/>
      <c r="IY38" s="72">
        <v>3</v>
      </c>
      <c r="IZ38" s="72">
        <v>5</v>
      </c>
      <c r="JA38" s="72">
        <v>0</v>
      </c>
      <c r="JB38" s="72">
        <v>2</v>
      </c>
      <c r="JC38" s="72">
        <v>1</v>
      </c>
      <c r="JD38" s="73">
        <v>11</v>
      </c>
      <c r="JE38" s="74">
        <v>16</v>
      </c>
      <c r="JF38" s="71">
        <v>4</v>
      </c>
      <c r="JG38" s="72">
        <v>2</v>
      </c>
      <c r="JH38" s="73">
        <v>6</v>
      </c>
      <c r="JI38" s="271"/>
      <c r="JJ38" s="72">
        <v>8</v>
      </c>
      <c r="JK38" s="72">
        <v>7</v>
      </c>
      <c r="JL38" s="72">
        <v>2</v>
      </c>
      <c r="JM38" s="72">
        <v>5</v>
      </c>
      <c r="JN38" s="72">
        <v>2</v>
      </c>
      <c r="JO38" s="73">
        <v>24</v>
      </c>
      <c r="JP38" s="74">
        <v>30</v>
      </c>
      <c r="JQ38" s="71">
        <v>0</v>
      </c>
      <c r="JR38" s="72">
        <v>0</v>
      </c>
      <c r="JS38" s="73">
        <v>0</v>
      </c>
      <c r="JT38" s="271"/>
      <c r="JU38" s="72">
        <v>0</v>
      </c>
      <c r="JV38" s="72">
        <v>0</v>
      </c>
      <c r="JW38" s="72">
        <v>0</v>
      </c>
      <c r="JX38" s="72">
        <v>0</v>
      </c>
      <c r="JY38" s="72">
        <v>0</v>
      </c>
      <c r="JZ38" s="73">
        <v>0</v>
      </c>
      <c r="KA38" s="74">
        <v>0</v>
      </c>
      <c r="KB38" s="71">
        <v>12</v>
      </c>
      <c r="KC38" s="72">
        <v>7</v>
      </c>
      <c r="KD38" s="73">
        <v>19</v>
      </c>
      <c r="KE38" s="271"/>
      <c r="KF38" s="72">
        <v>20</v>
      </c>
      <c r="KG38" s="72">
        <v>15</v>
      </c>
      <c r="KH38" s="72">
        <v>5</v>
      </c>
      <c r="KI38" s="72">
        <v>10</v>
      </c>
      <c r="KJ38" s="72">
        <v>3</v>
      </c>
      <c r="KK38" s="73">
        <v>53</v>
      </c>
      <c r="KL38" s="74">
        <v>72</v>
      </c>
    </row>
    <row r="39" spans="1:298" ht="19.5" customHeight="1" x14ac:dyDescent="0.2">
      <c r="A39" s="130" t="s">
        <v>36</v>
      </c>
      <c r="B39" s="353">
        <v>5</v>
      </c>
      <c r="C39" s="83">
        <v>8</v>
      </c>
      <c r="D39" s="84">
        <v>13</v>
      </c>
      <c r="E39" s="271"/>
      <c r="F39" s="83">
        <v>9</v>
      </c>
      <c r="G39" s="83">
        <v>6</v>
      </c>
      <c r="H39" s="83">
        <v>11</v>
      </c>
      <c r="I39" s="83">
        <v>10</v>
      </c>
      <c r="J39" s="83">
        <v>2</v>
      </c>
      <c r="K39" s="85">
        <v>38</v>
      </c>
      <c r="L39" s="86">
        <v>51</v>
      </c>
      <c r="M39" s="71">
        <v>0</v>
      </c>
      <c r="N39" s="72">
        <v>0</v>
      </c>
      <c r="O39" s="73">
        <v>0</v>
      </c>
      <c r="P39" s="274"/>
      <c r="Q39" s="72">
        <v>1</v>
      </c>
      <c r="R39" s="72">
        <v>1</v>
      </c>
      <c r="S39" s="72">
        <v>0</v>
      </c>
      <c r="T39" s="72">
        <v>0</v>
      </c>
      <c r="U39" s="72">
        <v>0</v>
      </c>
      <c r="V39" s="73">
        <v>2</v>
      </c>
      <c r="W39" s="74">
        <v>2</v>
      </c>
      <c r="X39" s="71">
        <v>2</v>
      </c>
      <c r="Y39" s="72">
        <v>0</v>
      </c>
      <c r="Z39" s="73">
        <v>2</v>
      </c>
      <c r="AA39" s="271"/>
      <c r="AB39" s="72">
        <v>0</v>
      </c>
      <c r="AC39" s="72">
        <v>0</v>
      </c>
      <c r="AD39" s="72">
        <v>0</v>
      </c>
      <c r="AE39" s="72">
        <v>3</v>
      </c>
      <c r="AF39" s="72">
        <v>0</v>
      </c>
      <c r="AG39" s="73">
        <v>3</v>
      </c>
      <c r="AH39" s="74">
        <v>5</v>
      </c>
      <c r="AI39" s="71">
        <v>0</v>
      </c>
      <c r="AJ39" s="72">
        <v>0</v>
      </c>
      <c r="AK39" s="73">
        <v>0</v>
      </c>
      <c r="AL39" s="271"/>
      <c r="AM39" s="72">
        <v>1</v>
      </c>
      <c r="AN39" s="72">
        <v>0</v>
      </c>
      <c r="AO39" s="72">
        <v>2</v>
      </c>
      <c r="AP39" s="72">
        <v>0</v>
      </c>
      <c r="AQ39" s="72">
        <v>0</v>
      </c>
      <c r="AR39" s="73">
        <v>3</v>
      </c>
      <c r="AS39" s="74">
        <v>3</v>
      </c>
      <c r="AT39" s="71">
        <v>2</v>
      </c>
      <c r="AU39" s="72">
        <v>2</v>
      </c>
      <c r="AV39" s="73">
        <v>4</v>
      </c>
      <c r="AW39" s="271"/>
      <c r="AX39" s="72">
        <v>1</v>
      </c>
      <c r="AY39" s="72">
        <v>0</v>
      </c>
      <c r="AZ39" s="72">
        <v>1</v>
      </c>
      <c r="BA39" s="72">
        <v>0</v>
      </c>
      <c r="BB39" s="72">
        <v>1</v>
      </c>
      <c r="BC39" s="73">
        <v>3</v>
      </c>
      <c r="BD39" s="74">
        <v>7</v>
      </c>
      <c r="BE39" s="71">
        <v>0</v>
      </c>
      <c r="BF39" s="72">
        <v>5</v>
      </c>
      <c r="BG39" s="73">
        <v>5</v>
      </c>
      <c r="BH39" s="271"/>
      <c r="BI39" s="72">
        <v>3</v>
      </c>
      <c r="BJ39" s="72">
        <v>4</v>
      </c>
      <c r="BK39" s="72">
        <v>3</v>
      </c>
      <c r="BL39" s="72">
        <v>5</v>
      </c>
      <c r="BM39" s="72">
        <v>1</v>
      </c>
      <c r="BN39" s="73">
        <v>16</v>
      </c>
      <c r="BO39" s="74">
        <v>21</v>
      </c>
      <c r="BP39" s="71">
        <v>1</v>
      </c>
      <c r="BQ39" s="72">
        <v>1</v>
      </c>
      <c r="BR39" s="73">
        <v>2</v>
      </c>
      <c r="BS39" s="271"/>
      <c r="BT39" s="72">
        <v>3</v>
      </c>
      <c r="BU39" s="72">
        <v>1</v>
      </c>
      <c r="BV39" s="72">
        <v>5</v>
      </c>
      <c r="BW39" s="72">
        <v>2</v>
      </c>
      <c r="BX39" s="72">
        <v>0</v>
      </c>
      <c r="BY39" s="73">
        <v>11</v>
      </c>
      <c r="BZ39" s="74">
        <v>13</v>
      </c>
      <c r="CA39" s="71">
        <v>0</v>
      </c>
      <c r="CB39" s="72">
        <v>0</v>
      </c>
      <c r="CC39" s="73">
        <v>0</v>
      </c>
      <c r="CD39" s="271"/>
      <c r="CE39" s="72">
        <v>0</v>
      </c>
      <c r="CF39" s="72">
        <v>0</v>
      </c>
      <c r="CG39" s="72">
        <v>0</v>
      </c>
      <c r="CH39" s="72">
        <v>0</v>
      </c>
      <c r="CI39" s="72">
        <v>0</v>
      </c>
      <c r="CJ39" s="73">
        <v>0</v>
      </c>
      <c r="CK39" s="74">
        <v>0</v>
      </c>
      <c r="CL39" s="71">
        <v>5</v>
      </c>
      <c r="CM39" s="72">
        <v>8</v>
      </c>
      <c r="CN39" s="73">
        <v>13</v>
      </c>
      <c r="CO39" s="271"/>
      <c r="CP39" s="72">
        <v>9</v>
      </c>
      <c r="CQ39" s="72">
        <v>6</v>
      </c>
      <c r="CR39" s="72">
        <v>11</v>
      </c>
      <c r="CS39" s="72">
        <v>10</v>
      </c>
      <c r="CT39" s="72">
        <v>2</v>
      </c>
      <c r="CU39" s="73">
        <v>38</v>
      </c>
      <c r="CV39" s="74">
        <v>51</v>
      </c>
      <c r="CW39" s="127">
        <v>2</v>
      </c>
      <c r="CX39" s="83">
        <v>1</v>
      </c>
      <c r="CY39" s="84">
        <v>3</v>
      </c>
      <c r="CZ39" s="271"/>
      <c r="DA39" s="83">
        <v>0</v>
      </c>
      <c r="DB39" s="83">
        <v>0</v>
      </c>
      <c r="DC39" s="83">
        <v>0</v>
      </c>
      <c r="DD39" s="83">
        <v>0</v>
      </c>
      <c r="DE39" s="83">
        <v>5</v>
      </c>
      <c r="DF39" s="85">
        <v>5</v>
      </c>
      <c r="DG39" s="86">
        <v>8</v>
      </c>
      <c r="DH39" s="71">
        <v>0</v>
      </c>
      <c r="DI39" s="72">
        <v>0</v>
      </c>
      <c r="DJ39" s="73">
        <v>0</v>
      </c>
      <c r="DK39" s="271"/>
      <c r="DL39" s="72">
        <v>0</v>
      </c>
      <c r="DM39" s="72">
        <v>0</v>
      </c>
      <c r="DN39" s="72">
        <v>0</v>
      </c>
      <c r="DO39" s="72">
        <v>0</v>
      </c>
      <c r="DP39" s="72">
        <v>0</v>
      </c>
      <c r="DQ39" s="73">
        <v>0</v>
      </c>
      <c r="DR39" s="74">
        <v>0</v>
      </c>
      <c r="DS39" s="71">
        <v>0</v>
      </c>
      <c r="DT39" s="72">
        <v>0</v>
      </c>
      <c r="DU39" s="73">
        <v>0</v>
      </c>
      <c r="DV39" s="271"/>
      <c r="DW39" s="72">
        <v>0</v>
      </c>
      <c r="DX39" s="72">
        <v>0</v>
      </c>
      <c r="DY39" s="72">
        <v>0</v>
      </c>
      <c r="DZ39" s="72">
        <v>0</v>
      </c>
      <c r="EA39" s="72">
        <v>0</v>
      </c>
      <c r="EB39" s="73">
        <v>0</v>
      </c>
      <c r="EC39" s="74">
        <v>0</v>
      </c>
      <c r="ED39" s="71">
        <v>0</v>
      </c>
      <c r="EE39" s="72">
        <v>0</v>
      </c>
      <c r="EF39" s="73">
        <v>0</v>
      </c>
      <c r="EG39" s="271"/>
      <c r="EH39" s="72">
        <v>0</v>
      </c>
      <c r="EI39" s="72">
        <v>0</v>
      </c>
      <c r="EJ39" s="72">
        <v>0</v>
      </c>
      <c r="EK39" s="72">
        <v>0</v>
      </c>
      <c r="EL39" s="72">
        <v>0</v>
      </c>
      <c r="EM39" s="73">
        <v>0</v>
      </c>
      <c r="EN39" s="74">
        <v>0</v>
      </c>
      <c r="EO39" s="71">
        <v>0</v>
      </c>
      <c r="EP39" s="72">
        <v>1</v>
      </c>
      <c r="EQ39" s="73">
        <v>1</v>
      </c>
      <c r="ER39" s="271"/>
      <c r="ES39" s="72">
        <v>0</v>
      </c>
      <c r="ET39" s="72">
        <v>0</v>
      </c>
      <c r="EU39" s="72">
        <v>0</v>
      </c>
      <c r="EV39" s="72">
        <v>0</v>
      </c>
      <c r="EW39" s="72">
        <v>0</v>
      </c>
      <c r="EX39" s="73">
        <v>0</v>
      </c>
      <c r="EY39" s="74">
        <v>1</v>
      </c>
      <c r="EZ39" s="71">
        <v>1</v>
      </c>
      <c r="FA39" s="72">
        <v>0</v>
      </c>
      <c r="FB39" s="73">
        <v>1</v>
      </c>
      <c r="FC39" s="271"/>
      <c r="FD39" s="72">
        <v>0</v>
      </c>
      <c r="FE39" s="72">
        <v>0</v>
      </c>
      <c r="FF39" s="72">
        <v>0</v>
      </c>
      <c r="FG39" s="72">
        <v>0</v>
      </c>
      <c r="FH39" s="72">
        <v>2</v>
      </c>
      <c r="FI39" s="73">
        <v>2</v>
      </c>
      <c r="FJ39" s="74">
        <v>3</v>
      </c>
      <c r="FK39" s="71">
        <v>1</v>
      </c>
      <c r="FL39" s="72">
        <v>0</v>
      </c>
      <c r="FM39" s="73">
        <v>1</v>
      </c>
      <c r="FN39" s="271"/>
      <c r="FO39" s="72">
        <v>0</v>
      </c>
      <c r="FP39" s="72">
        <v>0</v>
      </c>
      <c r="FQ39" s="72">
        <v>0</v>
      </c>
      <c r="FR39" s="72">
        <v>0</v>
      </c>
      <c r="FS39" s="72">
        <v>3</v>
      </c>
      <c r="FT39" s="73">
        <v>3</v>
      </c>
      <c r="FU39" s="74">
        <v>4</v>
      </c>
      <c r="FV39" s="71">
        <v>0</v>
      </c>
      <c r="FW39" s="72">
        <v>0</v>
      </c>
      <c r="FX39" s="73">
        <v>0</v>
      </c>
      <c r="FY39" s="271"/>
      <c r="FZ39" s="72">
        <v>0</v>
      </c>
      <c r="GA39" s="72">
        <v>0</v>
      </c>
      <c r="GB39" s="72">
        <v>0</v>
      </c>
      <c r="GC39" s="72">
        <v>0</v>
      </c>
      <c r="GD39" s="72">
        <v>0</v>
      </c>
      <c r="GE39" s="73">
        <v>0</v>
      </c>
      <c r="GF39" s="74">
        <v>0</v>
      </c>
      <c r="GG39" s="71">
        <v>2</v>
      </c>
      <c r="GH39" s="72">
        <v>1</v>
      </c>
      <c r="GI39" s="73">
        <v>3</v>
      </c>
      <c r="GJ39" s="271"/>
      <c r="GK39" s="72">
        <v>0</v>
      </c>
      <c r="GL39" s="72">
        <v>0</v>
      </c>
      <c r="GM39" s="72">
        <v>0</v>
      </c>
      <c r="GN39" s="72">
        <v>0</v>
      </c>
      <c r="GO39" s="72">
        <v>5</v>
      </c>
      <c r="GP39" s="73">
        <v>5</v>
      </c>
      <c r="GQ39" s="74">
        <v>8</v>
      </c>
      <c r="GR39" s="127">
        <v>7</v>
      </c>
      <c r="GS39" s="83">
        <v>9</v>
      </c>
      <c r="GT39" s="84">
        <v>16</v>
      </c>
      <c r="GU39" s="271"/>
      <c r="GV39" s="83">
        <v>9</v>
      </c>
      <c r="GW39" s="83">
        <v>6</v>
      </c>
      <c r="GX39" s="83">
        <v>11</v>
      </c>
      <c r="GY39" s="83">
        <v>10</v>
      </c>
      <c r="GZ39" s="83">
        <v>7</v>
      </c>
      <c r="HA39" s="85">
        <v>43</v>
      </c>
      <c r="HB39" s="86">
        <v>59</v>
      </c>
      <c r="HC39" s="71">
        <v>0</v>
      </c>
      <c r="HD39" s="72">
        <v>0</v>
      </c>
      <c r="HE39" s="73">
        <v>0</v>
      </c>
      <c r="HF39" s="271"/>
      <c r="HG39" s="72">
        <v>1</v>
      </c>
      <c r="HH39" s="72">
        <v>1</v>
      </c>
      <c r="HI39" s="72">
        <v>0</v>
      </c>
      <c r="HJ39" s="72">
        <v>0</v>
      </c>
      <c r="HK39" s="72">
        <v>0</v>
      </c>
      <c r="HL39" s="73">
        <v>2</v>
      </c>
      <c r="HM39" s="74">
        <v>2</v>
      </c>
      <c r="HN39" s="71">
        <v>2</v>
      </c>
      <c r="HO39" s="72">
        <v>0</v>
      </c>
      <c r="HP39" s="73">
        <v>2</v>
      </c>
      <c r="HQ39" s="271"/>
      <c r="HR39" s="72">
        <v>0</v>
      </c>
      <c r="HS39" s="72">
        <v>0</v>
      </c>
      <c r="HT39" s="72">
        <v>0</v>
      </c>
      <c r="HU39" s="72">
        <v>3</v>
      </c>
      <c r="HV39" s="72">
        <v>0</v>
      </c>
      <c r="HW39" s="73">
        <v>3</v>
      </c>
      <c r="HX39" s="74">
        <v>5</v>
      </c>
      <c r="HY39" s="71">
        <v>0</v>
      </c>
      <c r="HZ39" s="72">
        <v>0</v>
      </c>
      <c r="IA39" s="73">
        <v>0</v>
      </c>
      <c r="IB39" s="271"/>
      <c r="IC39" s="72">
        <v>1</v>
      </c>
      <c r="ID39" s="72">
        <v>0</v>
      </c>
      <c r="IE39" s="72">
        <v>2</v>
      </c>
      <c r="IF39" s="72">
        <v>0</v>
      </c>
      <c r="IG39" s="72">
        <v>0</v>
      </c>
      <c r="IH39" s="73">
        <v>3</v>
      </c>
      <c r="II39" s="74">
        <v>3</v>
      </c>
      <c r="IJ39" s="71">
        <v>2</v>
      </c>
      <c r="IK39" s="72">
        <v>3</v>
      </c>
      <c r="IL39" s="73">
        <v>5</v>
      </c>
      <c r="IM39" s="271"/>
      <c r="IN39" s="72">
        <v>1</v>
      </c>
      <c r="IO39" s="72">
        <v>0</v>
      </c>
      <c r="IP39" s="72">
        <v>1</v>
      </c>
      <c r="IQ39" s="72">
        <v>0</v>
      </c>
      <c r="IR39" s="72">
        <v>1</v>
      </c>
      <c r="IS39" s="73">
        <v>3</v>
      </c>
      <c r="IT39" s="74">
        <v>8</v>
      </c>
      <c r="IU39" s="71">
        <v>1</v>
      </c>
      <c r="IV39" s="72">
        <v>5</v>
      </c>
      <c r="IW39" s="73">
        <v>6</v>
      </c>
      <c r="IX39" s="271"/>
      <c r="IY39" s="72">
        <v>3</v>
      </c>
      <c r="IZ39" s="72">
        <v>4</v>
      </c>
      <c r="JA39" s="72">
        <v>3</v>
      </c>
      <c r="JB39" s="72">
        <v>5</v>
      </c>
      <c r="JC39" s="72">
        <v>3</v>
      </c>
      <c r="JD39" s="73">
        <v>18</v>
      </c>
      <c r="JE39" s="74">
        <v>24</v>
      </c>
      <c r="JF39" s="71">
        <v>2</v>
      </c>
      <c r="JG39" s="72">
        <v>1</v>
      </c>
      <c r="JH39" s="73">
        <v>3</v>
      </c>
      <c r="JI39" s="271"/>
      <c r="JJ39" s="72">
        <v>3</v>
      </c>
      <c r="JK39" s="72">
        <v>1</v>
      </c>
      <c r="JL39" s="72">
        <v>5</v>
      </c>
      <c r="JM39" s="72">
        <v>2</v>
      </c>
      <c r="JN39" s="72">
        <v>3</v>
      </c>
      <c r="JO39" s="73">
        <v>14</v>
      </c>
      <c r="JP39" s="74">
        <v>17</v>
      </c>
      <c r="JQ39" s="71">
        <v>0</v>
      </c>
      <c r="JR39" s="72">
        <v>0</v>
      </c>
      <c r="JS39" s="73">
        <v>0</v>
      </c>
      <c r="JT39" s="271"/>
      <c r="JU39" s="72">
        <v>0</v>
      </c>
      <c r="JV39" s="72">
        <v>0</v>
      </c>
      <c r="JW39" s="72">
        <v>0</v>
      </c>
      <c r="JX39" s="72">
        <v>0</v>
      </c>
      <c r="JY39" s="72">
        <v>0</v>
      </c>
      <c r="JZ39" s="73">
        <v>0</v>
      </c>
      <c r="KA39" s="74">
        <v>0</v>
      </c>
      <c r="KB39" s="71">
        <v>7</v>
      </c>
      <c r="KC39" s="72">
        <v>9</v>
      </c>
      <c r="KD39" s="73">
        <v>16</v>
      </c>
      <c r="KE39" s="271"/>
      <c r="KF39" s="72">
        <v>9</v>
      </c>
      <c r="KG39" s="72">
        <v>6</v>
      </c>
      <c r="KH39" s="72">
        <v>11</v>
      </c>
      <c r="KI39" s="72">
        <v>10</v>
      </c>
      <c r="KJ39" s="72">
        <v>7</v>
      </c>
      <c r="KK39" s="73">
        <v>43</v>
      </c>
      <c r="KL39" s="74">
        <v>59</v>
      </c>
    </row>
    <row r="40" spans="1:298" ht="19.5" customHeight="1" thickBot="1" x14ac:dyDescent="0.25">
      <c r="A40" s="131" t="s">
        <v>37</v>
      </c>
      <c r="B40" s="354">
        <v>1</v>
      </c>
      <c r="C40" s="88">
        <v>0</v>
      </c>
      <c r="D40" s="89">
        <v>1</v>
      </c>
      <c r="E40" s="272"/>
      <c r="F40" s="88">
        <v>3</v>
      </c>
      <c r="G40" s="88">
        <v>2</v>
      </c>
      <c r="H40" s="88">
        <v>1</v>
      </c>
      <c r="I40" s="88">
        <v>0</v>
      </c>
      <c r="J40" s="88">
        <v>1</v>
      </c>
      <c r="K40" s="90">
        <v>7</v>
      </c>
      <c r="L40" s="91">
        <v>8</v>
      </c>
      <c r="M40" s="75">
        <v>0</v>
      </c>
      <c r="N40" s="76">
        <v>0</v>
      </c>
      <c r="O40" s="77">
        <v>0</v>
      </c>
      <c r="P40" s="275"/>
      <c r="Q40" s="76">
        <v>0</v>
      </c>
      <c r="R40" s="76">
        <v>0</v>
      </c>
      <c r="S40" s="76">
        <v>0</v>
      </c>
      <c r="T40" s="76">
        <v>0</v>
      </c>
      <c r="U40" s="76">
        <v>0</v>
      </c>
      <c r="V40" s="77">
        <v>0</v>
      </c>
      <c r="W40" s="78">
        <v>0</v>
      </c>
      <c r="X40" s="75">
        <v>1</v>
      </c>
      <c r="Y40" s="76">
        <v>0</v>
      </c>
      <c r="Z40" s="77">
        <v>1</v>
      </c>
      <c r="AA40" s="272"/>
      <c r="AB40" s="76">
        <v>0</v>
      </c>
      <c r="AC40" s="76">
        <v>1</v>
      </c>
      <c r="AD40" s="76">
        <v>1</v>
      </c>
      <c r="AE40" s="76">
        <v>0</v>
      </c>
      <c r="AF40" s="76">
        <v>0</v>
      </c>
      <c r="AG40" s="77">
        <v>2</v>
      </c>
      <c r="AH40" s="78">
        <v>3</v>
      </c>
      <c r="AI40" s="75">
        <v>0</v>
      </c>
      <c r="AJ40" s="76">
        <v>0</v>
      </c>
      <c r="AK40" s="77">
        <v>0</v>
      </c>
      <c r="AL40" s="272"/>
      <c r="AM40" s="76">
        <v>1</v>
      </c>
      <c r="AN40" s="76">
        <v>0</v>
      </c>
      <c r="AO40" s="76">
        <v>0</v>
      </c>
      <c r="AP40" s="76">
        <v>0</v>
      </c>
      <c r="AQ40" s="76">
        <v>0</v>
      </c>
      <c r="AR40" s="77">
        <v>1</v>
      </c>
      <c r="AS40" s="78">
        <v>1</v>
      </c>
      <c r="AT40" s="75">
        <v>0</v>
      </c>
      <c r="AU40" s="76">
        <v>0</v>
      </c>
      <c r="AV40" s="77">
        <v>0</v>
      </c>
      <c r="AW40" s="272"/>
      <c r="AX40" s="76">
        <v>1</v>
      </c>
      <c r="AY40" s="76">
        <v>0</v>
      </c>
      <c r="AZ40" s="76">
        <v>0</v>
      </c>
      <c r="BA40" s="76">
        <v>0</v>
      </c>
      <c r="BB40" s="76">
        <v>0</v>
      </c>
      <c r="BC40" s="77">
        <v>1</v>
      </c>
      <c r="BD40" s="78">
        <v>1</v>
      </c>
      <c r="BE40" s="75">
        <v>0</v>
      </c>
      <c r="BF40" s="76">
        <v>0</v>
      </c>
      <c r="BG40" s="77">
        <v>0</v>
      </c>
      <c r="BH40" s="272"/>
      <c r="BI40" s="76">
        <v>1</v>
      </c>
      <c r="BJ40" s="76">
        <v>1</v>
      </c>
      <c r="BK40" s="76">
        <v>0</v>
      </c>
      <c r="BL40" s="76">
        <v>0</v>
      </c>
      <c r="BM40" s="76">
        <v>1</v>
      </c>
      <c r="BN40" s="77">
        <v>3</v>
      </c>
      <c r="BO40" s="78">
        <v>3</v>
      </c>
      <c r="BP40" s="75">
        <v>0</v>
      </c>
      <c r="BQ40" s="76">
        <v>0</v>
      </c>
      <c r="BR40" s="77">
        <v>0</v>
      </c>
      <c r="BS40" s="272"/>
      <c r="BT40" s="76">
        <v>0</v>
      </c>
      <c r="BU40" s="76">
        <v>0</v>
      </c>
      <c r="BV40" s="76">
        <v>0</v>
      </c>
      <c r="BW40" s="76">
        <v>0</v>
      </c>
      <c r="BX40" s="76">
        <v>0</v>
      </c>
      <c r="BY40" s="77">
        <v>0</v>
      </c>
      <c r="BZ40" s="78">
        <v>0</v>
      </c>
      <c r="CA40" s="75">
        <v>0</v>
      </c>
      <c r="CB40" s="76">
        <v>0</v>
      </c>
      <c r="CC40" s="77">
        <v>0</v>
      </c>
      <c r="CD40" s="272"/>
      <c r="CE40" s="76">
        <v>0</v>
      </c>
      <c r="CF40" s="76">
        <v>0</v>
      </c>
      <c r="CG40" s="76">
        <v>0</v>
      </c>
      <c r="CH40" s="76">
        <v>0</v>
      </c>
      <c r="CI40" s="76">
        <v>0</v>
      </c>
      <c r="CJ40" s="77">
        <v>0</v>
      </c>
      <c r="CK40" s="78">
        <v>0</v>
      </c>
      <c r="CL40" s="75">
        <v>1</v>
      </c>
      <c r="CM40" s="76">
        <v>0</v>
      </c>
      <c r="CN40" s="77">
        <v>1</v>
      </c>
      <c r="CO40" s="272"/>
      <c r="CP40" s="76">
        <v>3</v>
      </c>
      <c r="CQ40" s="76">
        <v>2</v>
      </c>
      <c r="CR40" s="76">
        <v>1</v>
      </c>
      <c r="CS40" s="76">
        <v>0</v>
      </c>
      <c r="CT40" s="76">
        <v>1</v>
      </c>
      <c r="CU40" s="77">
        <v>7</v>
      </c>
      <c r="CV40" s="78">
        <v>8</v>
      </c>
      <c r="CW40" s="128">
        <v>0</v>
      </c>
      <c r="CX40" s="88">
        <v>0</v>
      </c>
      <c r="CY40" s="89">
        <v>0</v>
      </c>
      <c r="CZ40" s="272"/>
      <c r="DA40" s="88">
        <v>0</v>
      </c>
      <c r="DB40" s="88">
        <v>0</v>
      </c>
      <c r="DC40" s="88">
        <v>0</v>
      </c>
      <c r="DD40" s="88">
        <v>0</v>
      </c>
      <c r="DE40" s="88">
        <v>1</v>
      </c>
      <c r="DF40" s="90">
        <v>1</v>
      </c>
      <c r="DG40" s="91">
        <v>1</v>
      </c>
      <c r="DH40" s="75">
        <v>0</v>
      </c>
      <c r="DI40" s="76">
        <v>0</v>
      </c>
      <c r="DJ40" s="77">
        <v>0</v>
      </c>
      <c r="DK40" s="272"/>
      <c r="DL40" s="76">
        <v>0</v>
      </c>
      <c r="DM40" s="76">
        <v>0</v>
      </c>
      <c r="DN40" s="76">
        <v>0</v>
      </c>
      <c r="DO40" s="76">
        <v>0</v>
      </c>
      <c r="DP40" s="76">
        <v>0</v>
      </c>
      <c r="DQ40" s="77">
        <v>0</v>
      </c>
      <c r="DR40" s="78">
        <v>0</v>
      </c>
      <c r="DS40" s="75">
        <v>0</v>
      </c>
      <c r="DT40" s="76">
        <v>0</v>
      </c>
      <c r="DU40" s="77">
        <v>0</v>
      </c>
      <c r="DV40" s="272"/>
      <c r="DW40" s="76">
        <v>0</v>
      </c>
      <c r="DX40" s="76">
        <v>0</v>
      </c>
      <c r="DY40" s="76">
        <v>0</v>
      </c>
      <c r="DZ40" s="76">
        <v>0</v>
      </c>
      <c r="EA40" s="76">
        <v>0</v>
      </c>
      <c r="EB40" s="77">
        <v>0</v>
      </c>
      <c r="EC40" s="78">
        <v>0</v>
      </c>
      <c r="ED40" s="75">
        <v>0</v>
      </c>
      <c r="EE40" s="76">
        <v>0</v>
      </c>
      <c r="EF40" s="77">
        <v>0</v>
      </c>
      <c r="EG40" s="272"/>
      <c r="EH40" s="76">
        <v>0</v>
      </c>
      <c r="EI40" s="76">
        <v>0</v>
      </c>
      <c r="EJ40" s="76">
        <v>0</v>
      </c>
      <c r="EK40" s="76">
        <v>0</v>
      </c>
      <c r="EL40" s="76">
        <v>0</v>
      </c>
      <c r="EM40" s="77">
        <v>0</v>
      </c>
      <c r="EN40" s="78">
        <v>0</v>
      </c>
      <c r="EO40" s="75">
        <v>0</v>
      </c>
      <c r="EP40" s="76">
        <v>0</v>
      </c>
      <c r="EQ40" s="77">
        <v>0</v>
      </c>
      <c r="ER40" s="272"/>
      <c r="ES40" s="76">
        <v>0</v>
      </c>
      <c r="ET40" s="76">
        <v>0</v>
      </c>
      <c r="EU40" s="76">
        <v>0</v>
      </c>
      <c r="EV40" s="76">
        <v>0</v>
      </c>
      <c r="EW40" s="76">
        <v>0</v>
      </c>
      <c r="EX40" s="77">
        <v>0</v>
      </c>
      <c r="EY40" s="78">
        <v>0</v>
      </c>
      <c r="EZ40" s="75">
        <v>0</v>
      </c>
      <c r="FA40" s="76">
        <v>0</v>
      </c>
      <c r="FB40" s="77">
        <v>0</v>
      </c>
      <c r="FC40" s="272"/>
      <c r="FD40" s="76">
        <v>0</v>
      </c>
      <c r="FE40" s="76">
        <v>0</v>
      </c>
      <c r="FF40" s="76">
        <v>0</v>
      </c>
      <c r="FG40" s="76">
        <v>0</v>
      </c>
      <c r="FH40" s="76">
        <v>0</v>
      </c>
      <c r="FI40" s="77">
        <v>0</v>
      </c>
      <c r="FJ40" s="78">
        <v>0</v>
      </c>
      <c r="FK40" s="75">
        <v>0</v>
      </c>
      <c r="FL40" s="76">
        <v>0</v>
      </c>
      <c r="FM40" s="77">
        <v>0</v>
      </c>
      <c r="FN40" s="272"/>
      <c r="FO40" s="76">
        <v>0</v>
      </c>
      <c r="FP40" s="76">
        <v>0</v>
      </c>
      <c r="FQ40" s="76">
        <v>0</v>
      </c>
      <c r="FR40" s="76">
        <v>0</v>
      </c>
      <c r="FS40" s="76">
        <v>1</v>
      </c>
      <c r="FT40" s="77">
        <v>1</v>
      </c>
      <c r="FU40" s="78">
        <v>1</v>
      </c>
      <c r="FV40" s="75">
        <v>0</v>
      </c>
      <c r="FW40" s="76">
        <v>0</v>
      </c>
      <c r="FX40" s="77">
        <v>0</v>
      </c>
      <c r="FY40" s="272"/>
      <c r="FZ40" s="76">
        <v>0</v>
      </c>
      <c r="GA40" s="76">
        <v>0</v>
      </c>
      <c r="GB40" s="76">
        <v>0</v>
      </c>
      <c r="GC40" s="76">
        <v>0</v>
      </c>
      <c r="GD40" s="76">
        <v>0</v>
      </c>
      <c r="GE40" s="77">
        <v>0</v>
      </c>
      <c r="GF40" s="78">
        <v>0</v>
      </c>
      <c r="GG40" s="75">
        <v>0</v>
      </c>
      <c r="GH40" s="76">
        <v>0</v>
      </c>
      <c r="GI40" s="77">
        <v>0</v>
      </c>
      <c r="GJ40" s="272"/>
      <c r="GK40" s="76">
        <v>0</v>
      </c>
      <c r="GL40" s="76">
        <v>0</v>
      </c>
      <c r="GM40" s="76">
        <v>0</v>
      </c>
      <c r="GN40" s="76">
        <v>0</v>
      </c>
      <c r="GO40" s="76">
        <v>1</v>
      </c>
      <c r="GP40" s="77">
        <v>1</v>
      </c>
      <c r="GQ40" s="78">
        <v>1</v>
      </c>
      <c r="GR40" s="128">
        <v>1</v>
      </c>
      <c r="GS40" s="88">
        <v>0</v>
      </c>
      <c r="GT40" s="89">
        <v>1</v>
      </c>
      <c r="GU40" s="272"/>
      <c r="GV40" s="88">
        <v>3</v>
      </c>
      <c r="GW40" s="88">
        <v>2</v>
      </c>
      <c r="GX40" s="88">
        <v>1</v>
      </c>
      <c r="GY40" s="88">
        <v>0</v>
      </c>
      <c r="GZ40" s="88">
        <v>2</v>
      </c>
      <c r="HA40" s="90">
        <v>8</v>
      </c>
      <c r="HB40" s="91">
        <v>9</v>
      </c>
      <c r="HC40" s="75">
        <v>0</v>
      </c>
      <c r="HD40" s="76">
        <v>0</v>
      </c>
      <c r="HE40" s="77">
        <v>0</v>
      </c>
      <c r="HF40" s="272"/>
      <c r="HG40" s="76">
        <v>0</v>
      </c>
      <c r="HH40" s="76">
        <v>0</v>
      </c>
      <c r="HI40" s="76">
        <v>0</v>
      </c>
      <c r="HJ40" s="76">
        <v>0</v>
      </c>
      <c r="HK40" s="76">
        <v>0</v>
      </c>
      <c r="HL40" s="77">
        <v>0</v>
      </c>
      <c r="HM40" s="78">
        <v>0</v>
      </c>
      <c r="HN40" s="75">
        <v>1</v>
      </c>
      <c r="HO40" s="76">
        <v>0</v>
      </c>
      <c r="HP40" s="77">
        <v>1</v>
      </c>
      <c r="HQ40" s="272"/>
      <c r="HR40" s="76">
        <v>0</v>
      </c>
      <c r="HS40" s="76">
        <v>1</v>
      </c>
      <c r="HT40" s="76">
        <v>1</v>
      </c>
      <c r="HU40" s="76">
        <v>0</v>
      </c>
      <c r="HV40" s="76">
        <v>0</v>
      </c>
      <c r="HW40" s="77">
        <v>2</v>
      </c>
      <c r="HX40" s="78">
        <v>3</v>
      </c>
      <c r="HY40" s="75">
        <v>0</v>
      </c>
      <c r="HZ40" s="76">
        <v>0</v>
      </c>
      <c r="IA40" s="77">
        <v>0</v>
      </c>
      <c r="IB40" s="272"/>
      <c r="IC40" s="76">
        <v>1</v>
      </c>
      <c r="ID40" s="76">
        <v>0</v>
      </c>
      <c r="IE40" s="76">
        <v>0</v>
      </c>
      <c r="IF40" s="76">
        <v>0</v>
      </c>
      <c r="IG40" s="76">
        <v>0</v>
      </c>
      <c r="IH40" s="77">
        <v>1</v>
      </c>
      <c r="II40" s="78">
        <v>1</v>
      </c>
      <c r="IJ40" s="75">
        <v>0</v>
      </c>
      <c r="IK40" s="76">
        <v>0</v>
      </c>
      <c r="IL40" s="77">
        <v>0</v>
      </c>
      <c r="IM40" s="272"/>
      <c r="IN40" s="76">
        <v>1</v>
      </c>
      <c r="IO40" s="76">
        <v>0</v>
      </c>
      <c r="IP40" s="76">
        <v>0</v>
      </c>
      <c r="IQ40" s="76">
        <v>0</v>
      </c>
      <c r="IR40" s="76">
        <v>0</v>
      </c>
      <c r="IS40" s="77">
        <v>1</v>
      </c>
      <c r="IT40" s="78">
        <v>1</v>
      </c>
      <c r="IU40" s="75">
        <v>0</v>
      </c>
      <c r="IV40" s="76">
        <v>0</v>
      </c>
      <c r="IW40" s="77">
        <v>0</v>
      </c>
      <c r="IX40" s="272"/>
      <c r="IY40" s="76">
        <v>1</v>
      </c>
      <c r="IZ40" s="76">
        <v>1</v>
      </c>
      <c r="JA40" s="76">
        <v>0</v>
      </c>
      <c r="JB40" s="76">
        <v>0</v>
      </c>
      <c r="JC40" s="76">
        <v>1</v>
      </c>
      <c r="JD40" s="77">
        <v>3</v>
      </c>
      <c r="JE40" s="78">
        <v>3</v>
      </c>
      <c r="JF40" s="75">
        <v>0</v>
      </c>
      <c r="JG40" s="76">
        <v>0</v>
      </c>
      <c r="JH40" s="77">
        <v>0</v>
      </c>
      <c r="JI40" s="272"/>
      <c r="JJ40" s="76">
        <v>0</v>
      </c>
      <c r="JK40" s="76">
        <v>0</v>
      </c>
      <c r="JL40" s="76">
        <v>0</v>
      </c>
      <c r="JM40" s="76">
        <v>0</v>
      </c>
      <c r="JN40" s="76">
        <v>1</v>
      </c>
      <c r="JO40" s="77">
        <v>1</v>
      </c>
      <c r="JP40" s="78">
        <v>1</v>
      </c>
      <c r="JQ40" s="75">
        <v>0</v>
      </c>
      <c r="JR40" s="76">
        <v>0</v>
      </c>
      <c r="JS40" s="77">
        <v>0</v>
      </c>
      <c r="JT40" s="272"/>
      <c r="JU40" s="76">
        <v>0</v>
      </c>
      <c r="JV40" s="76">
        <v>0</v>
      </c>
      <c r="JW40" s="76">
        <v>0</v>
      </c>
      <c r="JX40" s="76">
        <v>0</v>
      </c>
      <c r="JY40" s="76">
        <v>0</v>
      </c>
      <c r="JZ40" s="77">
        <v>0</v>
      </c>
      <c r="KA40" s="78">
        <v>0</v>
      </c>
      <c r="KB40" s="75">
        <v>1</v>
      </c>
      <c r="KC40" s="76">
        <v>0</v>
      </c>
      <c r="KD40" s="77">
        <v>1</v>
      </c>
      <c r="KE40" s="272"/>
      <c r="KF40" s="76">
        <v>3</v>
      </c>
      <c r="KG40" s="76">
        <v>2</v>
      </c>
      <c r="KH40" s="76">
        <v>1</v>
      </c>
      <c r="KI40" s="76">
        <v>0</v>
      </c>
      <c r="KJ40" s="76">
        <v>2</v>
      </c>
      <c r="KK40" s="77">
        <v>8</v>
      </c>
      <c r="KL40" s="78">
        <v>9</v>
      </c>
    </row>
    <row r="41" spans="1:298" ht="32.25" customHeight="1" x14ac:dyDescent="0.2">
      <c r="B41" s="344" t="s">
        <v>126</v>
      </c>
    </row>
  </sheetData>
  <mergeCells count="36">
    <mergeCell ref="GR5:HB5"/>
    <mergeCell ref="DH5:DR5"/>
    <mergeCell ref="DS5:EC5"/>
    <mergeCell ref="ED5:EN5"/>
    <mergeCell ref="GR3:KL3"/>
    <mergeCell ref="GR4:JP4"/>
    <mergeCell ref="JQ4:KA5"/>
    <mergeCell ref="KB4:KL5"/>
    <mergeCell ref="IJ5:IT5"/>
    <mergeCell ref="IU5:JE5"/>
    <mergeCell ref="JF5:JP5"/>
    <mergeCell ref="HC5:HM5"/>
    <mergeCell ref="HN5:HX5"/>
    <mergeCell ref="HY5:II5"/>
    <mergeCell ref="CW4:FU4"/>
    <mergeCell ref="FV4:GF5"/>
    <mergeCell ref="H1:I1"/>
    <mergeCell ref="E1:F1"/>
    <mergeCell ref="CA4:CK5"/>
    <mergeCell ref="A3:A5"/>
    <mergeCell ref="B3:CV3"/>
    <mergeCell ref="CW3:GQ3"/>
    <mergeCell ref="B5:L5"/>
    <mergeCell ref="M5:W5"/>
    <mergeCell ref="X5:AH5"/>
    <mergeCell ref="AI5:AS5"/>
    <mergeCell ref="AT5:BD5"/>
    <mergeCell ref="EO5:EY5"/>
    <mergeCell ref="GG4:GQ5"/>
    <mergeCell ref="BP5:BZ5"/>
    <mergeCell ref="CW5:DG5"/>
    <mergeCell ref="EZ5:FJ5"/>
    <mergeCell ref="FK5:FU5"/>
    <mergeCell ref="B4:BZ4"/>
    <mergeCell ref="CL4:CV5"/>
    <mergeCell ref="BE5:BO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21</v>
      </c>
      <c r="E1" s="452">
        <f>第１表!F2</f>
        <v>3</v>
      </c>
      <c r="F1" s="452"/>
      <c r="G1" s="280">
        <f>第１表!G2</f>
        <v>12</v>
      </c>
      <c r="H1" s="434">
        <f>G1</f>
        <v>12</v>
      </c>
      <c r="I1" s="434"/>
    </row>
    <row r="2" spans="1:298" ht="16.5" customHeight="1" thickBot="1" x14ac:dyDescent="0.25">
      <c r="A2" s="20" t="s">
        <v>153</v>
      </c>
    </row>
    <row r="3" spans="1:298" ht="22.5" customHeight="1" thickBot="1" x14ac:dyDescent="0.25">
      <c r="A3" s="435" t="s">
        <v>38</v>
      </c>
      <c r="B3" s="447" t="s">
        <v>96</v>
      </c>
      <c r="C3" s="447"/>
      <c r="D3" s="447"/>
      <c r="E3" s="447"/>
      <c r="F3" s="447"/>
      <c r="G3" s="447"/>
      <c r="H3" s="447"/>
      <c r="I3" s="447"/>
      <c r="J3" s="447"/>
      <c r="K3" s="447"/>
      <c r="L3" s="447"/>
      <c r="M3" s="447"/>
      <c r="N3" s="447"/>
      <c r="O3" s="447"/>
      <c r="P3" s="447"/>
      <c r="Q3" s="447"/>
      <c r="R3" s="447"/>
      <c r="S3" s="447"/>
      <c r="T3" s="447"/>
      <c r="U3" s="447"/>
      <c r="V3" s="447"/>
      <c r="W3" s="447"/>
      <c r="X3" s="447"/>
      <c r="Y3" s="447"/>
      <c r="Z3" s="447"/>
      <c r="AA3" s="447"/>
      <c r="AB3" s="447"/>
      <c r="AC3" s="447"/>
      <c r="AD3" s="447"/>
      <c r="AE3" s="447"/>
      <c r="AF3" s="447"/>
      <c r="AG3" s="447"/>
      <c r="AH3" s="447"/>
      <c r="AI3" s="447"/>
      <c r="AJ3" s="447"/>
      <c r="AK3" s="447"/>
      <c r="AL3" s="447"/>
      <c r="AM3" s="447"/>
      <c r="AN3" s="447"/>
      <c r="AO3" s="447"/>
      <c r="AP3" s="447"/>
      <c r="AQ3" s="447"/>
      <c r="AR3" s="447"/>
      <c r="AS3" s="447"/>
      <c r="AT3" s="447"/>
      <c r="AU3" s="447"/>
      <c r="AV3" s="447"/>
      <c r="AW3" s="447"/>
      <c r="AX3" s="447"/>
      <c r="AY3" s="447"/>
      <c r="AZ3" s="447"/>
      <c r="BA3" s="447"/>
      <c r="BB3" s="447"/>
      <c r="BC3" s="447"/>
      <c r="BD3" s="447"/>
      <c r="BE3" s="447"/>
      <c r="BF3" s="447"/>
      <c r="BG3" s="447"/>
      <c r="BH3" s="447"/>
      <c r="BI3" s="447"/>
      <c r="BJ3" s="447"/>
      <c r="BK3" s="447"/>
      <c r="BL3" s="447"/>
      <c r="BM3" s="447"/>
      <c r="BN3" s="447"/>
      <c r="BO3" s="447"/>
      <c r="BP3" s="447"/>
      <c r="BQ3" s="447"/>
      <c r="BR3" s="447"/>
      <c r="BS3" s="447"/>
      <c r="BT3" s="447"/>
      <c r="BU3" s="447"/>
      <c r="BV3" s="447"/>
      <c r="BW3" s="447"/>
      <c r="BX3" s="447"/>
      <c r="BY3" s="447"/>
      <c r="BZ3" s="447"/>
      <c r="CA3" s="447"/>
      <c r="CB3" s="447"/>
      <c r="CC3" s="447"/>
      <c r="CD3" s="447"/>
      <c r="CE3" s="447"/>
      <c r="CF3" s="447"/>
      <c r="CG3" s="447"/>
      <c r="CH3" s="447"/>
      <c r="CI3" s="447"/>
      <c r="CJ3" s="447"/>
      <c r="CK3" s="447"/>
      <c r="CL3" s="447"/>
      <c r="CM3" s="447"/>
      <c r="CN3" s="447"/>
      <c r="CO3" s="447"/>
      <c r="CP3" s="447"/>
      <c r="CQ3" s="447"/>
      <c r="CR3" s="447"/>
      <c r="CS3" s="447"/>
      <c r="CT3" s="447"/>
      <c r="CU3" s="447"/>
      <c r="CV3" s="448"/>
      <c r="CW3" s="447" t="s">
        <v>103</v>
      </c>
      <c r="CX3" s="447"/>
      <c r="CY3" s="447"/>
      <c r="CZ3" s="447"/>
      <c r="DA3" s="447"/>
      <c r="DB3" s="447"/>
      <c r="DC3" s="447"/>
      <c r="DD3" s="447"/>
      <c r="DE3" s="447"/>
      <c r="DF3" s="447"/>
      <c r="DG3" s="447"/>
      <c r="DH3" s="447"/>
      <c r="DI3" s="447"/>
      <c r="DJ3" s="447"/>
      <c r="DK3" s="447"/>
      <c r="DL3" s="447"/>
      <c r="DM3" s="447"/>
      <c r="DN3" s="447"/>
      <c r="DO3" s="447"/>
      <c r="DP3" s="447"/>
      <c r="DQ3" s="447"/>
      <c r="DR3" s="447"/>
      <c r="DS3" s="447"/>
      <c r="DT3" s="447"/>
      <c r="DU3" s="447"/>
      <c r="DV3" s="447"/>
      <c r="DW3" s="447"/>
      <c r="DX3" s="447"/>
      <c r="DY3" s="447"/>
      <c r="DZ3" s="447"/>
      <c r="EA3" s="447"/>
      <c r="EB3" s="447"/>
      <c r="EC3" s="447"/>
      <c r="ED3" s="447"/>
      <c r="EE3" s="447"/>
      <c r="EF3" s="447"/>
      <c r="EG3" s="447"/>
      <c r="EH3" s="447"/>
      <c r="EI3" s="447"/>
      <c r="EJ3" s="447"/>
      <c r="EK3" s="447"/>
      <c r="EL3" s="447"/>
      <c r="EM3" s="447"/>
      <c r="EN3" s="447"/>
      <c r="EO3" s="447"/>
      <c r="EP3" s="447"/>
      <c r="EQ3" s="447"/>
      <c r="ER3" s="447"/>
      <c r="ES3" s="447"/>
      <c r="ET3" s="447"/>
      <c r="EU3" s="447"/>
      <c r="EV3" s="447"/>
      <c r="EW3" s="447"/>
      <c r="EX3" s="447"/>
      <c r="EY3" s="447"/>
      <c r="EZ3" s="447"/>
      <c r="FA3" s="447"/>
      <c r="FB3" s="447"/>
      <c r="FC3" s="447"/>
      <c r="FD3" s="447"/>
      <c r="FE3" s="447"/>
      <c r="FF3" s="447"/>
      <c r="FG3" s="447"/>
      <c r="FH3" s="447"/>
      <c r="FI3" s="447"/>
      <c r="FJ3" s="447"/>
      <c r="FK3" s="447"/>
      <c r="FL3" s="447"/>
      <c r="FM3" s="447"/>
      <c r="FN3" s="447"/>
      <c r="FO3" s="447"/>
      <c r="FP3" s="447"/>
      <c r="FQ3" s="447"/>
      <c r="FR3" s="447"/>
      <c r="FS3" s="447"/>
      <c r="FT3" s="447"/>
      <c r="FU3" s="447"/>
      <c r="FV3" s="447"/>
      <c r="FW3" s="447"/>
      <c r="FX3" s="447"/>
      <c r="FY3" s="447"/>
      <c r="FZ3" s="447"/>
      <c r="GA3" s="447"/>
      <c r="GB3" s="447"/>
      <c r="GC3" s="447"/>
      <c r="GD3" s="447"/>
      <c r="GE3" s="447"/>
      <c r="GF3" s="447"/>
      <c r="GG3" s="447"/>
      <c r="GH3" s="447"/>
      <c r="GI3" s="447"/>
      <c r="GJ3" s="447"/>
      <c r="GK3" s="447"/>
      <c r="GL3" s="447"/>
      <c r="GM3" s="447"/>
      <c r="GN3" s="447"/>
      <c r="GO3" s="447"/>
      <c r="GP3" s="447"/>
      <c r="GQ3" s="448"/>
      <c r="GR3" s="447" t="s">
        <v>104</v>
      </c>
      <c r="GS3" s="447"/>
      <c r="GT3" s="447"/>
      <c r="GU3" s="447"/>
      <c r="GV3" s="447"/>
      <c r="GW3" s="447"/>
      <c r="GX3" s="447"/>
      <c r="GY3" s="447"/>
      <c r="GZ3" s="447"/>
      <c r="HA3" s="447"/>
      <c r="HB3" s="447"/>
      <c r="HC3" s="447"/>
      <c r="HD3" s="447"/>
      <c r="HE3" s="447"/>
      <c r="HF3" s="447"/>
      <c r="HG3" s="447"/>
      <c r="HH3" s="447"/>
      <c r="HI3" s="447"/>
      <c r="HJ3" s="447"/>
      <c r="HK3" s="447"/>
      <c r="HL3" s="447"/>
      <c r="HM3" s="447"/>
      <c r="HN3" s="447"/>
      <c r="HO3" s="447"/>
      <c r="HP3" s="447"/>
      <c r="HQ3" s="447"/>
      <c r="HR3" s="447"/>
      <c r="HS3" s="447"/>
      <c r="HT3" s="447"/>
      <c r="HU3" s="447"/>
      <c r="HV3" s="447"/>
      <c r="HW3" s="447"/>
      <c r="HX3" s="447"/>
      <c r="HY3" s="447"/>
      <c r="HZ3" s="447"/>
      <c r="IA3" s="447"/>
      <c r="IB3" s="447"/>
      <c r="IC3" s="447"/>
      <c r="ID3" s="447"/>
      <c r="IE3" s="447"/>
      <c r="IF3" s="447"/>
      <c r="IG3" s="447"/>
      <c r="IH3" s="447"/>
      <c r="II3" s="447"/>
      <c r="IJ3" s="447"/>
      <c r="IK3" s="447"/>
      <c r="IL3" s="447"/>
      <c r="IM3" s="447"/>
      <c r="IN3" s="447"/>
      <c r="IO3" s="447"/>
      <c r="IP3" s="447"/>
      <c r="IQ3" s="447"/>
      <c r="IR3" s="447"/>
      <c r="IS3" s="447"/>
      <c r="IT3" s="447"/>
      <c r="IU3" s="447"/>
      <c r="IV3" s="447"/>
      <c r="IW3" s="447"/>
      <c r="IX3" s="447"/>
      <c r="IY3" s="447"/>
      <c r="IZ3" s="447"/>
      <c r="JA3" s="447"/>
      <c r="JB3" s="447"/>
      <c r="JC3" s="447"/>
      <c r="JD3" s="447"/>
      <c r="JE3" s="447"/>
      <c r="JF3" s="447"/>
      <c r="JG3" s="447"/>
      <c r="JH3" s="447"/>
      <c r="JI3" s="447"/>
      <c r="JJ3" s="447"/>
      <c r="JK3" s="447"/>
      <c r="JL3" s="447"/>
      <c r="JM3" s="447"/>
      <c r="JN3" s="447"/>
      <c r="JO3" s="447"/>
      <c r="JP3" s="447"/>
      <c r="JQ3" s="447"/>
      <c r="JR3" s="447"/>
      <c r="JS3" s="447"/>
      <c r="JT3" s="447"/>
      <c r="JU3" s="447"/>
      <c r="JV3" s="447"/>
      <c r="JW3" s="447"/>
      <c r="JX3" s="447"/>
      <c r="JY3" s="447"/>
      <c r="JZ3" s="447"/>
      <c r="KA3" s="447"/>
      <c r="KB3" s="447"/>
      <c r="KC3" s="447"/>
      <c r="KD3" s="447"/>
      <c r="KE3" s="447"/>
      <c r="KF3" s="447"/>
      <c r="KG3" s="447"/>
      <c r="KH3" s="447"/>
      <c r="KI3" s="447"/>
      <c r="KJ3" s="447"/>
      <c r="KK3" s="447"/>
      <c r="KL3" s="448"/>
    </row>
    <row r="4" spans="1:298" ht="27.75" customHeight="1" thickBot="1" x14ac:dyDescent="0.25">
      <c r="A4" s="453"/>
      <c r="B4" s="449" t="s">
        <v>39</v>
      </c>
      <c r="C4" s="450"/>
      <c r="D4" s="450"/>
      <c r="E4" s="450"/>
      <c r="F4" s="450"/>
      <c r="G4" s="450"/>
      <c r="H4" s="450"/>
      <c r="I4" s="450"/>
      <c r="J4" s="450"/>
      <c r="K4" s="450"/>
      <c r="L4" s="450"/>
      <c r="M4" s="450"/>
      <c r="N4" s="450"/>
      <c r="O4" s="450"/>
      <c r="P4" s="450"/>
      <c r="Q4" s="450"/>
      <c r="R4" s="450"/>
      <c r="S4" s="450"/>
      <c r="T4" s="450"/>
      <c r="U4" s="450"/>
      <c r="V4" s="450"/>
      <c r="W4" s="450"/>
      <c r="X4" s="450"/>
      <c r="Y4" s="450"/>
      <c r="Z4" s="450"/>
      <c r="AA4" s="450"/>
      <c r="AB4" s="450"/>
      <c r="AC4" s="450"/>
      <c r="AD4" s="450"/>
      <c r="AE4" s="450"/>
      <c r="AF4" s="450"/>
      <c r="AG4" s="450"/>
      <c r="AH4" s="450"/>
      <c r="AI4" s="450"/>
      <c r="AJ4" s="450"/>
      <c r="AK4" s="450"/>
      <c r="AL4" s="450"/>
      <c r="AM4" s="450"/>
      <c r="AN4" s="450"/>
      <c r="AO4" s="450"/>
      <c r="AP4" s="450"/>
      <c r="AQ4" s="450"/>
      <c r="AR4" s="450"/>
      <c r="AS4" s="450"/>
      <c r="AT4" s="450"/>
      <c r="AU4" s="450"/>
      <c r="AV4" s="450"/>
      <c r="AW4" s="450"/>
      <c r="AX4" s="450"/>
      <c r="AY4" s="450"/>
      <c r="AZ4" s="450"/>
      <c r="BA4" s="450"/>
      <c r="BB4" s="450"/>
      <c r="BC4" s="450"/>
      <c r="BD4" s="450"/>
      <c r="BE4" s="450"/>
      <c r="BF4" s="450"/>
      <c r="BG4" s="450"/>
      <c r="BH4" s="450"/>
      <c r="BI4" s="450"/>
      <c r="BJ4" s="450"/>
      <c r="BK4" s="450"/>
      <c r="BL4" s="450"/>
      <c r="BM4" s="450"/>
      <c r="BN4" s="450"/>
      <c r="BO4" s="450"/>
      <c r="BP4" s="450"/>
      <c r="BQ4" s="450"/>
      <c r="BR4" s="450"/>
      <c r="BS4" s="450"/>
      <c r="BT4" s="450"/>
      <c r="BU4" s="450"/>
      <c r="BV4" s="450"/>
      <c r="BW4" s="450"/>
      <c r="BX4" s="450"/>
      <c r="BY4" s="450"/>
      <c r="BZ4" s="451"/>
      <c r="CA4" s="435" t="s">
        <v>40</v>
      </c>
      <c r="CB4" s="436"/>
      <c r="CC4" s="436"/>
      <c r="CD4" s="436"/>
      <c r="CE4" s="436"/>
      <c r="CF4" s="436"/>
      <c r="CG4" s="436"/>
      <c r="CH4" s="436"/>
      <c r="CI4" s="436"/>
      <c r="CJ4" s="436"/>
      <c r="CK4" s="437"/>
      <c r="CL4" s="435" t="s">
        <v>41</v>
      </c>
      <c r="CM4" s="436"/>
      <c r="CN4" s="436"/>
      <c r="CO4" s="436"/>
      <c r="CP4" s="436"/>
      <c r="CQ4" s="436"/>
      <c r="CR4" s="436"/>
      <c r="CS4" s="436"/>
      <c r="CT4" s="436"/>
      <c r="CU4" s="436"/>
      <c r="CV4" s="437"/>
      <c r="CW4" s="449" t="s">
        <v>39</v>
      </c>
      <c r="CX4" s="450"/>
      <c r="CY4" s="450"/>
      <c r="CZ4" s="450"/>
      <c r="DA4" s="450"/>
      <c r="DB4" s="450"/>
      <c r="DC4" s="450"/>
      <c r="DD4" s="450"/>
      <c r="DE4" s="450"/>
      <c r="DF4" s="450"/>
      <c r="DG4" s="450"/>
      <c r="DH4" s="450"/>
      <c r="DI4" s="450"/>
      <c r="DJ4" s="450"/>
      <c r="DK4" s="450"/>
      <c r="DL4" s="450"/>
      <c r="DM4" s="450"/>
      <c r="DN4" s="450"/>
      <c r="DO4" s="450"/>
      <c r="DP4" s="450"/>
      <c r="DQ4" s="450"/>
      <c r="DR4" s="450"/>
      <c r="DS4" s="450"/>
      <c r="DT4" s="450"/>
      <c r="DU4" s="450"/>
      <c r="DV4" s="450"/>
      <c r="DW4" s="450"/>
      <c r="DX4" s="450"/>
      <c r="DY4" s="450"/>
      <c r="DZ4" s="450"/>
      <c r="EA4" s="450"/>
      <c r="EB4" s="450"/>
      <c r="EC4" s="450"/>
      <c r="ED4" s="450"/>
      <c r="EE4" s="450"/>
      <c r="EF4" s="450"/>
      <c r="EG4" s="450"/>
      <c r="EH4" s="450"/>
      <c r="EI4" s="450"/>
      <c r="EJ4" s="450"/>
      <c r="EK4" s="450"/>
      <c r="EL4" s="450"/>
      <c r="EM4" s="450"/>
      <c r="EN4" s="450"/>
      <c r="EO4" s="450"/>
      <c r="EP4" s="450"/>
      <c r="EQ4" s="450"/>
      <c r="ER4" s="450"/>
      <c r="ES4" s="450"/>
      <c r="ET4" s="450"/>
      <c r="EU4" s="450"/>
      <c r="EV4" s="450"/>
      <c r="EW4" s="450"/>
      <c r="EX4" s="450"/>
      <c r="EY4" s="450"/>
      <c r="EZ4" s="450"/>
      <c r="FA4" s="450"/>
      <c r="FB4" s="450"/>
      <c r="FC4" s="450"/>
      <c r="FD4" s="450"/>
      <c r="FE4" s="450"/>
      <c r="FF4" s="450"/>
      <c r="FG4" s="450"/>
      <c r="FH4" s="450"/>
      <c r="FI4" s="450"/>
      <c r="FJ4" s="450"/>
      <c r="FK4" s="450"/>
      <c r="FL4" s="450"/>
      <c r="FM4" s="450"/>
      <c r="FN4" s="450"/>
      <c r="FO4" s="450"/>
      <c r="FP4" s="450"/>
      <c r="FQ4" s="450"/>
      <c r="FR4" s="450"/>
      <c r="FS4" s="450"/>
      <c r="FT4" s="450"/>
      <c r="FU4" s="451"/>
      <c r="FV4" s="435" t="s">
        <v>40</v>
      </c>
      <c r="FW4" s="436"/>
      <c r="FX4" s="436"/>
      <c r="FY4" s="436"/>
      <c r="FZ4" s="436"/>
      <c r="GA4" s="436"/>
      <c r="GB4" s="436"/>
      <c r="GC4" s="436"/>
      <c r="GD4" s="436"/>
      <c r="GE4" s="436"/>
      <c r="GF4" s="437"/>
      <c r="GG4" s="435" t="s">
        <v>41</v>
      </c>
      <c r="GH4" s="436"/>
      <c r="GI4" s="436"/>
      <c r="GJ4" s="436"/>
      <c r="GK4" s="436"/>
      <c r="GL4" s="436"/>
      <c r="GM4" s="436"/>
      <c r="GN4" s="436"/>
      <c r="GO4" s="436"/>
      <c r="GP4" s="436"/>
      <c r="GQ4" s="437"/>
      <c r="GR4" s="449" t="s">
        <v>39</v>
      </c>
      <c r="GS4" s="450"/>
      <c r="GT4" s="450"/>
      <c r="GU4" s="450"/>
      <c r="GV4" s="450"/>
      <c r="GW4" s="450"/>
      <c r="GX4" s="450"/>
      <c r="GY4" s="450"/>
      <c r="GZ4" s="450"/>
      <c r="HA4" s="450"/>
      <c r="HB4" s="450"/>
      <c r="HC4" s="450"/>
      <c r="HD4" s="450"/>
      <c r="HE4" s="450"/>
      <c r="HF4" s="450"/>
      <c r="HG4" s="450"/>
      <c r="HH4" s="450"/>
      <c r="HI4" s="450"/>
      <c r="HJ4" s="450"/>
      <c r="HK4" s="450"/>
      <c r="HL4" s="450"/>
      <c r="HM4" s="450"/>
      <c r="HN4" s="450"/>
      <c r="HO4" s="450"/>
      <c r="HP4" s="450"/>
      <c r="HQ4" s="450"/>
      <c r="HR4" s="450"/>
      <c r="HS4" s="450"/>
      <c r="HT4" s="450"/>
      <c r="HU4" s="450"/>
      <c r="HV4" s="450"/>
      <c r="HW4" s="450"/>
      <c r="HX4" s="450"/>
      <c r="HY4" s="450"/>
      <c r="HZ4" s="450"/>
      <c r="IA4" s="450"/>
      <c r="IB4" s="450"/>
      <c r="IC4" s="450"/>
      <c r="ID4" s="450"/>
      <c r="IE4" s="450"/>
      <c r="IF4" s="450"/>
      <c r="IG4" s="450"/>
      <c r="IH4" s="450"/>
      <c r="II4" s="450"/>
      <c r="IJ4" s="450"/>
      <c r="IK4" s="450"/>
      <c r="IL4" s="450"/>
      <c r="IM4" s="450"/>
      <c r="IN4" s="450"/>
      <c r="IO4" s="450"/>
      <c r="IP4" s="450"/>
      <c r="IQ4" s="450"/>
      <c r="IR4" s="450"/>
      <c r="IS4" s="450"/>
      <c r="IT4" s="450"/>
      <c r="IU4" s="450"/>
      <c r="IV4" s="450"/>
      <c r="IW4" s="450"/>
      <c r="IX4" s="450"/>
      <c r="IY4" s="450"/>
      <c r="IZ4" s="450"/>
      <c r="JA4" s="450"/>
      <c r="JB4" s="450"/>
      <c r="JC4" s="450"/>
      <c r="JD4" s="450"/>
      <c r="JE4" s="450"/>
      <c r="JF4" s="450"/>
      <c r="JG4" s="450"/>
      <c r="JH4" s="450"/>
      <c r="JI4" s="450"/>
      <c r="JJ4" s="450"/>
      <c r="JK4" s="450"/>
      <c r="JL4" s="450"/>
      <c r="JM4" s="450"/>
      <c r="JN4" s="450"/>
      <c r="JO4" s="450"/>
      <c r="JP4" s="451"/>
      <c r="JQ4" s="435" t="s">
        <v>40</v>
      </c>
      <c r="JR4" s="436"/>
      <c r="JS4" s="436"/>
      <c r="JT4" s="436"/>
      <c r="JU4" s="436"/>
      <c r="JV4" s="436"/>
      <c r="JW4" s="436"/>
      <c r="JX4" s="436"/>
      <c r="JY4" s="436"/>
      <c r="JZ4" s="436"/>
      <c r="KA4" s="437"/>
      <c r="KB4" s="435" t="s">
        <v>41</v>
      </c>
      <c r="KC4" s="436"/>
      <c r="KD4" s="436"/>
      <c r="KE4" s="436"/>
      <c r="KF4" s="436"/>
      <c r="KG4" s="436"/>
      <c r="KH4" s="436"/>
      <c r="KI4" s="436"/>
      <c r="KJ4" s="436"/>
      <c r="KK4" s="436"/>
      <c r="KL4" s="437"/>
    </row>
    <row r="5" spans="1:298" ht="27.75" customHeight="1" thickBot="1" x14ac:dyDescent="0.25">
      <c r="A5" s="441"/>
      <c r="B5" s="441"/>
      <c r="C5" s="442"/>
      <c r="D5" s="442"/>
      <c r="E5" s="442"/>
      <c r="F5" s="442"/>
      <c r="G5" s="442"/>
      <c r="H5" s="442"/>
      <c r="I5" s="442"/>
      <c r="J5" s="442"/>
      <c r="K5" s="442"/>
      <c r="L5" s="443"/>
      <c r="M5" s="444" t="s">
        <v>97</v>
      </c>
      <c r="N5" s="445"/>
      <c r="O5" s="445"/>
      <c r="P5" s="445"/>
      <c r="Q5" s="445"/>
      <c r="R5" s="445"/>
      <c r="S5" s="445"/>
      <c r="T5" s="445"/>
      <c r="U5" s="445"/>
      <c r="V5" s="445"/>
      <c r="W5" s="446"/>
      <c r="X5" s="444" t="s">
        <v>98</v>
      </c>
      <c r="Y5" s="445"/>
      <c r="Z5" s="445"/>
      <c r="AA5" s="445"/>
      <c r="AB5" s="445"/>
      <c r="AC5" s="445"/>
      <c r="AD5" s="445"/>
      <c r="AE5" s="445"/>
      <c r="AF5" s="445"/>
      <c r="AG5" s="445"/>
      <c r="AH5" s="446"/>
      <c r="AI5" s="444" t="s">
        <v>99</v>
      </c>
      <c r="AJ5" s="445"/>
      <c r="AK5" s="445"/>
      <c r="AL5" s="445"/>
      <c r="AM5" s="445"/>
      <c r="AN5" s="445"/>
      <c r="AO5" s="445"/>
      <c r="AP5" s="445"/>
      <c r="AQ5" s="445"/>
      <c r="AR5" s="445"/>
      <c r="AS5" s="446"/>
      <c r="AT5" s="444" t="s">
        <v>100</v>
      </c>
      <c r="AU5" s="445"/>
      <c r="AV5" s="445"/>
      <c r="AW5" s="445"/>
      <c r="AX5" s="445"/>
      <c r="AY5" s="445"/>
      <c r="AZ5" s="445"/>
      <c r="BA5" s="445"/>
      <c r="BB5" s="445"/>
      <c r="BC5" s="445"/>
      <c r="BD5" s="446"/>
      <c r="BE5" s="444" t="s">
        <v>101</v>
      </c>
      <c r="BF5" s="445"/>
      <c r="BG5" s="445"/>
      <c r="BH5" s="445"/>
      <c r="BI5" s="445"/>
      <c r="BJ5" s="445"/>
      <c r="BK5" s="445"/>
      <c r="BL5" s="445"/>
      <c r="BM5" s="445"/>
      <c r="BN5" s="445"/>
      <c r="BO5" s="446"/>
      <c r="BP5" s="444" t="s">
        <v>102</v>
      </c>
      <c r="BQ5" s="445"/>
      <c r="BR5" s="445"/>
      <c r="BS5" s="445"/>
      <c r="BT5" s="445"/>
      <c r="BU5" s="445"/>
      <c r="BV5" s="445"/>
      <c r="BW5" s="445"/>
      <c r="BX5" s="445"/>
      <c r="BY5" s="445"/>
      <c r="BZ5" s="446"/>
      <c r="CA5" s="438"/>
      <c r="CB5" s="439"/>
      <c r="CC5" s="439"/>
      <c r="CD5" s="439"/>
      <c r="CE5" s="439"/>
      <c r="CF5" s="439"/>
      <c r="CG5" s="439"/>
      <c r="CH5" s="439"/>
      <c r="CI5" s="439"/>
      <c r="CJ5" s="439"/>
      <c r="CK5" s="440"/>
      <c r="CL5" s="438"/>
      <c r="CM5" s="439"/>
      <c r="CN5" s="439"/>
      <c r="CO5" s="439"/>
      <c r="CP5" s="439"/>
      <c r="CQ5" s="439"/>
      <c r="CR5" s="439"/>
      <c r="CS5" s="439"/>
      <c r="CT5" s="439"/>
      <c r="CU5" s="439"/>
      <c r="CV5" s="440"/>
      <c r="CW5" s="441"/>
      <c r="CX5" s="442"/>
      <c r="CY5" s="442"/>
      <c r="CZ5" s="442"/>
      <c r="DA5" s="442"/>
      <c r="DB5" s="442"/>
      <c r="DC5" s="442"/>
      <c r="DD5" s="442"/>
      <c r="DE5" s="442"/>
      <c r="DF5" s="442"/>
      <c r="DG5" s="443"/>
      <c r="DH5" s="444" t="s">
        <v>97</v>
      </c>
      <c r="DI5" s="445"/>
      <c r="DJ5" s="445"/>
      <c r="DK5" s="445"/>
      <c r="DL5" s="445"/>
      <c r="DM5" s="445"/>
      <c r="DN5" s="445"/>
      <c r="DO5" s="445"/>
      <c r="DP5" s="445"/>
      <c r="DQ5" s="445"/>
      <c r="DR5" s="446"/>
      <c r="DS5" s="444" t="s">
        <v>98</v>
      </c>
      <c r="DT5" s="445"/>
      <c r="DU5" s="445"/>
      <c r="DV5" s="445"/>
      <c r="DW5" s="445"/>
      <c r="DX5" s="445"/>
      <c r="DY5" s="445"/>
      <c r="DZ5" s="445"/>
      <c r="EA5" s="445"/>
      <c r="EB5" s="445"/>
      <c r="EC5" s="446"/>
      <c r="ED5" s="444" t="s">
        <v>99</v>
      </c>
      <c r="EE5" s="445"/>
      <c r="EF5" s="445"/>
      <c r="EG5" s="445"/>
      <c r="EH5" s="445"/>
      <c r="EI5" s="445"/>
      <c r="EJ5" s="445"/>
      <c r="EK5" s="445"/>
      <c r="EL5" s="445"/>
      <c r="EM5" s="445"/>
      <c r="EN5" s="446"/>
      <c r="EO5" s="444" t="s">
        <v>100</v>
      </c>
      <c r="EP5" s="445"/>
      <c r="EQ5" s="445"/>
      <c r="ER5" s="445"/>
      <c r="ES5" s="445"/>
      <c r="ET5" s="445"/>
      <c r="EU5" s="445"/>
      <c r="EV5" s="445"/>
      <c r="EW5" s="445"/>
      <c r="EX5" s="445"/>
      <c r="EY5" s="446"/>
      <c r="EZ5" s="444" t="s">
        <v>101</v>
      </c>
      <c r="FA5" s="445"/>
      <c r="FB5" s="445"/>
      <c r="FC5" s="445"/>
      <c r="FD5" s="445"/>
      <c r="FE5" s="445"/>
      <c r="FF5" s="445"/>
      <c r="FG5" s="445"/>
      <c r="FH5" s="445"/>
      <c r="FI5" s="445"/>
      <c r="FJ5" s="446"/>
      <c r="FK5" s="444" t="s">
        <v>102</v>
      </c>
      <c r="FL5" s="445"/>
      <c r="FM5" s="445"/>
      <c r="FN5" s="445"/>
      <c r="FO5" s="445"/>
      <c r="FP5" s="445"/>
      <c r="FQ5" s="445"/>
      <c r="FR5" s="445"/>
      <c r="FS5" s="445"/>
      <c r="FT5" s="445"/>
      <c r="FU5" s="446"/>
      <c r="FV5" s="438"/>
      <c r="FW5" s="439"/>
      <c r="FX5" s="439"/>
      <c r="FY5" s="439"/>
      <c r="FZ5" s="439"/>
      <c r="GA5" s="439"/>
      <c r="GB5" s="439"/>
      <c r="GC5" s="439"/>
      <c r="GD5" s="439"/>
      <c r="GE5" s="439"/>
      <c r="GF5" s="440"/>
      <c r="GG5" s="438"/>
      <c r="GH5" s="439"/>
      <c r="GI5" s="439"/>
      <c r="GJ5" s="439"/>
      <c r="GK5" s="439"/>
      <c r="GL5" s="439"/>
      <c r="GM5" s="439"/>
      <c r="GN5" s="439"/>
      <c r="GO5" s="439"/>
      <c r="GP5" s="439"/>
      <c r="GQ5" s="440"/>
      <c r="GR5" s="441"/>
      <c r="GS5" s="442"/>
      <c r="GT5" s="442"/>
      <c r="GU5" s="442"/>
      <c r="GV5" s="442"/>
      <c r="GW5" s="442"/>
      <c r="GX5" s="442"/>
      <c r="GY5" s="442"/>
      <c r="GZ5" s="442"/>
      <c r="HA5" s="442"/>
      <c r="HB5" s="443"/>
      <c r="HC5" s="444" t="s">
        <v>97</v>
      </c>
      <c r="HD5" s="445"/>
      <c r="HE5" s="445"/>
      <c r="HF5" s="445"/>
      <c r="HG5" s="445"/>
      <c r="HH5" s="445"/>
      <c r="HI5" s="445"/>
      <c r="HJ5" s="445"/>
      <c r="HK5" s="445"/>
      <c r="HL5" s="445"/>
      <c r="HM5" s="446"/>
      <c r="HN5" s="444" t="s">
        <v>98</v>
      </c>
      <c r="HO5" s="445"/>
      <c r="HP5" s="445"/>
      <c r="HQ5" s="445"/>
      <c r="HR5" s="445"/>
      <c r="HS5" s="445"/>
      <c r="HT5" s="445"/>
      <c r="HU5" s="445"/>
      <c r="HV5" s="445"/>
      <c r="HW5" s="445"/>
      <c r="HX5" s="446"/>
      <c r="HY5" s="444" t="s">
        <v>99</v>
      </c>
      <c r="HZ5" s="445"/>
      <c r="IA5" s="445"/>
      <c r="IB5" s="445"/>
      <c r="IC5" s="445"/>
      <c r="ID5" s="445"/>
      <c r="IE5" s="445"/>
      <c r="IF5" s="445"/>
      <c r="IG5" s="445"/>
      <c r="IH5" s="445"/>
      <c r="II5" s="446"/>
      <c r="IJ5" s="444" t="s">
        <v>100</v>
      </c>
      <c r="IK5" s="445"/>
      <c r="IL5" s="445"/>
      <c r="IM5" s="445"/>
      <c r="IN5" s="445"/>
      <c r="IO5" s="445"/>
      <c r="IP5" s="445"/>
      <c r="IQ5" s="445"/>
      <c r="IR5" s="445"/>
      <c r="IS5" s="445"/>
      <c r="IT5" s="446"/>
      <c r="IU5" s="444" t="s">
        <v>101</v>
      </c>
      <c r="IV5" s="445"/>
      <c r="IW5" s="445"/>
      <c r="IX5" s="445"/>
      <c r="IY5" s="445"/>
      <c r="IZ5" s="445"/>
      <c r="JA5" s="445"/>
      <c r="JB5" s="445"/>
      <c r="JC5" s="445"/>
      <c r="JD5" s="445"/>
      <c r="JE5" s="446"/>
      <c r="JF5" s="444" t="s">
        <v>102</v>
      </c>
      <c r="JG5" s="445"/>
      <c r="JH5" s="445"/>
      <c r="JI5" s="445"/>
      <c r="JJ5" s="445"/>
      <c r="JK5" s="445"/>
      <c r="JL5" s="445"/>
      <c r="JM5" s="445"/>
      <c r="JN5" s="445"/>
      <c r="JO5" s="445"/>
      <c r="JP5" s="446"/>
      <c r="JQ5" s="438"/>
      <c r="JR5" s="439"/>
      <c r="JS5" s="439"/>
      <c r="JT5" s="439"/>
      <c r="JU5" s="439"/>
      <c r="JV5" s="439"/>
      <c r="JW5" s="439"/>
      <c r="JX5" s="439"/>
      <c r="JY5" s="439"/>
      <c r="JZ5" s="439"/>
      <c r="KA5" s="440"/>
      <c r="KB5" s="438"/>
      <c r="KC5" s="439"/>
      <c r="KD5" s="439"/>
      <c r="KE5" s="439"/>
      <c r="KF5" s="439"/>
      <c r="KG5" s="439"/>
      <c r="KH5" s="439"/>
      <c r="KI5" s="439"/>
      <c r="KJ5" s="439"/>
      <c r="KK5" s="439"/>
      <c r="KL5" s="440"/>
    </row>
    <row r="6" spans="1:298" ht="44.25" customHeight="1" thickBot="1" x14ac:dyDescent="0.25">
      <c r="A6" s="401" t="s">
        <v>42</v>
      </c>
      <c r="B6" s="51" t="s">
        <v>43</v>
      </c>
      <c r="C6" s="47" t="s">
        <v>44</v>
      </c>
      <c r="D6" s="48" t="s">
        <v>45</v>
      </c>
      <c r="E6" s="52" t="s">
        <v>46</v>
      </c>
      <c r="F6" s="47" t="s">
        <v>47</v>
      </c>
      <c r="G6" s="47" t="s">
        <v>48</v>
      </c>
      <c r="H6" s="47" t="s">
        <v>49</v>
      </c>
      <c r="I6" s="47" t="s">
        <v>50</v>
      </c>
      <c r="J6" s="47" t="s">
        <v>51</v>
      </c>
      <c r="K6" s="48" t="s">
        <v>45</v>
      </c>
      <c r="L6" s="399" t="s">
        <v>52</v>
      </c>
      <c r="M6" s="405" t="s">
        <v>43</v>
      </c>
      <c r="N6" s="406" t="s">
        <v>44</v>
      </c>
      <c r="O6" s="407" t="s">
        <v>45</v>
      </c>
      <c r="P6" s="408" t="s">
        <v>46</v>
      </c>
      <c r="Q6" s="406" t="s">
        <v>47</v>
      </c>
      <c r="R6" s="406" t="s">
        <v>48</v>
      </c>
      <c r="S6" s="406" t="s">
        <v>49</v>
      </c>
      <c r="T6" s="406" t="s">
        <v>50</v>
      </c>
      <c r="U6" s="406" t="s">
        <v>51</v>
      </c>
      <c r="V6" s="407" t="s">
        <v>45</v>
      </c>
      <c r="W6" s="404" t="s">
        <v>52</v>
      </c>
      <c r="X6" s="405" t="s">
        <v>43</v>
      </c>
      <c r="Y6" s="406" t="s">
        <v>44</v>
      </c>
      <c r="Z6" s="407" t="s">
        <v>45</v>
      </c>
      <c r="AA6" s="408" t="s">
        <v>46</v>
      </c>
      <c r="AB6" s="406" t="s">
        <v>47</v>
      </c>
      <c r="AC6" s="406" t="s">
        <v>48</v>
      </c>
      <c r="AD6" s="406" t="s">
        <v>49</v>
      </c>
      <c r="AE6" s="406" t="s">
        <v>50</v>
      </c>
      <c r="AF6" s="406" t="s">
        <v>51</v>
      </c>
      <c r="AG6" s="407" t="s">
        <v>45</v>
      </c>
      <c r="AH6" s="409" t="s">
        <v>52</v>
      </c>
      <c r="AI6" s="405" t="s">
        <v>43</v>
      </c>
      <c r="AJ6" s="406" t="s">
        <v>44</v>
      </c>
      <c r="AK6" s="407" t="s">
        <v>45</v>
      </c>
      <c r="AL6" s="408" t="s">
        <v>46</v>
      </c>
      <c r="AM6" s="406" t="s">
        <v>47</v>
      </c>
      <c r="AN6" s="406" t="s">
        <v>48</v>
      </c>
      <c r="AO6" s="406" t="s">
        <v>49</v>
      </c>
      <c r="AP6" s="406" t="s">
        <v>50</v>
      </c>
      <c r="AQ6" s="406" t="s">
        <v>51</v>
      </c>
      <c r="AR6" s="407" t="s">
        <v>45</v>
      </c>
      <c r="AS6" s="409" t="s">
        <v>52</v>
      </c>
      <c r="AT6" s="405" t="s">
        <v>43</v>
      </c>
      <c r="AU6" s="406" t="s">
        <v>44</v>
      </c>
      <c r="AV6" s="407" t="s">
        <v>45</v>
      </c>
      <c r="AW6" s="408" t="s">
        <v>46</v>
      </c>
      <c r="AX6" s="406" t="s">
        <v>47</v>
      </c>
      <c r="AY6" s="406" t="s">
        <v>48</v>
      </c>
      <c r="AZ6" s="406" t="s">
        <v>49</v>
      </c>
      <c r="BA6" s="406" t="s">
        <v>50</v>
      </c>
      <c r="BB6" s="406" t="s">
        <v>51</v>
      </c>
      <c r="BC6" s="407" t="s">
        <v>45</v>
      </c>
      <c r="BD6" s="409" t="s">
        <v>52</v>
      </c>
      <c r="BE6" s="405" t="s">
        <v>43</v>
      </c>
      <c r="BF6" s="406" t="s">
        <v>44</v>
      </c>
      <c r="BG6" s="407" t="s">
        <v>45</v>
      </c>
      <c r="BH6" s="408" t="s">
        <v>46</v>
      </c>
      <c r="BI6" s="406" t="s">
        <v>47</v>
      </c>
      <c r="BJ6" s="406" t="s">
        <v>48</v>
      </c>
      <c r="BK6" s="406" t="s">
        <v>49</v>
      </c>
      <c r="BL6" s="406" t="s">
        <v>50</v>
      </c>
      <c r="BM6" s="406" t="s">
        <v>51</v>
      </c>
      <c r="BN6" s="407" t="s">
        <v>45</v>
      </c>
      <c r="BO6" s="409" t="s">
        <v>52</v>
      </c>
      <c r="BP6" s="405" t="s">
        <v>43</v>
      </c>
      <c r="BQ6" s="406" t="s">
        <v>44</v>
      </c>
      <c r="BR6" s="407" t="s">
        <v>45</v>
      </c>
      <c r="BS6" s="408" t="s">
        <v>46</v>
      </c>
      <c r="BT6" s="406" t="s">
        <v>47</v>
      </c>
      <c r="BU6" s="406" t="s">
        <v>48</v>
      </c>
      <c r="BV6" s="406" t="s">
        <v>49</v>
      </c>
      <c r="BW6" s="406" t="s">
        <v>50</v>
      </c>
      <c r="BX6" s="406" t="s">
        <v>51</v>
      </c>
      <c r="BY6" s="407" t="s">
        <v>45</v>
      </c>
      <c r="BZ6" s="409" t="s">
        <v>52</v>
      </c>
      <c r="CA6" s="405" t="s">
        <v>43</v>
      </c>
      <c r="CB6" s="406" t="s">
        <v>44</v>
      </c>
      <c r="CC6" s="407" t="s">
        <v>45</v>
      </c>
      <c r="CD6" s="408" t="s">
        <v>46</v>
      </c>
      <c r="CE6" s="406" t="s">
        <v>47</v>
      </c>
      <c r="CF6" s="406" t="s">
        <v>48</v>
      </c>
      <c r="CG6" s="406" t="s">
        <v>49</v>
      </c>
      <c r="CH6" s="406" t="s">
        <v>50</v>
      </c>
      <c r="CI6" s="406" t="s">
        <v>51</v>
      </c>
      <c r="CJ6" s="407" t="s">
        <v>45</v>
      </c>
      <c r="CK6" s="409" t="s">
        <v>52</v>
      </c>
      <c r="CL6" s="405" t="s">
        <v>43</v>
      </c>
      <c r="CM6" s="406" t="s">
        <v>44</v>
      </c>
      <c r="CN6" s="407" t="s">
        <v>45</v>
      </c>
      <c r="CO6" s="408" t="s">
        <v>46</v>
      </c>
      <c r="CP6" s="406" t="s">
        <v>47</v>
      </c>
      <c r="CQ6" s="406" t="s">
        <v>48</v>
      </c>
      <c r="CR6" s="406" t="s">
        <v>49</v>
      </c>
      <c r="CS6" s="406" t="s">
        <v>50</v>
      </c>
      <c r="CT6" s="406" t="s">
        <v>51</v>
      </c>
      <c r="CU6" s="407" t="s">
        <v>45</v>
      </c>
      <c r="CV6" s="409" t="s">
        <v>52</v>
      </c>
      <c r="CW6" s="51" t="s">
        <v>43</v>
      </c>
      <c r="CX6" s="47" t="s">
        <v>44</v>
      </c>
      <c r="CY6" s="48" t="s">
        <v>45</v>
      </c>
      <c r="CZ6" s="52" t="s">
        <v>46</v>
      </c>
      <c r="DA6" s="47" t="s">
        <v>47</v>
      </c>
      <c r="DB6" s="47" t="s">
        <v>48</v>
      </c>
      <c r="DC6" s="47" t="s">
        <v>49</v>
      </c>
      <c r="DD6" s="47" t="s">
        <v>50</v>
      </c>
      <c r="DE6" s="47" t="s">
        <v>51</v>
      </c>
      <c r="DF6" s="48" t="s">
        <v>45</v>
      </c>
      <c r="DG6" s="399" t="s">
        <v>52</v>
      </c>
      <c r="DH6" s="405" t="s">
        <v>43</v>
      </c>
      <c r="DI6" s="406" t="s">
        <v>44</v>
      </c>
      <c r="DJ6" s="407" t="s">
        <v>45</v>
      </c>
      <c r="DK6" s="408" t="s">
        <v>46</v>
      </c>
      <c r="DL6" s="406" t="s">
        <v>47</v>
      </c>
      <c r="DM6" s="406" t="s">
        <v>48</v>
      </c>
      <c r="DN6" s="406" t="s">
        <v>49</v>
      </c>
      <c r="DO6" s="406" t="s">
        <v>50</v>
      </c>
      <c r="DP6" s="406" t="s">
        <v>51</v>
      </c>
      <c r="DQ6" s="407" t="s">
        <v>45</v>
      </c>
      <c r="DR6" s="409" t="s">
        <v>52</v>
      </c>
      <c r="DS6" s="405" t="s">
        <v>43</v>
      </c>
      <c r="DT6" s="406" t="s">
        <v>44</v>
      </c>
      <c r="DU6" s="407" t="s">
        <v>45</v>
      </c>
      <c r="DV6" s="408" t="s">
        <v>46</v>
      </c>
      <c r="DW6" s="406" t="s">
        <v>47</v>
      </c>
      <c r="DX6" s="406" t="s">
        <v>48</v>
      </c>
      <c r="DY6" s="406" t="s">
        <v>49</v>
      </c>
      <c r="DZ6" s="406" t="s">
        <v>50</v>
      </c>
      <c r="EA6" s="406" t="s">
        <v>51</v>
      </c>
      <c r="EB6" s="407" t="s">
        <v>45</v>
      </c>
      <c r="EC6" s="409" t="s">
        <v>52</v>
      </c>
      <c r="ED6" s="405" t="s">
        <v>43</v>
      </c>
      <c r="EE6" s="406" t="s">
        <v>44</v>
      </c>
      <c r="EF6" s="407" t="s">
        <v>45</v>
      </c>
      <c r="EG6" s="408" t="s">
        <v>46</v>
      </c>
      <c r="EH6" s="406" t="s">
        <v>47</v>
      </c>
      <c r="EI6" s="406" t="s">
        <v>48</v>
      </c>
      <c r="EJ6" s="406" t="s">
        <v>49</v>
      </c>
      <c r="EK6" s="406" t="s">
        <v>50</v>
      </c>
      <c r="EL6" s="406" t="s">
        <v>51</v>
      </c>
      <c r="EM6" s="407" t="s">
        <v>45</v>
      </c>
      <c r="EN6" s="409" t="s">
        <v>52</v>
      </c>
      <c r="EO6" s="405" t="s">
        <v>43</v>
      </c>
      <c r="EP6" s="406" t="s">
        <v>44</v>
      </c>
      <c r="EQ6" s="407" t="s">
        <v>45</v>
      </c>
      <c r="ER6" s="408" t="s">
        <v>46</v>
      </c>
      <c r="ES6" s="406" t="s">
        <v>47</v>
      </c>
      <c r="ET6" s="406" t="s">
        <v>48</v>
      </c>
      <c r="EU6" s="406" t="s">
        <v>49</v>
      </c>
      <c r="EV6" s="406" t="s">
        <v>50</v>
      </c>
      <c r="EW6" s="406" t="s">
        <v>51</v>
      </c>
      <c r="EX6" s="407" t="s">
        <v>45</v>
      </c>
      <c r="EY6" s="409" t="s">
        <v>52</v>
      </c>
      <c r="EZ6" s="405" t="s">
        <v>43</v>
      </c>
      <c r="FA6" s="406" t="s">
        <v>44</v>
      </c>
      <c r="FB6" s="407" t="s">
        <v>45</v>
      </c>
      <c r="FC6" s="408" t="s">
        <v>46</v>
      </c>
      <c r="FD6" s="406" t="s">
        <v>47</v>
      </c>
      <c r="FE6" s="406" t="s">
        <v>48</v>
      </c>
      <c r="FF6" s="406" t="s">
        <v>49</v>
      </c>
      <c r="FG6" s="406" t="s">
        <v>50</v>
      </c>
      <c r="FH6" s="406" t="s">
        <v>51</v>
      </c>
      <c r="FI6" s="407" t="s">
        <v>45</v>
      </c>
      <c r="FJ6" s="409" t="s">
        <v>52</v>
      </c>
      <c r="FK6" s="405" t="s">
        <v>43</v>
      </c>
      <c r="FL6" s="406" t="s">
        <v>44</v>
      </c>
      <c r="FM6" s="407" t="s">
        <v>45</v>
      </c>
      <c r="FN6" s="408" t="s">
        <v>46</v>
      </c>
      <c r="FO6" s="406" t="s">
        <v>47</v>
      </c>
      <c r="FP6" s="406" t="s">
        <v>48</v>
      </c>
      <c r="FQ6" s="406" t="s">
        <v>49</v>
      </c>
      <c r="FR6" s="406" t="s">
        <v>50</v>
      </c>
      <c r="FS6" s="406" t="s">
        <v>51</v>
      </c>
      <c r="FT6" s="407" t="s">
        <v>45</v>
      </c>
      <c r="FU6" s="409" t="s">
        <v>52</v>
      </c>
      <c r="FV6" s="405" t="s">
        <v>43</v>
      </c>
      <c r="FW6" s="406" t="s">
        <v>44</v>
      </c>
      <c r="FX6" s="407" t="s">
        <v>45</v>
      </c>
      <c r="FY6" s="408" t="s">
        <v>46</v>
      </c>
      <c r="FZ6" s="406" t="s">
        <v>47</v>
      </c>
      <c r="GA6" s="406" t="s">
        <v>48</v>
      </c>
      <c r="GB6" s="406" t="s">
        <v>49</v>
      </c>
      <c r="GC6" s="406" t="s">
        <v>50</v>
      </c>
      <c r="GD6" s="406" t="s">
        <v>51</v>
      </c>
      <c r="GE6" s="407" t="s">
        <v>45</v>
      </c>
      <c r="GF6" s="409" t="s">
        <v>52</v>
      </c>
      <c r="GG6" s="405" t="s">
        <v>43</v>
      </c>
      <c r="GH6" s="406" t="s">
        <v>44</v>
      </c>
      <c r="GI6" s="407" t="s">
        <v>45</v>
      </c>
      <c r="GJ6" s="408" t="s">
        <v>46</v>
      </c>
      <c r="GK6" s="406" t="s">
        <v>47</v>
      </c>
      <c r="GL6" s="406" t="s">
        <v>48</v>
      </c>
      <c r="GM6" s="406" t="s">
        <v>49</v>
      </c>
      <c r="GN6" s="406" t="s">
        <v>50</v>
      </c>
      <c r="GO6" s="406" t="s">
        <v>51</v>
      </c>
      <c r="GP6" s="407" t="s">
        <v>45</v>
      </c>
      <c r="GQ6" s="409" t="s">
        <v>52</v>
      </c>
      <c r="GR6" s="51" t="s">
        <v>43</v>
      </c>
      <c r="GS6" s="47" t="s">
        <v>44</v>
      </c>
      <c r="GT6" s="48" t="s">
        <v>45</v>
      </c>
      <c r="GU6" s="52" t="s">
        <v>46</v>
      </c>
      <c r="GV6" s="47" t="s">
        <v>47</v>
      </c>
      <c r="GW6" s="47" t="s">
        <v>48</v>
      </c>
      <c r="GX6" s="47" t="s">
        <v>49</v>
      </c>
      <c r="GY6" s="47" t="s">
        <v>50</v>
      </c>
      <c r="GZ6" s="47" t="s">
        <v>51</v>
      </c>
      <c r="HA6" s="48" t="s">
        <v>45</v>
      </c>
      <c r="HB6" s="399" t="s">
        <v>52</v>
      </c>
      <c r="HC6" s="405" t="s">
        <v>43</v>
      </c>
      <c r="HD6" s="406" t="s">
        <v>44</v>
      </c>
      <c r="HE6" s="407" t="s">
        <v>45</v>
      </c>
      <c r="HF6" s="408" t="s">
        <v>46</v>
      </c>
      <c r="HG6" s="406" t="s">
        <v>47</v>
      </c>
      <c r="HH6" s="406" t="s">
        <v>48</v>
      </c>
      <c r="HI6" s="406" t="s">
        <v>49</v>
      </c>
      <c r="HJ6" s="406" t="s">
        <v>50</v>
      </c>
      <c r="HK6" s="406" t="s">
        <v>51</v>
      </c>
      <c r="HL6" s="407" t="s">
        <v>45</v>
      </c>
      <c r="HM6" s="409" t="s">
        <v>52</v>
      </c>
      <c r="HN6" s="405" t="s">
        <v>43</v>
      </c>
      <c r="HO6" s="406" t="s">
        <v>44</v>
      </c>
      <c r="HP6" s="407" t="s">
        <v>45</v>
      </c>
      <c r="HQ6" s="408" t="s">
        <v>46</v>
      </c>
      <c r="HR6" s="406" t="s">
        <v>47</v>
      </c>
      <c r="HS6" s="406" t="s">
        <v>48</v>
      </c>
      <c r="HT6" s="406" t="s">
        <v>49</v>
      </c>
      <c r="HU6" s="406" t="s">
        <v>50</v>
      </c>
      <c r="HV6" s="406" t="s">
        <v>51</v>
      </c>
      <c r="HW6" s="407" t="s">
        <v>45</v>
      </c>
      <c r="HX6" s="409" t="s">
        <v>52</v>
      </c>
      <c r="HY6" s="405" t="s">
        <v>43</v>
      </c>
      <c r="HZ6" s="406" t="s">
        <v>44</v>
      </c>
      <c r="IA6" s="407" t="s">
        <v>45</v>
      </c>
      <c r="IB6" s="408" t="s">
        <v>46</v>
      </c>
      <c r="IC6" s="406" t="s">
        <v>47</v>
      </c>
      <c r="ID6" s="406" t="s">
        <v>48</v>
      </c>
      <c r="IE6" s="406" t="s">
        <v>49</v>
      </c>
      <c r="IF6" s="406" t="s">
        <v>50</v>
      </c>
      <c r="IG6" s="406" t="s">
        <v>51</v>
      </c>
      <c r="IH6" s="407" t="s">
        <v>45</v>
      </c>
      <c r="II6" s="409" t="s">
        <v>52</v>
      </c>
      <c r="IJ6" s="405" t="s">
        <v>43</v>
      </c>
      <c r="IK6" s="406" t="s">
        <v>44</v>
      </c>
      <c r="IL6" s="407" t="s">
        <v>45</v>
      </c>
      <c r="IM6" s="408" t="s">
        <v>46</v>
      </c>
      <c r="IN6" s="406" t="s">
        <v>47</v>
      </c>
      <c r="IO6" s="406" t="s">
        <v>48</v>
      </c>
      <c r="IP6" s="406" t="s">
        <v>49</v>
      </c>
      <c r="IQ6" s="406" t="s">
        <v>50</v>
      </c>
      <c r="IR6" s="406" t="s">
        <v>51</v>
      </c>
      <c r="IS6" s="407" t="s">
        <v>45</v>
      </c>
      <c r="IT6" s="409" t="s">
        <v>52</v>
      </c>
      <c r="IU6" s="405" t="s">
        <v>43</v>
      </c>
      <c r="IV6" s="406" t="s">
        <v>44</v>
      </c>
      <c r="IW6" s="407" t="s">
        <v>45</v>
      </c>
      <c r="IX6" s="408" t="s">
        <v>46</v>
      </c>
      <c r="IY6" s="406" t="s">
        <v>47</v>
      </c>
      <c r="IZ6" s="406" t="s">
        <v>48</v>
      </c>
      <c r="JA6" s="406" t="s">
        <v>49</v>
      </c>
      <c r="JB6" s="406" t="s">
        <v>50</v>
      </c>
      <c r="JC6" s="406" t="s">
        <v>51</v>
      </c>
      <c r="JD6" s="407" t="s">
        <v>45</v>
      </c>
      <c r="JE6" s="409" t="s">
        <v>52</v>
      </c>
      <c r="JF6" s="405" t="s">
        <v>43</v>
      </c>
      <c r="JG6" s="406" t="s">
        <v>44</v>
      </c>
      <c r="JH6" s="407" t="s">
        <v>45</v>
      </c>
      <c r="JI6" s="408" t="s">
        <v>46</v>
      </c>
      <c r="JJ6" s="406" t="s">
        <v>47</v>
      </c>
      <c r="JK6" s="406" t="s">
        <v>48</v>
      </c>
      <c r="JL6" s="406" t="s">
        <v>49</v>
      </c>
      <c r="JM6" s="406" t="s">
        <v>50</v>
      </c>
      <c r="JN6" s="406" t="s">
        <v>51</v>
      </c>
      <c r="JO6" s="407" t="s">
        <v>45</v>
      </c>
      <c r="JP6" s="409" t="s">
        <v>52</v>
      </c>
      <c r="JQ6" s="405" t="s">
        <v>43</v>
      </c>
      <c r="JR6" s="406" t="s">
        <v>44</v>
      </c>
      <c r="JS6" s="407" t="s">
        <v>45</v>
      </c>
      <c r="JT6" s="408" t="s">
        <v>46</v>
      </c>
      <c r="JU6" s="406" t="s">
        <v>47</v>
      </c>
      <c r="JV6" s="406" t="s">
        <v>48</v>
      </c>
      <c r="JW6" s="406" t="s">
        <v>49</v>
      </c>
      <c r="JX6" s="406" t="s">
        <v>50</v>
      </c>
      <c r="JY6" s="406" t="s">
        <v>51</v>
      </c>
      <c r="JZ6" s="407" t="s">
        <v>45</v>
      </c>
      <c r="KA6" s="409" t="s">
        <v>52</v>
      </c>
      <c r="KB6" s="405" t="s">
        <v>43</v>
      </c>
      <c r="KC6" s="406" t="s">
        <v>44</v>
      </c>
      <c r="KD6" s="407" t="s">
        <v>45</v>
      </c>
      <c r="KE6" s="408" t="s">
        <v>46</v>
      </c>
      <c r="KF6" s="406" t="s">
        <v>47</v>
      </c>
      <c r="KG6" s="406" t="s">
        <v>48</v>
      </c>
      <c r="KH6" s="406" t="s">
        <v>49</v>
      </c>
      <c r="KI6" s="406" t="s">
        <v>50</v>
      </c>
      <c r="KJ6" s="406" t="s">
        <v>51</v>
      </c>
      <c r="KK6" s="407" t="s">
        <v>45</v>
      </c>
      <c r="KL6" s="409" t="s">
        <v>52</v>
      </c>
    </row>
    <row r="7" spans="1:298" ht="19.5" customHeight="1" x14ac:dyDescent="0.2">
      <c r="A7" s="400" t="s">
        <v>4</v>
      </c>
      <c r="B7" s="352">
        <v>3122</v>
      </c>
      <c r="C7" s="79">
        <v>2987</v>
      </c>
      <c r="D7" s="80">
        <v>6109</v>
      </c>
      <c r="E7" s="270"/>
      <c r="F7" s="79">
        <v>4065</v>
      </c>
      <c r="G7" s="79">
        <v>3848</v>
      </c>
      <c r="H7" s="79">
        <v>2278</v>
      </c>
      <c r="I7" s="79">
        <v>2041</v>
      </c>
      <c r="J7" s="79">
        <v>1303</v>
      </c>
      <c r="K7" s="81">
        <v>13535</v>
      </c>
      <c r="L7" s="82">
        <v>19644</v>
      </c>
      <c r="M7" s="67">
        <v>86</v>
      </c>
      <c r="N7" s="68">
        <v>118</v>
      </c>
      <c r="O7" s="69">
        <v>204</v>
      </c>
      <c r="P7" s="270"/>
      <c r="Q7" s="68">
        <v>117</v>
      </c>
      <c r="R7" s="68">
        <v>154</v>
      </c>
      <c r="S7" s="68">
        <v>86</v>
      </c>
      <c r="T7" s="68">
        <v>83</v>
      </c>
      <c r="U7" s="68">
        <v>74</v>
      </c>
      <c r="V7" s="69">
        <v>514</v>
      </c>
      <c r="W7" s="70">
        <v>718</v>
      </c>
      <c r="X7" s="67">
        <v>235</v>
      </c>
      <c r="Y7" s="68">
        <v>258</v>
      </c>
      <c r="Z7" s="69">
        <v>493</v>
      </c>
      <c r="AA7" s="270"/>
      <c r="AB7" s="68">
        <v>296</v>
      </c>
      <c r="AC7" s="68">
        <v>326</v>
      </c>
      <c r="AD7" s="68">
        <v>194</v>
      </c>
      <c r="AE7" s="68">
        <v>186</v>
      </c>
      <c r="AF7" s="68">
        <v>138</v>
      </c>
      <c r="AG7" s="69">
        <v>1140</v>
      </c>
      <c r="AH7" s="70">
        <v>1633</v>
      </c>
      <c r="AI7" s="67">
        <v>367</v>
      </c>
      <c r="AJ7" s="68">
        <v>356</v>
      </c>
      <c r="AK7" s="69">
        <v>723</v>
      </c>
      <c r="AL7" s="270"/>
      <c r="AM7" s="68">
        <v>480</v>
      </c>
      <c r="AN7" s="68">
        <v>442</v>
      </c>
      <c r="AO7" s="68">
        <v>258</v>
      </c>
      <c r="AP7" s="68">
        <v>255</v>
      </c>
      <c r="AQ7" s="68">
        <v>175</v>
      </c>
      <c r="AR7" s="69">
        <v>1610</v>
      </c>
      <c r="AS7" s="70">
        <v>2333</v>
      </c>
      <c r="AT7" s="67">
        <v>745</v>
      </c>
      <c r="AU7" s="68">
        <v>679</v>
      </c>
      <c r="AV7" s="69">
        <v>1424</v>
      </c>
      <c r="AW7" s="270"/>
      <c r="AX7" s="68">
        <v>909</v>
      </c>
      <c r="AY7" s="68">
        <v>812</v>
      </c>
      <c r="AZ7" s="68">
        <v>513</v>
      </c>
      <c r="BA7" s="68">
        <v>396</v>
      </c>
      <c r="BB7" s="68">
        <v>279</v>
      </c>
      <c r="BC7" s="69">
        <v>2909</v>
      </c>
      <c r="BD7" s="70">
        <v>4333</v>
      </c>
      <c r="BE7" s="67">
        <v>986</v>
      </c>
      <c r="BF7" s="68">
        <v>815</v>
      </c>
      <c r="BG7" s="69">
        <v>1801</v>
      </c>
      <c r="BH7" s="270"/>
      <c r="BI7" s="68">
        <v>1165</v>
      </c>
      <c r="BJ7" s="68">
        <v>1000</v>
      </c>
      <c r="BK7" s="68">
        <v>584</v>
      </c>
      <c r="BL7" s="68">
        <v>532</v>
      </c>
      <c r="BM7" s="68">
        <v>299</v>
      </c>
      <c r="BN7" s="69">
        <v>3580</v>
      </c>
      <c r="BO7" s="70">
        <v>5381</v>
      </c>
      <c r="BP7" s="67">
        <v>703</v>
      </c>
      <c r="BQ7" s="68">
        <v>761</v>
      </c>
      <c r="BR7" s="69">
        <v>1464</v>
      </c>
      <c r="BS7" s="270"/>
      <c r="BT7" s="68">
        <v>1098</v>
      </c>
      <c r="BU7" s="68">
        <v>1114</v>
      </c>
      <c r="BV7" s="68">
        <v>643</v>
      </c>
      <c r="BW7" s="68">
        <v>589</v>
      </c>
      <c r="BX7" s="68">
        <v>338</v>
      </c>
      <c r="BY7" s="69">
        <v>3782</v>
      </c>
      <c r="BZ7" s="70">
        <v>5246</v>
      </c>
      <c r="CA7" s="67">
        <v>0</v>
      </c>
      <c r="CB7" s="68">
        <v>0</v>
      </c>
      <c r="CC7" s="69">
        <v>0</v>
      </c>
      <c r="CD7" s="270"/>
      <c r="CE7" s="68">
        <v>0</v>
      </c>
      <c r="CF7" s="68">
        <v>0</v>
      </c>
      <c r="CG7" s="68">
        <v>0</v>
      </c>
      <c r="CH7" s="68">
        <v>0</v>
      </c>
      <c r="CI7" s="68">
        <v>0</v>
      </c>
      <c r="CJ7" s="69">
        <v>0</v>
      </c>
      <c r="CK7" s="70">
        <v>0</v>
      </c>
      <c r="CL7" s="67">
        <v>3122</v>
      </c>
      <c r="CM7" s="68">
        <v>2987</v>
      </c>
      <c r="CN7" s="69">
        <v>6109</v>
      </c>
      <c r="CO7" s="270"/>
      <c r="CP7" s="68">
        <v>4065</v>
      </c>
      <c r="CQ7" s="68">
        <v>3848</v>
      </c>
      <c r="CR7" s="68">
        <v>2278</v>
      </c>
      <c r="CS7" s="68">
        <v>2041</v>
      </c>
      <c r="CT7" s="68">
        <v>1303</v>
      </c>
      <c r="CU7" s="69">
        <v>13535</v>
      </c>
      <c r="CV7" s="70">
        <v>19644</v>
      </c>
      <c r="CW7" s="126">
        <v>1131</v>
      </c>
      <c r="CX7" s="79">
        <v>1299</v>
      </c>
      <c r="CY7" s="80">
        <v>2430</v>
      </c>
      <c r="CZ7" s="270"/>
      <c r="DA7" s="79">
        <v>1612</v>
      </c>
      <c r="DB7" s="79">
        <v>1528</v>
      </c>
      <c r="DC7" s="79">
        <v>1028</v>
      </c>
      <c r="DD7" s="79">
        <v>1025</v>
      </c>
      <c r="DE7" s="79">
        <v>725</v>
      </c>
      <c r="DF7" s="81">
        <v>5918</v>
      </c>
      <c r="DG7" s="82">
        <v>8348</v>
      </c>
      <c r="DH7" s="67">
        <v>30</v>
      </c>
      <c r="DI7" s="68">
        <v>27</v>
      </c>
      <c r="DJ7" s="69">
        <v>57</v>
      </c>
      <c r="DK7" s="270"/>
      <c r="DL7" s="68">
        <v>27</v>
      </c>
      <c r="DM7" s="68">
        <v>36</v>
      </c>
      <c r="DN7" s="68">
        <v>22</v>
      </c>
      <c r="DO7" s="68">
        <v>14</v>
      </c>
      <c r="DP7" s="68">
        <v>11</v>
      </c>
      <c r="DQ7" s="69">
        <v>110</v>
      </c>
      <c r="DR7" s="70">
        <v>167</v>
      </c>
      <c r="DS7" s="67">
        <v>106</v>
      </c>
      <c r="DT7" s="68">
        <v>84</v>
      </c>
      <c r="DU7" s="69">
        <v>190</v>
      </c>
      <c r="DV7" s="270"/>
      <c r="DW7" s="68">
        <v>100</v>
      </c>
      <c r="DX7" s="68">
        <v>80</v>
      </c>
      <c r="DY7" s="68">
        <v>48</v>
      </c>
      <c r="DZ7" s="68">
        <v>45</v>
      </c>
      <c r="EA7" s="68">
        <v>20</v>
      </c>
      <c r="EB7" s="69">
        <v>293</v>
      </c>
      <c r="EC7" s="70">
        <v>483</v>
      </c>
      <c r="ED7" s="67">
        <v>165</v>
      </c>
      <c r="EE7" s="68">
        <v>169</v>
      </c>
      <c r="EF7" s="69">
        <v>334</v>
      </c>
      <c r="EG7" s="270"/>
      <c r="EH7" s="68">
        <v>179</v>
      </c>
      <c r="EI7" s="68">
        <v>134</v>
      </c>
      <c r="EJ7" s="68">
        <v>72</v>
      </c>
      <c r="EK7" s="68">
        <v>62</v>
      </c>
      <c r="EL7" s="68">
        <v>56</v>
      </c>
      <c r="EM7" s="69">
        <v>503</v>
      </c>
      <c r="EN7" s="70">
        <v>837</v>
      </c>
      <c r="EO7" s="67">
        <v>272</v>
      </c>
      <c r="EP7" s="68">
        <v>310</v>
      </c>
      <c r="EQ7" s="69">
        <v>582</v>
      </c>
      <c r="ER7" s="270"/>
      <c r="ES7" s="68">
        <v>354</v>
      </c>
      <c r="ET7" s="68">
        <v>258</v>
      </c>
      <c r="EU7" s="68">
        <v>141</v>
      </c>
      <c r="EV7" s="68">
        <v>131</v>
      </c>
      <c r="EW7" s="68">
        <v>112</v>
      </c>
      <c r="EX7" s="69">
        <v>996</v>
      </c>
      <c r="EY7" s="70">
        <v>1578</v>
      </c>
      <c r="EZ7" s="67">
        <v>347</v>
      </c>
      <c r="FA7" s="68">
        <v>379</v>
      </c>
      <c r="FB7" s="69">
        <v>726</v>
      </c>
      <c r="FC7" s="270"/>
      <c r="FD7" s="68">
        <v>492</v>
      </c>
      <c r="FE7" s="68">
        <v>444</v>
      </c>
      <c r="FF7" s="68">
        <v>299</v>
      </c>
      <c r="FG7" s="68">
        <v>247</v>
      </c>
      <c r="FH7" s="68">
        <v>192</v>
      </c>
      <c r="FI7" s="69">
        <v>1674</v>
      </c>
      <c r="FJ7" s="70">
        <v>2400</v>
      </c>
      <c r="FK7" s="67">
        <v>211</v>
      </c>
      <c r="FL7" s="68">
        <v>330</v>
      </c>
      <c r="FM7" s="69">
        <v>541</v>
      </c>
      <c r="FN7" s="270"/>
      <c r="FO7" s="68">
        <v>460</v>
      </c>
      <c r="FP7" s="68">
        <v>576</v>
      </c>
      <c r="FQ7" s="68">
        <v>446</v>
      </c>
      <c r="FR7" s="68">
        <v>526</v>
      </c>
      <c r="FS7" s="68">
        <v>334</v>
      </c>
      <c r="FT7" s="69">
        <v>2342</v>
      </c>
      <c r="FU7" s="70">
        <v>2883</v>
      </c>
      <c r="FV7" s="67">
        <v>0</v>
      </c>
      <c r="FW7" s="68">
        <v>0</v>
      </c>
      <c r="FX7" s="69">
        <v>0</v>
      </c>
      <c r="FY7" s="270"/>
      <c r="FZ7" s="68">
        <v>0</v>
      </c>
      <c r="GA7" s="68">
        <v>0</v>
      </c>
      <c r="GB7" s="68">
        <v>0</v>
      </c>
      <c r="GC7" s="68">
        <v>0</v>
      </c>
      <c r="GD7" s="68">
        <v>0</v>
      </c>
      <c r="GE7" s="69">
        <v>0</v>
      </c>
      <c r="GF7" s="70">
        <v>0</v>
      </c>
      <c r="GG7" s="67">
        <v>1131</v>
      </c>
      <c r="GH7" s="68">
        <v>1299</v>
      </c>
      <c r="GI7" s="69">
        <v>2430</v>
      </c>
      <c r="GJ7" s="270"/>
      <c r="GK7" s="68">
        <v>1612</v>
      </c>
      <c r="GL7" s="68">
        <v>1528</v>
      </c>
      <c r="GM7" s="68">
        <v>1028</v>
      </c>
      <c r="GN7" s="68">
        <v>1025</v>
      </c>
      <c r="GO7" s="68">
        <v>725</v>
      </c>
      <c r="GP7" s="69">
        <v>5918</v>
      </c>
      <c r="GQ7" s="70">
        <v>8348</v>
      </c>
      <c r="GR7" s="126">
        <v>4253</v>
      </c>
      <c r="GS7" s="79">
        <v>4286</v>
      </c>
      <c r="GT7" s="80">
        <v>8539</v>
      </c>
      <c r="GU7" s="270"/>
      <c r="GV7" s="79">
        <v>5677</v>
      </c>
      <c r="GW7" s="79">
        <v>5376</v>
      </c>
      <c r="GX7" s="79">
        <v>3306</v>
      </c>
      <c r="GY7" s="79">
        <v>3066</v>
      </c>
      <c r="GZ7" s="79">
        <v>2028</v>
      </c>
      <c r="HA7" s="81">
        <v>19453</v>
      </c>
      <c r="HB7" s="82">
        <v>27992</v>
      </c>
      <c r="HC7" s="67">
        <v>116</v>
      </c>
      <c r="HD7" s="68">
        <v>145</v>
      </c>
      <c r="HE7" s="69">
        <v>261</v>
      </c>
      <c r="HF7" s="270"/>
      <c r="HG7" s="68">
        <v>144</v>
      </c>
      <c r="HH7" s="68">
        <v>190</v>
      </c>
      <c r="HI7" s="68">
        <v>108</v>
      </c>
      <c r="HJ7" s="68">
        <v>97</v>
      </c>
      <c r="HK7" s="68">
        <v>85</v>
      </c>
      <c r="HL7" s="69">
        <v>624</v>
      </c>
      <c r="HM7" s="70">
        <v>885</v>
      </c>
      <c r="HN7" s="67">
        <v>341</v>
      </c>
      <c r="HO7" s="68">
        <v>342</v>
      </c>
      <c r="HP7" s="69">
        <v>683</v>
      </c>
      <c r="HQ7" s="270"/>
      <c r="HR7" s="68">
        <v>396</v>
      </c>
      <c r="HS7" s="68">
        <v>406</v>
      </c>
      <c r="HT7" s="68">
        <v>242</v>
      </c>
      <c r="HU7" s="68">
        <v>231</v>
      </c>
      <c r="HV7" s="68">
        <v>158</v>
      </c>
      <c r="HW7" s="69">
        <v>1433</v>
      </c>
      <c r="HX7" s="70">
        <v>2116</v>
      </c>
      <c r="HY7" s="67">
        <v>532</v>
      </c>
      <c r="HZ7" s="68">
        <v>525</v>
      </c>
      <c r="IA7" s="69">
        <v>1057</v>
      </c>
      <c r="IB7" s="270"/>
      <c r="IC7" s="68">
        <v>659</v>
      </c>
      <c r="ID7" s="68">
        <v>576</v>
      </c>
      <c r="IE7" s="68">
        <v>330</v>
      </c>
      <c r="IF7" s="68">
        <v>317</v>
      </c>
      <c r="IG7" s="68">
        <v>231</v>
      </c>
      <c r="IH7" s="69">
        <v>2113</v>
      </c>
      <c r="II7" s="70">
        <v>3170</v>
      </c>
      <c r="IJ7" s="67">
        <v>1017</v>
      </c>
      <c r="IK7" s="68">
        <v>989</v>
      </c>
      <c r="IL7" s="69">
        <v>2006</v>
      </c>
      <c r="IM7" s="270"/>
      <c r="IN7" s="68">
        <v>1263</v>
      </c>
      <c r="IO7" s="68">
        <v>1070</v>
      </c>
      <c r="IP7" s="68">
        <v>654</v>
      </c>
      <c r="IQ7" s="68">
        <v>527</v>
      </c>
      <c r="IR7" s="68">
        <v>391</v>
      </c>
      <c r="IS7" s="69">
        <v>3905</v>
      </c>
      <c r="IT7" s="70">
        <v>5911</v>
      </c>
      <c r="IU7" s="67">
        <v>1333</v>
      </c>
      <c r="IV7" s="68">
        <v>1194</v>
      </c>
      <c r="IW7" s="69">
        <v>2527</v>
      </c>
      <c r="IX7" s="270"/>
      <c r="IY7" s="68">
        <v>1657</v>
      </c>
      <c r="IZ7" s="68">
        <v>1444</v>
      </c>
      <c r="JA7" s="68">
        <v>883</v>
      </c>
      <c r="JB7" s="68">
        <v>779</v>
      </c>
      <c r="JC7" s="68">
        <v>491</v>
      </c>
      <c r="JD7" s="69">
        <v>5254</v>
      </c>
      <c r="JE7" s="70">
        <v>7781</v>
      </c>
      <c r="JF7" s="67">
        <v>914</v>
      </c>
      <c r="JG7" s="68">
        <v>1091</v>
      </c>
      <c r="JH7" s="69">
        <v>2005</v>
      </c>
      <c r="JI7" s="270"/>
      <c r="JJ7" s="68">
        <v>1558</v>
      </c>
      <c r="JK7" s="68">
        <v>1690</v>
      </c>
      <c r="JL7" s="68">
        <v>1089</v>
      </c>
      <c r="JM7" s="68">
        <v>1115</v>
      </c>
      <c r="JN7" s="68">
        <v>672</v>
      </c>
      <c r="JO7" s="69">
        <v>6124</v>
      </c>
      <c r="JP7" s="70">
        <v>8129</v>
      </c>
      <c r="JQ7" s="67">
        <v>0</v>
      </c>
      <c r="JR7" s="68">
        <v>0</v>
      </c>
      <c r="JS7" s="69">
        <v>0</v>
      </c>
      <c r="JT7" s="270"/>
      <c r="JU7" s="68">
        <v>0</v>
      </c>
      <c r="JV7" s="68">
        <v>0</v>
      </c>
      <c r="JW7" s="68">
        <v>0</v>
      </c>
      <c r="JX7" s="68">
        <v>0</v>
      </c>
      <c r="JY7" s="68">
        <v>0</v>
      </c>
      <c r="JZ7" s="69">
        <v>0</v>
      </c>
      <c r="KA7" s="70">
        <v>0</v>
      </c>
      <c r="KB7" s="67">
        <v>4253</v>
      </c>
      <c r="KC7" s="68">
        <v>4286</v>
      </c>
      <c r="KD7" s="69">
        <v>8539</v>
      </c>
      <c r="KE7" s="273"/>
      <c r="KF7" s="68">
        <v>5677</v>
      </c>
      <c r="KG7" s="68">
        <v>5376</v>
      </c>
      <c r="KH7" s="68">
        <v>3306</v>
      </c>
      <c r="KI7" s="68">
        <v>3066</v>
      </c>
      <c r="KJ7" s="68">
        <v>2028</v>
      </c>
      <c r="KK7" s="69">
        <v>19453</v>
      </c>
      <c r="KL7" s="70">
        <v>27992</v>
      </c>
    </row>
    <row r="8" spans="1:298" ht="19.5" customHeight="1" x14ac:dyDescent="0.2">
      <c r="A8" s="130" t="s">
        <v>5</v>
      </c>
      <c r="B8" s="353">
        <v>1408</v>
      </c>
      <c r="C8" s="83">
        <v>1552</v>
      </c>
      <c r="D8" s="84">
        <v>2960</v>
      </c>
      <c r="E8" s="271"/>
      <c r="F8" s="83">
        <v>1536</v>
      </c>
      <c r="G8" s="83">
        <v>1856</v>
      </c>
      <c r="H8" s="83">
        <v>1017</v>
      </c>
      <c r="I8" s="83">
        <v>866</v>
      </c>
      <c r="J8" s="83">
        <v>598</v>
      </c>
      <c r="K8" s="85">
        <v>5873</v>
      </c>
      <c r="L8" s="86">
        <v>8833</v>
      </c>
      <c r="M8" s="71">
        <v>33</v>
      </c>
      <c r="N8" s="72">
        <v>57</v>
      </c>
      <c r="O8" s="73">
        <v>90</v>
      </c>
      <c r="P8" s="271"/>
      <c r="Q8" s="72">
        <v>32</v>
      </c>
      <c r="R8" s="72">
        <v>68</v>
      </c>
      <c r="S8" s="72">
        <v>38</v>
      </c>
      <c r="T8" s="72">
        <v>36</v>
      </c>
      <c r="U8" s="72">
        <v>30</v>
      </c>
      <c r="V8" s="73">
        <v>204</v>
      </c>
      <c r="W8" s="74">
        <v>294</v>
      </c>
      <c r="X8" s="71">
        <v>92</v>
      </c>
      <c r="Y8" s="72">
        <v>148</v>
      </c>
      <c r="Z8" s="73">
        <v>240</v>
      </c>
      <c r="AA8" s="271"/>
      <c r="AB8" s="72">
        <v>90</v>
      </c>
      <c r="AC8" s="72">
        <v>131</v>
      </c>
      <c r="AD8" s="72">
        <v>80</v>
      </c>
      <c r="AE8" s="72">
        <v>83</v>
      </c>
      <c r="AF8" s="72">
        <v>65</v>
      </c>
      <c r="AG8" s="73">
        <v>449</v>
      </c>
      <c r="AH8" s="74">
        <v>689</v>
      </c>
      <c r="AI8" s="71">
        <v>190</v>
      </c>
      <c r="AJ8" s="72">
        <v>189</v>
      </c>
      <c r="AK8" s="73">
        <v>379</v>
      </c>
      <c r="AL8" s="271"/>
      <c r="AM8" s="72">
        <v>163</v>
      </c>
      <c r="AN8" s="72">
        <v>213</v>
      </c>
      <c r="AO8" s="72">
        <v>98</v>
      </c>
      <c r="AP8" s="72">
        <v>109</v>
      </c>
      <c r="AQ8" s="72">
        <v>73</v>
      </c>
      <c r="AR8" s="73">
        <v>656</v>
      </c>
      <c r="AS8" s="74">
        <v>1035</v>
      </c>
      <c r="AT8" s="71">
        <v>344</v>
      </c>
      <c r="AU8" s="72">
        <v>332</v>
      </c>
      <c r="AV8" s="73">
        <v>676</v>
      </c>
      <c r="AW8" s="271"/>
      <c r="AX8" s="72">
        <v>330</v>
      </c>
      <c r="AY8" s="72">
        <v>381</v>
      </c>
      <c r="AZ8" s="72">
        <v>231</v>
      </c>
      <c r="BA8" s="72">
        <v>165</v>
      </c>
      <c r="BB8" s="72">
        <v>131</v>
      </c>
      <c r="BC8" s="73">
        <v>1238</v>
      </c>
      <c r="BD8" s="74">
        <v>1914</v>
      </c>
      <c r="BE8" s="71">
        <v>443</v>
      </c>
      <c r="BF8" s="72">
        <v>430</v>
      </c>
      <c r="BG8" s="73">
        <v>873</v>
      </c>
      <c r="BH8" s="271"/>
      <c r="BI8" s="72">
        <v>486</v>
      </c>
      <c r="BJ8" s="72">
        <v>490</v>
      </c>
      <c r="BK8" s="72">
        <v>265</v>
      </c>
      <c r="BL8" s="72">
        <v>212</v>
      </c>
      <c r="BM8" s="72">
        <v>133</v>
      </c>
      <c r="BN8" s="73">
        <v>1586</v>
      </c>
      <c r="BO8" s="74">
        <v>2459</v>
      </c>
      <c r="BP8" s="71">
        <v>306</v>
      </c>
      <c r="BQ8" s="72">
        <v>396</v>
      </c>
      <c r="BR8" s="73">
        <v>702</v>
      </c>
      <c r="BS8" s="271"/>
      <c r="BT8" s="72">
        <v>435</v>
      </c>
      <c r="BU8" s="72">
        <v>573</v>
      </c>
      <c r="BV8" s="72">
        <v>305</v>
      </c>
      <c r="BW8" s="72">
        <v>261</v>
      </c>
      <c r="BX8" s="72">
        <v>166</v>
      </c>
      <c r="BY8" s="73">
        <v>1740</v>
      </c>
      <c r="BZ8" s="74">
        <v>2442</v>
      </c>
      <c r="CA8" s="71">
        <v>0</v>
      </c>
      <c r="CB8" s="72">
        <v>0</v>
      </c>
      <c r="CC8" s="73">
        <v>0</v>
      </c>
      <c r="CD8" s="271"/>
      <c r="CE8" s="72">
        <v>0</v>
      </c>
      <c r="CF8" s="72">
        <v>0</v>
      </c>
      <c r="CG8" s="72">
        <v>0</v>
      </c>
      <c r="CH8" s="72">
        <v>0</v>
      </c>
      <c r="CI8" s="72">
        <v>0</v>
      </c>
      <c r="CJ8" s="73">
        <v>0</v>
      </c>
      <c r="CK8" s="74">
        <v>0</v>
      </c>
      <c r="CL8" s="71">
        <v>1408</v>
      </c>
      <c r="CM8" s="72">
        <v>1552</v>
      </c>
      <c r="CN8" s="73">
        <v>2960</v>
      </c>
      <c r="CO8" s="271"/>
      <c r="CP8" s="72">
        <v>1536</v>
      </c>
      <c r="CQ8" s="72">
        <v>1856</v>
      </c>
      <c r="CR8" s="72">
        <v>1017</v>
      </c>
      <c r="CS8" s="72">
        <v>866</v>
      </c>
      <c r="CT8" s="72">
        <v>598</v>
      </c>
      <c r="CU8" s="73">
        <v>5873</v>
      </c>
      <c r="CV8" s="74">
        <v>8833</v>
      </c>
      <c r="CW8" s="127">
        <v>459</v>
      </c>
      <c r="CX8" s="83">
        <v>588</v>
      </c>
      <c r="CY8" s="84">
        <v>1047</v>
      </c>
      <c r="CZ8" s="271"/>
      <c r="DA8" s="83">
        <v>570</v>
      </c>
      <c r="DB8" s="83">
        <v>776</v>
      </c>
      <c r="DC8" s="83">
        <v>452</v>
      </c>
      <c r="DD8" s="83">
        <v>455</v>
      </c>
      <c r="DE8" s="83">
        <v>321</v>
      </c>
      <c r="DF8" s="85">
        <v>2574</v>
      </c>
      <c r="DG8" s="86">
        <v>3621</v>
      </c>
      <c r="DH8" s="71">
        <v>15</v>
      </c>
      <c r="DI8" s="72">
        <v>14</v>
      </c>
      <c r="DJ8" s="73">
        <v>29</v>
      </c>
      <c r="DK8" s="271"/>
      <c r="DL8" s="72">
        <v>5</v>
      </c>
      <c r="DM8" s="72">
        <v>22</v>
      </c>
      <c r="DN8" s="72">
        <v>10</v>
      </c>
      <c r="DO8" s="72">
        <v>7</v>
      </c>
      <c r="DP8" s="72">
        <v>4</v>
      </c>
      <c r="DQ8" s="73">
        <v>48</v>
      </c>
      <c r="DR8" s="74">
        <v>77</v>
      </c>
      <c r="DS8" s="71">
        <v>37</v>
      </c>
      <c r="DT8" s="72">
        <v>36</v>
      </c>
      <c r="DU8" s="73">
        <v>73</v>
      </c>
      <c r="DV8" s="271"/>
      <c r="DW8" s="72">
        <v>36</v>
      </c>
      <c r="DX8" s="72">
        <v>38</v>
      </c>
      <c r="DY8" s="72">
        <v>14</v>
      </c>
      <c r="DZ8" s="72">
        <v>22</v>
      </c>
      <c r="EA8" s="72">
        <v>11</v>
      </c>
      <c r="EB8" s="73">
        <v>121</v>
      </c>
      <c r="EC8" s="74">
        <v>194</v>
      </c>
      <c r="ED8" s="71">
        <v>69</v>
      </c>
      <c r="EE8" s="72">
        <v>71</v>
      </c>
      <c r="EF8" s="73">
        <v>140</v>
      </c>
      <c r="EG8" s="271"/>
      <c r="EH8" s="72">
        <v>59</v>
      </c>
      <c r="EI8" s="72">
        <v>67</v>
      </c>
      <c r="EJ8" s="72">
        <v>34</v>
      </c>
      <c r="EK8" s="72">
        <v>28</v>
      </c>
      <c r="EL8" s="72">
        <v>26</v>
      </c>
      <c r="EM8" s="73">
        <v>214</v>
      </c>
      <c r="EN8" s="74">
        <v>354</v>
      </c>
      <c r="EO8" s="71">
        <v>107</v>
      </c>
      <c r="EP8" s="72">
        <v>142</v>
      </c>
      <c r="EQ8" s="73">
        <v>249</v>
      </c>
      <c r="ER8" s="271"/>
      <c r="ES8" s="72">
        <v>128</v>
      </c>
      <c r="ET8" s="72">
        <v>130</v>
      </c>
      <c r="EU8" s="72">
        <v>70</v>
      </c>
      <c r="EV8" s="72">
        <v>64</v>
      </c>
      <c r="EW8" s="72">
        <v>40</v>
      </c>
      <c r="EX8" s="73">
        <v>432</v>
      </c>
      <c r="EY8" s="74">
        <v>681</v>
      </c>
      <c r="EZ8" s="71">
        <v>148</v>
      </c>
      <c r="FA8" s="72">
        <v>173</v>
      </c>
      <c r="FB8" s="73">
        <v>321</v>
      </c>
      <c r="FC8" s="271"/>
      <c r="FD8" s="72">
        <v>185</v>
      </c>
      <c r="FE8" s="72">
        <v>228</v>
      </c>
      <c r="FF8" s="72">
        <v>142</v>
      </c>
      <c r="FG8" s="72">
        <v>114</v>
      </c>
      <c r="FH8" s="72">
        <v>102</v>
      </c>
      <c r="FI8" s="73">
        <v>771</v>
      </c>
      <c r="FJ8" s="74">
        <v>1092</v>
      </c>
      <c r="FK8" s="71">
        <v>83</v>
      </c>
      <c r="FL8" s="72">
        <v>152</v>
      </c>
      <c r="FM8" s="73">
        <v>235</v>
      </c>
      <c r="FN8" s="271"/>
      <c r="FO8" s="72">
        <v>157</v>
      </c>
      <c r="FP8" s="72">
        <v>291</v>
      </c>
      <c r="FQ8" s="72">
        <v>182</v>
      </c>
      <c r="FR8" s="72">
        <v>220</v>
      </c>
      <c r="FS8" s="72">
        <v>138</v>
      </c>
      <c r="FT8" s="73">
        <v>988</v>
      </c>
      <c r="FU8" s="74">
        <v>1223</v>
      </c>
      <c r="FV8" s="71">
        <v>0</v>
      </c>
      <c r="FW8" s="72">
        <v>0</v>
      </c>
      <c r="FX8" s="73">
        <v>0</v>
      </c>
      <c r="FY8" s="271"/>
      <c r="FZ8" s="72">
        <v>0</v>
      </c>
      <c r="GA8" s="72">
        <v>0</v>
      </c>
      <c r="GB8" s="72">
        <v>0</v>
      </c>
      <c r="GC8" s="72">
        <v>0</v>
      </c>
      <c r="GD8" s="72">
        <v>0</v>
      </c>
      <c r="GE8" s="73">
        <v>0</v>
      </c>
      <c r="GF8" s="74">
        <v>0</v>
      </c>
      <c r="GG8" s="71">
        <v>459</v>
      </c>
      <c r="GH8" s="72">
        <v>588</v>
      </c>
      <c r="GI8" s="73">
        <v>1047</v>
      </c>
      <c r="GJ8" s="271"/>
      <c r="GK8" s="72">
        <v>570</v>
      </c>
      <c r="GL8" s="72">
        <v>776</v>
      </c>
      <c r="GM8" s="72">
        <v>452</v>
      </c>
      <c r="GN8" s="72">
        <v>455</v>
      </c>
      <c r="GO8" s="72">
        <v>321</v>
      </c>
      <c r="GP8" s="73">
        <v>2574</v>
      </c>
      <c r="GQ8" s="74">
        <v>3621</v>
      </c>
      <c r="GR8" s="127">
        <v>1867</v>
      </c>
      <c r="GS8" s="83">
        <v>2140</v>
      </c>
      <c r="GT8" s="84">
        <v>4007</v>
      </c>
      <c r="GU8" s="271"/>
      <c r="GV8" s="83">
        <v>2106</v>
      </c>
      <c r="GW8" s="83">
        <v>2632</v>
      </c>
      <c r="GX8" s="83">
        <v>1469</v>
      </c>
      <c r="GY8" s="83">
        <v>1321</v>
      </c>
      <c r="GZ8" s="83">
        <v>919</v>
      </c>
      <c r="HA8" s="85">
        <v>8447</v>
      </c>
      <c r="HB8" s="86">
        <v>12454</v>
      </c>
      <c r="HC8" s="71">
        <v>48</v>
      </c>
      <c r="HD8" s="72">
        <v>71</v>
      </c>
      <c r="HE8" s="73">
        <v>119</v>
      </c>
      <c r="HF8" s="271"/>
      <c r="HG8" s="72">
        <v>37</v>
      </c>
      <c r="HH8" s="72">
        <v>90</v>
      </c>
      <c r="HI8" s="72">
        <v>48</v>
      </c>
      <c r="HJ8" s="72">
        <v>43</v>
      </c>
      <c r="HK8" s="72">
        <v>34</v>
      </c>
      <c r="HL8" s="73">
        <v>252</v>
      </c>
      <c r="HM8" s="74">
        <v>371</v>
      </c>
      <c r="HN8" s="71">
        <v>129</v>
      </c>
      <c r="HO8" s="72">
        <v>184</v>
      </c>
      <c r="HP8" s="73">
        <v>313</v>
      </c>
      <c r="HQ8" s="271"/>
      <c r="HR8" s="72">
        <v>126</v>
      </c>
      <c r="HS8" s="72">
        <v>169</v>
      </c>
      <c r="HT8" s="72">
        <v>94</v>
      </c>
      <c r="HU8" s="72">
        <v>105</v>
      </c>
      <c r="HV8" s="72">
        <v>76</v>
      </c>
      <c r="HW8" s="73">
        <v>570</v>
      </c>
      <c r="HX8" s="74">
        <v>883</v>
      </c>
      <c r="HY8" s="71">
        <v>259</v>
      </c>
      <c r="HZ8" s="72">
        <v>260</v>
      </c>
      <c r="IA8" s="73">
        <v>519</v>
      </c>
      <c r="IB8" s="271"/>
      <c r="IC8" s="72">
        <v>222</v>
      </c>
      <c r="ID8" s="72">
        <v>280</v>
      </c>
      <c r="IE8" s="72">
        <v>132</v>
      </c>
      <c r="IF8" s="72">
        <v>137</v>
      </c>
      <c r="IG8" s="72">
        <v>99</v>
      </c>
      <c r="IH8" s="73">
        <v>870</v>
      </c>
      <c r="II8" s="74">
        <v>1389</v>
      </c>
      <c r="IJ8" s="71">
        <v>451</v>
      </c>
      <c r="IK8" s="72">
        <v>474</v>
      </c>
      <c r="IL8" s="73">
        <v>925</v>
      </c>
      <c r="IM8" s="271"/>
      <c r="IN8" s="72">
        <v>458</v>
      </c>
      <c r="IO8" s="72">
        <v>511</v>
      </c>
      <c r="IP8" s="72">
        <v>301</v>
      </c>
      <c r="IQ8" s="72">
        <v>229</v>
      </c>
      <c r="IR8" s="72">
        <v>171</v>
      </c>
      <c r="IS8" s="73">
        <v>1670</v>
      </c>
      <c r="IT8" s="74">
        <v>2595</v>
      </c>
      <c r="IU8" s="71">
        <v>591</v>
      </c>
      <c r="IV8" s="72">
        <v>603</v>
      </c>
      <c r="IW8" s="73">
        <v>1194</v>
      </c>
      <c r="IX8" s="271"/>
      <c r="IY8" s="72">
        <v>671</v>
      </c>
      <c r="IZ8" s="72">
        <v>718</v>
      </c>
      <c r="JA8" s="72">
        <v>407</v>
      </c>
      <c r="JB8" s="72">
        <v>326</v>
      </c>
      <c r="JC8" s="72">
        <v>235</v>
      </c>
      <c r="JD8" s="73">
        <v>2357</v>
      </c>
      <c r="JE8" s="74">
        <v>3551</v>
      </c>
      <c r="JF8" s="71">
        <v>389</v>
      </c>
      <c r="JG8" s="72">
        <v>548</v>
      </c>
      <c r="JH8" s="73">
        <v>937</v>
      </c>
      <c r="JI8" s="271"/>
      <c r="JJ8" s="72">
        <v>592</v>
      </c>
      <c r="JK8" s="72">
        <v>864</v>
      </c>
      <c r="JL8" s="72">
        <v>487</v>
      </c>
      <c r="JM8" s="72">
        <v>481</v>
      </c>
      <c r="JN8" s="72">
        <v>304</v>
      </c>
      <c r="JO8" s="73">
        <v>2728</v>
      </c>
      <c r="JP8" s="74">
        <v>3665</v>
      </c>
      <c r="JQ8" s="71">
        <v>0</v>
      </c>
      <c r="JR8" s="72">
        <v>0</v>
      </c>
      <c r="JS8" s="73">
        <v>0</v>
      </c>
      <c r="JT8" s="271"/>
      <c r="JU8" s="72">
        <v>0</v>
      </c>
      <c r="JV8" s="72">
        <v>0</v>
      </c>
      <c r="JW8" s="72">
        <v>0</v>
      </c>
      <c r="JX8" s="72">
        <v>0</v>
      </c>
      <c r="JY8" s="72">
        <v>0</v>
      </c>
      <c r="JZ8" s="73">
        <v>0</v>
      </c>
      <c r="KA8" s="74">
        <v>0</v>
      </c>
      <c r="KB8" s="71">
        <v>1867</v>
      </c>
      <c r="KC8" s="72">
        <v>2140</v>
      </c>
      <c r="KD8" s="73">
        <v>4007</v>
      </c>
      <c r="KE8" s="274"/>
      <c r="KF8" s="72">
        <v>2106</v>
      </c>
      <c r="KG8" s="72">
        <v>2632</v>
      </c>
      <c r="KH8" s="72">
        <v>1469</v>
      </c>
      <c r="KI8" s="72">
        <v>1321</v>
      </c>
      <c r="KJ8" s="72">
        <v>919</v>
      </c>
      <c r="KK8" s="73">
        <v>8447</v>
      </c>
      <c r="KL8" s="74">
        <v>12454</v>
      </c>
    </row>
    <row r="9" spans="1:298" ht="19.5" customHeight="1" x14ac:dyDescent="0.2">
      <c r="A9" s="130" t="s">
        <v>6</v>
      </c>
      <c r="B9" s="353">
        <v>417</v>
      </c>
      <c r="C9" s="83">
        <v>345</v>
      </c>
      <c r="D9" s="84">
        <v>762</v>
      </c>
      <c r="E9" s="271"/>
      <c r="F9" s="83">
        <v>690</v>
      </c>
      <c r="G9" s="83">
        <v>560</v>
      </c>
      <c r="H9" s="83">
        <v>351</v>
      </c>
      <c r="I9" s="83">
        <v>338</v>
      </c>
      <c r="J9" s="83">
        <v>209</v>
      </c>
      <c r="K9" s="85">
        <v>2148</v>
      </c>
      <c r="L9" s="86">
        <v>2910</v>
      </c>
      <c r="M9" s="71">
        <v>12</v>
      </c>
      <c r="N9" s="72">
        <v>19</v>
      </c>
      <c r="O9" s="73">
        <v>31</v>
      </c>
      <c r="P9" s="271"/>
      <c r="Q9" s="72">
        <v>25</v>
      </c>
      <c r="R9" s="72">
        <v>25</v>
      </c>
      <c r="S9" s="72">
        <v>13</v>
      </c>
      <c r="T9" s="72">
        <v>12</v>
      </c>
      <c r="U9" s="72">
        <v>13</v>
      </c>
      <c r="V9" s="73">
        <v>88</v>
      </c>
      <c r="W9" s="74">
        <v>119</v>
      </c>
      <c r="X9" s="71">
        <v>35</v>
      </c>
      <c r="Y9" s="72">
        <v>32</v>
      </c>
      <c r="Z9" s="73">
        <v>67</v>
      </c>
      <c r="AA9" s="271"/>
      <c r="AB9" s="72">
        <v>53</v>
      </c>
      <c r="AC9" s="72">
        <v>44</v>
      </c>
      <c r="AD9" s="72">
        <v>31</v>
      </c>
      <c r="AE9" s="72">
        <v>32</v>
      </c>
      <c r="AF9" s="72">
        <v>25</v>
      </c>
      <c r="AG9" s="73">
        <v>185</v>
      </c>
      <c r="AH9" s="74">
        <v>252</v>
      </c>
      <c r="AI9" s="71">
        <v>43</v>
      </c>
      <c r="AJ9" s="72">
        <v>43</v>
      </c>
      <c r="AK9" s="73">
        <v>86</v>
      </c>
      <c r="AL9" s="271"/>
      <c r="AM9" s="72">
        <v>91</v>
      </c>
      <c r="AN9" s="72">
        <v>67</v>
      </c>
      <c r="AO9" s="72">
        <v>41</v>
      </c>
      <c r="AP9" s="72">
        <v>40</v>
      </c>
      <c r="AQ9" s="72">
        <v>28</v>
      </c>
      <c r="AR9" s="73">
        <v>267</v>
      </c>
      <c r="AS9" s="74">
        <v>353</v>
      </c>
      <c r="AT9" s="71">
        <v>81</v>
      </c>
      <c r="AU9" s="72">
        <v>63</v>
      </c>
      <c r="AV9" s="73">
        <v>144</v>
      </c>
      <c r="AW9" s="271"/>
      <c r="AX9" s="72">
        <v>156</v>
      </c>
      <c r="AY9" s="72">
        <v>117</v>
      </c>
      <c r="AZ9" s="72">
        <v>80</v>
      </c>
      <c r="BA9" s="72">
        <v>62</v>
      </c>
      <c r="BB9" s="72">
        <v>39</v>
      </c>
      <c r="BC9" s="73">
        <v>454</v>
      </c>
      <c r="BD9" s="74">
        <v>598</v>
      </c>
      <c r="BE9" s="71">
        <v>138</v>
      </c>
      <c r="BF9" s="72">
        <v>102</v>
      </c>
      <c r="BG9" s="73">
        <v>240</v>
      </c>
      <c r="BH9" s="271"/>
      <c r="BI9" s="72">
        <v>169</v>
      </c>
      <c r="BJ9" s="72">
        <v>140</v>
      </c>
      <c r="BK9" s="72">
        <v>98</v>
      </c>
      <c r="BL9" s="72">
        <v>101</v>
      </c>
      <c r="BM9" s="72">
        <v>49</v>
      </c>
      <c r="BN9" s="73">
        <v>557</v>
      </c>
      <c r="BO9" s="74">
        <v>797</v>
      </c>
      <c r="BP9" s="71">
        <v>108</v>
      </c>
      <c r="BQ9" s="72">
        <v>86</v>
      </c>
      <c r="BR9" s="73">
        <v>194</v>
      </c>
      <c r="BS9" s="271"/>
      <c r="BT9" s="72">
        <v>196</v>
      </c>
      <c r="BU9" s="72">
        <v>167</v>
      </c>
      <c r="BV9" s="72">
        <v>88</v>
      </c>
      <c r="BW9" s="72">
        <v>91</v>
      </c>
      <c r="BX9" s="72">
        <v>55</v>
      </c>
      <c r="BY9" s="73">
        <v>597</v>
      </c>
      <c r="BZ9" s="74">
        <v>791</v>
      </c>
      <c r="CA9" s="71">
        <v>0</v>
      </c>
      <c r="CB9" s="72">
        <v>0</v>
      </c>
      <c r="CC9" s="73">
        <v>0</v>
      </c>
      <c r="CD9" s="271"/>
      <c r="CE9" s="72">
        <v>0</v>
      </c>
      <c r="CF9" s="72">
        <v>0</v>
      </c>
      <c r="CG9" s="72">
        <v>0</v>
      </c>
      <c r="CH9" s="72">
        <v>0</v>
      </c>
      <c r="CI9" s="72">
        <v>0</v>
      </c>
      <c r="CJ9" s="73">
        <v>0</v>
      </c>
      <c r="CK9" s="74">
        <v>0</v>
      </c>
      <c r="CL9" s="71">
        <v>417</v>
      </c>
      <c r="CM9" s="72">
        <v>345</v>
      </c>
      <c r="CN9" s="73">
        <v>762</v>
      </c>
      <c r="CO9" s="271"/>
      <c r="CP9" s="72">
        <v>690</v>
      </c>
      <c r="CQ9" s="72">
        <v>560</v>
      </c>
      <c r="CR9" s="72">
        <v>351</v>
      </c>
      <c r="CS9" s="72">
        <v>338</v>
      </c>
      <c r="CT9" s="72">
        <v>209</v>
      </c>
      <c r="CU9" s="73">
        <v>2148</v>
      </c>
      <c r="CV9" s="74">
        <v>2910</v>
      </c>
      <c r="CW9" s="127">
        <v>207</v>
      </c>
      <c r="CX9" s="83">
        <v>225</v>
      </c>
      <c r="CY9" s="84">
        <v>432</v>
      </c>
      <c r="CZ9" s="271"/>
      <c r="DA9" s="83">
        <v>363</v>
      </c>
      <c r="DB9" s="83">
        <v>232</v>
      </c>
      <c r="DC9" s="83">
        <v>178</v>
      </c>
      <c r="DD9" s="83">
        <v>184</v>
      </c>
      <c r="DE9" s="83">
        <v>129</v>
      </c>
      <c r="DF9" s="85">
        <v>1086</v>
      </c>
      <c r="DG9" s="86">
        <v>1518</v>
      </c>
      <c r="DH9" s="71">
        <v>6</v>
      </c>
      <c r="DI9" s="72">
        <v>3</v>
      </c>
      <c r="DJ9" s="73">
        <v>9</v>
      </c>
      <c r="DK9" s="271"/>
      <c r="DL9" s="72">
        <v>9</v>
      </c>
      <c r="DM9" s="72">
        <v>1</v>
      </c>
      <c r="DN9" s="72">
        <v>3</v>
      </c>
      <c r="DO9" s="72">
        <v>6</v>
      </c>
      <c r="DP9" s="72">
        <v>2</v>
      </c>
      <c r="DQ9" s="73">
        <v>21</v>
      </c>
      <c r="DR9" s="74">
        <v>30</v>
      </c>
      <c r="DS9" s="71">
        <v>20</v>
      </c>
      <c r="DT9" s="72">
        <v>15</v>
      </c>
      <c r="DU9" s="73">
        <v>35</v>
      </c>
      <c r="DV9" s="271"/>
      <c r="DW9" s="72">
        <v>26</v>
      </c>
      <c r="DX9" s="72">
        <v>9</v>
      </c>
      <c r="DY9" s="72">
        <v>8</v>
      </c>
      <c r="DZ9" s="72">
        <v>11</v>
      </c>
      <c r="EA9" s="72">
        <v>3</v>
      </c>
      <c r="EB9" s="73">
        <v>57</v>
      </c>
      <c r="EC9" s="74">
        <v>92</v>
      </c>
      <c r="ED9" s="71">
        <v>26</v>
      </c>
      <c r="EE9" s="72">
        <v>27</v>
      </c>
      <c r="EF9" s="73">
        <v>53</v>
      </c>
      <c r="EG9" s="271"/>
      <c r="EH9" s="72">
        <v>53</v>
      </c>
      <c r="EI9" s="72">
        <v>27</v>
      </c>
      <c r="EJ9" s="72">
        <v>9</v>
      </c>
      <c r="EK9" s="72">
        <v>10</v>
      </c>
      <c r="EL9" s="72">
        <v>12</v>
      </c>
      <c r="EM9" s="73">
        <v>111</v>
      </c>
      <c r="EN9" s="74">
        <v>164</v>
      </c>
      <c r="EO9" s="71">
        <v>43</v>
      </c>
      <c r="EP9" s="72">
        <v>53</v>
      </c>
      <c r="EQ9" s="73">
        <v>96</v>
      </c>
      <c r="ER9" s="271"/>
      <c r="ES9" s="72">
        <v>82</v>
      </c>
      <c r="ET9" s="72">
        <v>39</v>
      </c>
      <c r="EU9" s="72">
        <v>25</v>
      </c>
      <c r="EV9" s="72">
        <v>19</v>
      </c>
      <c r="EW9" s="72">
        <v>25</v>
      </c>
      <c r="EX9" s="73">
        <v>190</v>
      </c>
      <c r="EY9" s="74">
        <v>286</v>
      </c>
      <c r="EZ9" s="71">
        <v>67</v>
      </c>
      <c r="FA9" s="72">
        <v>74</v>
      </c>
      <c r="FB9" s="73">
        <v>141</v>
      </c>
      <c r="FC9" s="271"/>
      <c r="FD9" s="72">
        <v>92</v>
      </c>
      <c r="FE9" s="72">
        <v>72</v>
      </c>
      <c r="FF9" s="72">
        <v>60</v>
      </c>
      <c r="FG9" s="72">
        <v>41</v>
      </c>
      <c r="FH9" s="72">
        <v>30</v>
      </c>
      <c r="FI9" s="73">
        <v>295</v>
      </c>
      <c r="FJ9" s="74">
        <v>436</v>
      </c>
      <c r="FK9" s="71">
        <v>45</v>
      </c>
      <c r="FL9" s="72">
        <v>53</v>
      </c>
      <c r="FM9" s="73">
        <v>98</v>
      </c>
      <c r="FN9" s="271"/>
      <c r="FO9" s="72">
        <v>101</v>
      </c>
      <c r="FP9" s="72">
        <v>84</v>
      </c>
      <c r="FQ9" s="72">
        <v>73</v>
      </c>
      <c r="FR9" s="72">
        <v>97</v>
      </c>
      <c r="FS9" s="72">
        <v>57</v>
      </c>
      <c r="FT9" s="73">
        <v>412</v>
      </c>
      <c r="FU9" s="74">
        <v>510</v>
      </c>
      <c r="FV9" s="71">
        <v>0</v>
      </c>
      <c r="FW9" s="72">
        <v>0</v>
      </c>
      <c r="FX9" s="73">
        <v>0</v>
      </c>
      <c r="FY9" s="271"/>
      <c r="FZ9" s="72">
        <v>0</v>
      </c>
      <c r="GA9" s="72">
        <v>0</v>
      </c>
      <c r="GB9" s="72">
        <v>0</v>
      </c>
      <c r="GC9" s="72">
        <v>0</v>
      </c>
      <c r="GD9" s="72">
        <v>0</v>
      </c>
      <c r="GE9" s="73">
        <v>0</v>
      </c>
      <c r="GF9" s="74">
        <v>0</v>
      </c>
      <c r="GG9" s="71">
        <v>207</v>
      </c>
      <c r="GH9" s="72">
        <v>225</v>
      </c>
      <c r="GI9" s="73">
        <v>432</v>
      </c>
      <c r="GJ9" s="271"/>
      <c r="GK9" s="72">
        <v>363</v>
      </c>
      <c r="GL9" s="72">
        <v>232</v>
      </c>
      <c r="GM9" s="72">
        <v>178</v>
      </c>
      <c r="GN9" s="72">
        <v>184</v>
      </c>
      <c r="GO9" s="72">
        <v>129</v>
      </c>
      <c r="GP9" s="73">
        <v>1086</v>
      </c>
      <c r="GQ9" s="74">
        <v>1518</v>
      </c>
      <c r="GR9" s="127">
        <v>624</v>
      </c>
      <c r="GS9" s="83">
        <v>570</v>
      </c>
      <c r="GT9" s="84">
        <v>1194</v>
      </c>
      <c r="GU9" s="271"/>
      <c r="GV9" s="83">
        <v>1053</v>
      </c>
      <c r="GW9" s="83">
        <v>792</v>
      </c>
      <c r="GX9" s="83">
        <v>529</v>
      </c>
      <c r="GY9" s="83">
        <v>522</v>
      </c>
      <c r="GZ9" s="83">
        <v>338</v>
      </c>
      <c r="HA9" s="85">
        <v>3234</v>
      </c>
      <c r="HB9" s="86">
        <v>4428</v>
      </c>
      <c r="HC9" s="71">
        <v>18</v>
      </c>
      <c r="HD9" s="72">
        <v>22</v>
      </c>
      <c r="HE9" s="73">
        <v>40</v>
      </c>
      <c r="HF9" s="271"/>
      <c r="HG9" s="72">
        <v>34</v>
      </c>
      <c r="HH9" s="72">
        <v>26</v>
      </c>
      <c r="HI9" s="72">
        <v>16</v>
      </c>
      <c r="HJ9" s="72">
        <v>18</v>
      </c>
      <c r="HK9" s="72">
        <v>15</v>
      </c>
      <c r="HL9" s="73">
        <v>109</v>
      </c>
      <c r="HM9" s="74">
        <v>149</v>
      </c>
      <c r="HN9" s="71">
        <v>55</v>
      </c>
      <c r="HO9" s="72">
        <v>47</v>
      </c>
      <c r="HP9" s="73">
        <v>102</v>
      </c>
      <c r="HQ9" s="271"/>
      <c r="HR9" s="72">
        <v>79</v>
      </c>
      <c r="HS9" s="72">
        <v>53</v>
      </c>
      <c r="HT9" s="72">
        <v>39</v>
      </c>
      <c r="HU9" s="72">
        <v>43</v>
      </c>
      <c r="HV9" s="72">
        <v>28</v>
      </c>
      <c r="HW9" s="73">
        <v>242</v>
      </c>
      <c r="HX9" s="74">
        <v>344</v>
      </c>
      <c r="HY9" s="71">
        <v>69</v>
      </c>
      <c r="HZ9" s="72">
        <v>70</v>
      </c>
      <c r="IA9" s="73">
        <v>139</v>
      </c>
      <c r="IB9" s="271"/>
      <c r="IC9" s="72">
        <v>144</v>
      </c>
      <c r="ID9" s="72">
        <v>94</v>
      </c>
      <c r="IE9" s="72">
        <v>50</v>
      </c>
      <c r="IF9" s="72">
        <v>50</v>
      </c>
      <c r="IG9" s="72">
        <v>40</v>
      </c>
      <c r="IH9" s="73">
        <v>378</v>
      </c>
      <c r="II9" s="74">
        <v>517</v>
      </c>
      <c r="IJ9" s="71">
        <v>124</v>
      </c>
      <c r="IK9" s="72">
        <v>116</v>
      </c>
      <c r="IL9" s="73">
        <v>240</v>
      </c>
      <c r="IM9" s="271"/>
      <c r="IN9" s="72">
        <v>238</v>
      </c>
      <c r="IO9" s="72">
        <v>156</v>
      </c>
      <c r="IP9" s="72">
        <v>105</v>
      </c>
      <c r="IQ9" s="72">
        <v>81</v>
      </c>
      <c r="IR9" s="72">
        <v>64</v>
      </c>
      <c r="IS9" s="73">
        <v>644</v>
      </c>
      <c r="IT9" s="74">
        <v>884</v>
      </c>
      <c r="IU9" s="71">
        <v>205</v>
      </c>
      <c r="IV9" s="72">
        <v>176</v>
      </c>
      <c r="IW9" s="73">
        <v>381</v>
      </c>
      <c r="IX9" s="271"/>
      <c r="IY9" s="72">
        <v>261</v>
      </c>
      <c r="IZ9" s="72">
        <v>212</v>
      </c>
      <c r="JA9" s="72">
        <v>158</v>
      </c>
      <c r="JB9" s="72">
        <v>142</v>
      </c>
      <c r="JC9" s="72">
        <v>79</v>
      </c>
      <c r="JD9" s="73">
        <v>852</v>
      </c>
      <c r="JE9" s="74">
        <v>1233</v>
      </c>
      <c r="JF9" s="71">
        <v>153</v>
      </c>
      <c r="JG9" s="72">
        <v>139</v>
      </c>
      <c r="JH9" s="73">
        <v>292</v>
      </c>
      <c r="JI9" s="271"/>
      <c r="JJ9" s="72">
        <v>297</v>
      </c>
      <c r="JK9" s="72">
        <v>251</v>
      </c>
      <c r="JL9" s="72">
        <v>161</v>
      </c>
      <c r="JM9" s="72">
        <v>188</v>
      </c>
      <c r="JN9" s="72">
        <v>112</v>
      </c>
      <c r="JO9" s="73">
        <v>1009</v>
      </c>
      <c r="JP9" s="74">
        <v>1301</v>
      </c>
      <c r="JQ9" s="71">
        <v>0</v>
      </c>
      <c r="JR9" s="72">
        <v>0</v>
      </c>
      <c r="JS9" s="73">
        <v>0</v>
      </c>
      <c r="JT9" s="271"/>
      <c r="JU9" s="72">
        <v>0</v>
      </c>
      <c r="JV9" s="72">
        <v>0</v>
      </c>
      <c r="JW9" s="72">
        <v>0</v>
      </c>
      <c r="JX9" s="72">
        <v>0</v>
      </c>
      <c r="JY9" s="72">
        <v>0</v>
      </c>
      <c r="JZ9" s="73">
        <v>0</v>
      </c>
      <c r="KA9" s="74">
        <v>0</v>
      </c>
      <c r="KB9" s="71">
        <v>624</v>
      </c>
      <c r="KC9" s="72">
        <v>570</v>
      </c>
      <c r="KD9" s="73">
        <v>1194</v>
      </c>
      <c r="KE9" s="274"/>
      <c r="KF9" s="72">
        <v>1053</v>
      </c>
      <c r="KG9" s="72">
        <v>792</v>
      </c>
      <c r="KH9" s="72">
        <v>529</v>
      </c>
      <c r="KI9" s="72">
        <v>522</v>
      </c>
      <c r="KJ9" s="72">
        <v>338</v>
      </c>
      <c r="KK9" s="73">
        <v>3234</v>
      </c>
      <c r="KL9" s="74">
        <v>4428</v>
      </c>
    </row>
    <row r="10" spans="1:298" ht="19.5" customHeight="1" x14ac:dyDescent="0.2">
      <c r="A10" s="130" t="s">
        <v>14</v>
      </c>
      <c r="B10" s="353">
        <v>186</v>
      </c>
      <c r="C10" s="83">
        <v>199</v>
      </c>
      <c r="D10" s="84">
        <v>385</v>
      </c>
      <c r="E10" s="271"/>
      <c r="F10" s="83">
        <v>236</v>
      </c>
      <c r="G10" s="83">
        <v>232</v>
      </c>
      <c r="H10" s="83">
        <v>141</v>
      </c>
      <c r="I10" s="83">
        <v>157</v>
      </c>
      <c r="J10" s="83">
        <v>84</v>
      </c>
      <c r="K10" s="85">
        <v>850</v>
      </c>
      <c r="L10" s="86">
        <v>1235</v>
      </c>
      <c r="M10" s="71">
        <v>12</v>
      </c>
      <c r="N10" s="72">
        <v>8</v>
      </c>
      <c r="O10" s="73">
        <v>20</v>
      </c>
      <c r="P10" s="271"/>
      <c r="Q10" s="72">
        <v>8</v>
      </c>
      <c r="R10" s="72">
        <v>9</v>
      </c>
      <c r="S10" s="72">
        <v>5</v>
      </c>
      <c r="T10" s="72">
        <v>10</v>
      </c>
      <c r="U10" s="72">
        <v>8</v>
      </c>
      <c r="V10" s="73">
        <v>40</v>
      </c>
      <c r="W10" s="74">
        <v>60</v>
      </c>
      <c r="X10" s="71">
        <v>15</v>
      </c>
      <c r="Y10" s="72">
        <v>17</v>
      </c>
      <c r="Z10" s="73">
        <v>32</v>
      </c>
      <c r="AA10" s="271"/>
      <c r="AB10" s="72">
        <v>19</v>
      </c>
      <c r="AC10" s="72">
        <v>23</v>
      </c>
      <c r="AD10" s="72">
        <v>10</v>
      </c>
      <c r="AE10" s="72">
        <v>18</v>
      </c>
      <c r="AF10" s="72">
        <v>7</v>
      </c>
      <c r="AG10" s="73">
        <v>77</v>
      </c>
      <c r="AH10" s="74">
        <v>109</v>
      </c>
      <c r="AI10" s="71">
        <v>22</v>
      </c>
      <c r="AJ10" s="72">
        <v>29</v>
      </c>
      <c r="AK10" s="73">
        <v>51</v>
      </c>
      <c r="AL10" s="271"/>
      <c r="AM10" s="72">
        <v>23</v>
      </c>
      <c r="AN10" s="72">
        <v>27</v>
      </c>
      <c r="AO10" s="72">
        <v>17</v>
      </c>
      <c r="AP10" s="72">
        <v>18</v>
      </c>
      <c r="AQ10" s="72">
        <v>19</v>
      </c>
      <c r="AR10" s="73">
        <v>104</v>
      </c>
      <c r="AS10" s="74">
        <v>155</v>
      </c>
      <c r="AT10" s="71">
        <v>43</v>
      </c>
      <c r="AU10" s="72">
        <v>62</v>
      </c>
      <c r="AV10" s="73">
        <v>105</v>
      </c>
      <c r="AW10" s="271"/>
      <c r="AX10" s="72">
        <v>55</v>
      </c>
      <c r="AY10" s="72">
        <v>57</v>
      </c>
      <c r="AZ10" s="72">
        <v>43</v>
      </c>
      <c r="BA10" s="72">
        <v>31</v>
      </c>
      <c r="BB10" s="72">
        <v>20</v>
      </c>
      <c r="BC10" s="73">
        <v>206</v>
      </c>
      <c r="BD10" s="74">
        <v>311</v>
      </c>
      <c r="BE10" s="71">
        <v>61</v>
      </c>
      <c r="BF10" s="72">
        <v>47</v>
      </c>
      <c r="BG10" s="73">
        <v>108</v>
      </c>
      <c r="BH10" s="271"/>
      <c r="BI10" s="72">
        <v>68</v>
      </c>
      <c r="BJ10" s="72">
        <v>57</v>
      </c>
      <c r="BK10" s="72">
        <v>36</v>
      </c>
      <c r="BL10" s="72">
        <v>40</v>
      </c>
      <c r="BM10" s="72">
        <v>14</v>
      </c>
      <c r="BN10" s="73">
        <v>215</v>
      </c>
      <c r="BO10" s="74">
        <v>323</v>
      </c>
      <c r="BP10" s="71">
        <v>33</v>
      </c>
      <c r="BQ10" s="72">
        <v>36</v>
      </c>
      <c r="BR10" s="73">
        <v>69</v>
      </c>
      <c r="BS10" s="271"/>
      <c r="BT10" s="72">
        <v>63</v>
      </c>
      <c r="BU10" s="72">
        <v>59</v>
      </c>
      <c r="BV10" s="72">
        <v>30</v>
      </c>
      <c r="BW10" s="72">
        <v>40</v>
      </c>
      <c r="BX10" s="72">
        <v>16</v>
      </c>
      <c r="BY10" s="73">
        <v>208</v>
      </c>
      <c r="BZ10" s="74">
        <v>277</v>
      </c>
      <c r="CA10" s="71">
        <v>0</v>
      </c>
      <c r="CB10" s="72">
        <v>0</v>
      </c>
      <c r="CC10" s="73">
        <v>0</v>
      </c>
      <c r="CD10" s="271"/>
      <c r="CE10" s="72">
        <v>0</v>
      </c>
      <c r="CF10" s="72">
        <v>0</v>
      </c>
      <c r="CG10" s="72">
        <v>0</v>
      </c>
      <c r="CH10" s="72">
        <v>0</v>
      </c>
      <c r="CI10" s="72">
        <v>0</v>
      </c>
      <c r="CJ10" s="73">
        <v>0</v>
      </c>
      <c r="CK10" s="74">
        <v>0</v>
      </c>
      <c r="CL10" s="71">
        <v>186</v>
      </c>
      <c r="CM10" s="72">
        <v>199</v>
      </c>
      <c r="CN10" s="73">
        <v>385</v>
      </c>
      <c r="CO10" s="271"/>
      <c r="CP10" s="72">
        <v>236</v>
      </c>
      <c r="CQ10" s="72">
        <v>232</v>
      </c>
      <c r="CR10" s="72">
        <v>141</v>
      </c>
      <c r="CS10" s="72">
        <v>157</v>
      </c>
      <c r="CT10" s="72">
        <v>84</v>
      </c>
      <c r="CU10" s="73">
        <v>850</v>
      </c>
      <c r="CV10" s="74">
        <v>1235</v>
      </c>
      <c r="CW10" s="127">
        <v>64</v>
      </c>
      <c r="CX10" s="83">
        <v>87</v>
      </c>
      <c r="CY10" s="84">
        <v>151</v>
      </c>
      <c r="CZ10" s="271"/>
      <c r="DA10" s="83">
        <v>89</v>
      </c>
      <c r="DB10" s="83">
        <v>78</v>
      </c>
      <c r="DC10" s="83">
        <v>68</v>
      </c>
      <c r="DD10" s="83">
        <v>64</v>
      </c>
      <c r="DE10" s="83">
        <v>38</v>
      </c>
      <c r="DF10" s="85">
        <v>337</v>
      </c>
      <c r="DG10" s="86">
        <v>488</v>
      </c>
      <c r="DH10" s="71">
        <v>3</v>
      </c>
      <c r="DI10" s="72">
        <v>3</v>
      </c>
      <c r="DJ10" s="73">
        <v>6</v>
      </c>
      <c r="DK10" s="271"/>
      <c r="DL10" s="72">
        <v>2</v>
      </c>
      <c r="DM10" s="72">
        <v>2</v>
      </c>
      <c r="DN10" s="72">
        <v>2</v>
      </c>
      <c r="DO10" s="72">
        <v>0</v>
      </c>
      <c r="DP10" s="72">
        <v>1</v>
      </c>
      <c r="DQ10" s="73">
        <v>7</v>
      </c>
      <c r="DR10" s="74">
        <v>13</v>
      </c>
      <c r="DS10" s="71">
        <v>8</v>
      </c>
      <c r="DT10" s="72">
        <v>6</v>
      </c>
      <c r="DU10" s="73">
        <v>14</v>
      </c>
      <c r="DV10" s="271"/>
      <c r="DW10" s="72">
        <v>4</v>
      </c>
      <c r="DX10" s="72">
        <v>2</v>
      </c>
      <c r="DY10" s="72">
        <v>7</v>
      </c>
      <c r="DZ10" s="72">
        <v>2</v>
      </c>
      <c r="EA10" s="72">
        <v>1</v>
      </c>
      <c r="EB10" s="73">
        <v>16</v>
      </c>
      <c r="EC10" s="74">
        <v>30</v>
      </c>
      <c r="ED10" s="71">
        <v>7</v>
      </c>
      <c r="EE10" s="72">
        <v>7</v>
      </c>
      <c r="EF10" s="73">
        <v>14</v>
      </c>
      <c r="EG10" s="271"/>
      <c r="EH10" s="72">
        <v>10</v>
      </c>
      <c r="EI10" s="72">
        <v>9</v>
      </c>
      <c r="EJ10" s="72">
        <v>11</v>
      </c>
      <c r="EK10" s="72">
        <v>4</v>
      </c>
      <c r="EL10" s="72">
        <v>3</v>
      </c>
      <c r="EM10" s="73">
        <v>37</v>
      </c>
      <c r="EN10" s="74">
        <v>51</v>
      </c>
      <c r="EO10" s="71">
        <v>16</v>
      </c>
      <c r="EP10" s="72">
        <v>22</v>
      </c>
      <c r="EQ10" s="73">
        <v>38</v>
      </c>
      <c r="ER10" s="271"/>
      <c r="ES10" s="72">
        <v>19</v>
      </c>
      <c r="ET10" s="72">
        <v>18</v>
      </c>
      <c r="EU10" s="72">
        <v>9</v>
      </c>
      <c r="EV10" s="72">
        <v>4</v>
      </c>
      <c r="EW10" s="72">
        <v>4</v>
      </c>
      <c r="EX10" s="73">
        <v>54</v>
      </c>
      <c r="EY10" s="74">
        <v>92</v>
      </c>
      <c r="EZ10" s="71">
        <v>16</v>
      </c>
      <c r="FA10" s="72">
        <v>33</v>
      </c>
      <c r="FB10" s="73">
        <v>49</v>
      </c>
      <c r="FC10" s="271"/>
      <c r="FD10" s="72">
        <v>26</v>
      </c>
      <c r="FE10" s="72">
        <v>22</v>
      </c>
      <c r="FF10" s="72">
        <v>12</v>
      </c>
      <c r="FG10" s="72">
        <v>15</v>
      </c>
      <c r="FH10" s="72">
        <v>8</v>
      </c>
      <c r="FI10" s="73">
        <v>83</v>
      </c>
      <c r="FJ10" s="74">
        <v>132</v>
      </c>
      <c r="FK10" s="71">
        <v>14</v>
      </c>
      <c r="FL10" s="72">
        <v>16</v>
      </c>
      <c r="FM10" s="73">
        <v>30</v>
      </c>
      <c r="FN10" s="271"/>
      <c r="FO10" s="72">
        <v>28</v>
      </c>
      <c r="FP10" s="72">
        <v>25</v>
      </c>
      <c r="FQ10" s="72">
        <v>27</v>
      </c>
      <c r="FR10" s="72">
        <v>39</v>
      </c>
      <c r="FS10" s="72">
        <v>21</v>
      </c>
      <c r="FT10" s="73">
        <v>140</v>
      </c>
      <c r="FU10" s="74">
        <v>170</v>
      </c>
      <c r="FV10" s="71">
        <v>0</v>
      </c>
      <c r="FW10" s="72">
        <v>0</v>
      </c>
      <c r="FX10" s="73">
        <v>0</v>
      </c>
      <c r="FY10" s="271"/>
      <c r="FZ10" s="72">
        <v>0</v>
      </c>
      <c r="GA10" s="72">
        <v>0</v>
      </c>
      <c r="GB10" s="72">
        <v>0</v>
      </c>
      <c r="GC10" s="72">
        <v>0</v>
      </c>
      <c r="GD10" s="72">
        <v>0</v>
      </c>
      <c r="GE10" s="73">
        <v>0</v>
      </c>
      <c r="GF10" s="74">
        <v>0</v>
      </c>
      <c r="GG10" s="71">
        <v>64</v>
      </c>
      <c r="GH10" s="72">
        <v>87</v>
      </c>
      <c r="GI10" s="73">
        <v>151</v>
      </c>
      <c r="GJ10" s="271"/>
      <c r="GK10" s="72">
        <v>89</v>
      </c>
      <c r="GL10" s="72">
        <v>78</v>
      </c>
      <c r="GM10" s="72">
        <v>68</v>
      </c>
      <c r="GN10" s="72">
        <v>64</v>
      </c>
      <c r="GO10" s="72">
        <v>38</v>
      </c>
      <c r="GP10" s="73">
        <v>337</v>
      </c>
      <c r="GQ10" s="74">
        <v>488</v>
      </c>
      <c r="GR10" s="127">
        <v>250</v>
      </c>
      <c r="GS10" s="83">
        <v>286</v>
      </c>
      <c r="GT10" s="84">
        <v>536</v>
      </c>
      <c r="GU10" s="271"/>
      <c r="GV10" s="83">
        <v>325</v>
      </c>
      <c r="GW10" s="83">
        <v>310</v>
      </c>
      <c r="GX10" s="83">
        <v>209</v>
      </c>
      <c r="GY10" s="83">
        <v>221</v>
      </c>
      <c r="GZ10" s="83">
        <v>122</v>
      </c>
      <c r="HA10" s="85">
        <v>1187</v>
      </c>
      <c r="HB10" s="86">
        <v>1723</v>
      </c>
      <c r="HC10" s="71">
        <v>15</v>
      </c>
      <c r="HD10" s="72">
        <v>11</v>
      </c>
      <c r="HE10" s="73">
        <v>26</v>
      </c>
      <c r="HF10" s="271"/>
      <c r="HG10" s="72">
        <v>10</v>
      </c>
      <c r="HH10" s="72">
        <v>11</v>
      </c>
      <c r="HI10" s="72">
        <v>7</v>
      </c>
      <c r="HJ10" s="72">
        <v>10</v>
      </c>
      <c r="HK10" s="72">
        <v>9</v>
      </c>
      <c r="HL10" s="73">
        <v>47</v>
      </c>
      <c r="HM10" s="74">
        <v>73</v>
      </c>
      <c r="HN10" s="71">
        <v>23</v>
      </c>
      <c r="HO10" s="72">
        <v>23</v>
      </c>
      <c r="HP10" s="73">
        <v>46</v>
      </c>
      <c r="HQ10" s="271"/>
      <c r="HR10" s="72">
        <v>23</v>
      </c>
      <c r="HS10" s="72">
        <v>25</v>
      </c>
      <c r="HT10" s="72">
        <v>17</v>
      </c>
      <c r="HU10" s="72">
        <v>20</v>
      </c>
      <c r="HV10" s="72">
        <v>8</v>
      </c>
      <c r="HW10" s="73">
        <v>93</v>
      </c>
      <c r="HX10" s="74">
        <v>139</v>
      </c>
      <c r="HY10" s="71">
        <v>29</v>
      </c>
      <c r="HZ10" s="72">
        <v>36</v>
      </c>
      <c r="IA10" s="73">
        <v>65</v>
      </c>
      <c r="IB10" s="271"/>
      <c r="IC10" s="72">
        <v>33</v>
      </c>
      <c r="ID10" s="72">
        <v>36</v>
      </c>
      <c r="IE10" s="72">
        <v>28</v>
      </c>
      <c r="IF10" s="72">
        <v>22</v>
      </c>
      <c r="IG10" s="72">
        <v>22</v>
      </c>
      <c r="IH10" s="73">
        <v>141</v>
      </c>
      <c r="II10" s="74">
        <v>206</v>
      </c>
      <c r="IJ10" s="71">
        <v>59</v>
      </c>
      <c r="IK10" s="72">
        <v>84</v>
      </c>
      <c r="IL10" s="73">
        <v>143</v>
      </c>
      <c r="IM10" s="271"/>
      <c r="IN10" s="72">
        <v>74</v>
      </c>
      <c r="IO10" s="72">
        <v>75</v>
      </c>
      <c r="IP10" s="72">
        <v>52</v>
      </c>
      <c r="IQ10" s="72">
        <v>35</v>
      </c>
      <c r="IR10" s="72">
        <v>24</v>
      </c>
      <c r="IS10" s="73">
        <v>260</v>
      </c>
      <c r="IT10" s="74">
        <v>403</v>
      </c>
      <c r="IU10" s="71">
        <v>77</v>
      </c>
      <c r="IV10" s="72">
        <v>80</v>
      </c>
      <c r="IW10" s="73">
        <v>157</v>
      </c>
      <c r="IX10" s="271"/>
      <c r="IY10" s="72">
        <v>94</v>
      </c>
      <c r="IZ10" s="72">
        <v>79</v>
      </c>
      <c r="JA10" s="72">
        <v>48</v>
      </c>
      <c r="JB10" s="72">
        <v>55</v>
      </c>
      <c r="JC10" s="72">
        <v>22</v>
      </c>
      <c r="JD10" s="73">
        <v>298</v>
      </c>
      <c r="JE10" s="74">
        <v>455</v>
      </c>
      <c r="JF10" s="71">
        <v>47</v>
      </c>
      <c r="JG10" s="72">
        <v>52</v>
      </c>
      <c r="JH10" s="73">
        <v>99</v>
      </c>
      <c r="JI10" s="271"/>
      <c r="JJ10" s="72">
        <v>91</v>
      </c>
      <c r="JK10" s="72">
        <v>84</v>
      </c>
      <c r="JL10" s="72">
        <v>57</v>
      </c>
      <c r="JM10" s="72">
        <v>79</v>
      </c>
      <c r="JN10" s="72">
        <v>37</v>
      </c>
      <c r="JO10" s="73">
        <v>348</v>
      </c>
      <c r="JP10" s="74">
        <v>447</v>
      </c>
      <c r="JQ10" s="71">
        <v>0</v>
      </c>
      <c r="JR10" s="72">
        <v>0</v>
      </c>
      <c r="JS10" s="73">
        <v>0</v>
      </c>
      <c r="JT10" s="271"/>
      <c r="JU10" s="72">
        <v>0</v>
      </c>
      <c r="JV10" s="72">
        <v>0</v>
      </c>
      <c r="JW10" s="72">
        <v>0</v>
      </c>
      <c r="JX10" s="72">
        <v>0</v>
      </c>
      <c r="JY10" s="72">
        <v>0</v>
      </c>
      <c r="JZ10" s="73">
        <v>0</v>
      </c>
      <c r="KA10" s="74">
        <v>0</v>
      </c>
      <c r="KB10" s="71">
        <v>250</v>
      </c>
      <c r="KC10" s="72">
        <v>286</v>
      </c>
      <c r="KD10" s="73">
        <v>536</v>
      </c>
      <c r="KE10" s="274"/>
      <c r="KF10" s="72">
        <v>325</v>
      </c>
      <c r="KG10" s="72">
        <v>310</v>
      </c>
      <c r="KH10" s="72">
        <v>209</v>
      </c>
      <c r="KI10" s="72">
        <v>221</v>
      </c>
      <c r="KJ10" s="72">
        <v>122</v>
      </c>
      <c r="KK10" s="73">
        <v>1187</v>
      </c>
      <c r="KL10" s="74">
        <v>1723</v>
      </c>
    </row>
    <row r="11" spans="1:298" ht="19.5" customHeight="1" x14ac:dyDescent="0.2">
      <c r="A11" s="130" t="s">
        <v>7</v>
      </c>
      <c r="B11" s="353">
        <v>99</v>
      </c>
      <c r="C11" s="83">
        <v>86</v>
      </c>
      <c r="D11" s="84">
        <v>185</v>
      </c>
      <c r="E11" s="271"/>
      <c r="F11" s="83">
        <v>213</v>
      </c>
      <c r="G11" s="83">
        <v>159</v>
      </c>
      <c r="H11" s="83">
        <v>74</v>
      </c>
      <c r="I11" s="83">
        <v>61</v>
      </c>
      <c r="J11" s="83">
        <v>38</v>
      </c>
      <c r="K11" s="85">
        <v>545</v>
      </c>
      <c r="L11" s="86">
        <v>730</v>
      </c>
      <c r="M11" s="71">
        <v>7</v>
      </c>
      <c r="N11" s="72">
        <v>1</v>
      </c>
      <c r="O11" s="73">
        <v>8</v>
      </c>
      <c r="P11" s="271"/>
      <c r="Q11" s="72">
        <v>3</v>
      </c>
      <c r="R11" s="72">
        <v>5</v>
      </c>
      <c r="S11" s="72">
        <v>4</v>
      </c>
      <c r="T11" s="72">
        <v>5</v>
      </c>
      <c r="U11" s="72">
        <v>5</v>
      </c>
      <c r="V11" s="73">
        <v>22</v>
      </c>
      <c r="W11" s="74">
        <v>30</v>
      </c>
      <c r="X11" s="71">
        <v>10</v>
      </c>
      <c r="Y11" s="72">
        <v>6</v>
      </c>
      <c r="Z11" s="73">
        <v>16</v>
      </c>
      <c r="AA11" s="271"/>
      <c r="AB11" s="72">
        <v>18</v>
      </c>
      <c r="AC11" s="72">
        <v>16</v>
      </c>
      <c r="AD11" s="72">
        <v>11</v>
      </c>
      <c r="AE11" s="72">
        <v>2</v>
      </c>
      <c r="AF11" s="72">
        <v>3</v>
      </c>
      <c r="AG11" s="73">
        <v>50</v>
      </c>
      <c r="AH11" s="74">
        <v>66</v>
      </c>
      <c r="AI11" s="71">
        <v>9</v>
      </c>
      <c r="AJ11" s="72">
        <v>16</v>
      </c>
      <c r="AK11" s="73">
        <v>25</v>
      </c>
      <c r="AL11" s="271"/>
      <c r="AM11" s="72">
        <v>25</v>
      </c>
      <c r="AN11" s="72">
        <v>24</v>
      </c>
      <c r="AO11" s="72">
        <v>7</v>
      </c>
      <c r="AP11" s="72">
        <v>12</v>
      </c>
      <c r="AQ11" s="72">
        <v>5</v>
      </c>
      <c r="AR11" s="73">
        <v>73</v>
      </c>
      <c r="AS11" s="74">
        <v>98</v>
      </c>
      <c r="AT11" s="71">
        <v>26</v>
      </c>
      <c r="AU11" s="72">
        <v>21</v>
      </c>
      <c r="AV11" s="73">
        <v>47</v>
      </c>
      <c r="AW11" s="271"/>
      <c r="AX11" s="72">
        <v>55</v>
      </c>
      <c r="AY11" s="72">
        <v>36</v>
      </c>
      <c r="AZ11" s="72">
        <v>14</v>
      </c>
      <c r="BA11" s="72">
        <v>9</v>
      </c>
      <c r="BB11" s="72">
        <v>8</v>
      </c>
      <c r="BC11" s="73">
        <v>122</v>
      </c>
      <c r="BD11" s="74">
        <v>169</v>
      </c>
      <c r="BE11" s="71">
        <v>28</v>
      </c>
      <c r="BF11" s="72">
        <v>22</v>
      </c>
      <c r="BG11" s="73">
        <v>50</v>
      </c>
      <c r="BH11" s="271"/>
      <c r="BI11" s="72">
        <v>61</v>
      </c>
      <c r="BJ11" s="72">
        <v>40</v>
      </c>
      <c r="BK11" s="72">
        <v>11</v>
      </c>
      <c r="BL11" s="72">
        <v>14</v>
      </c>
      <c r="BM11" s="72">
        <v>10</v>
      </c>
      <c r="BN11" s="73">
        <v>136</v>
      </c>
      <c r="BO11" s="74">
        <v>186</v>
      </c>
      <c r="BP11" s="71">
        <v>19</v>
      </c>
      <c r="BQ11" s="72">
        <v>20</v>
      </c>
      <c r="BR11" s="73">
        <v>39</v>
      </c>
      <c r="BS11" s="271"/>
      <c r="BT11" s="72">
        <v>51</v>
      </c>
      <c r="BU11" s="72">
        <v>38</v>
      </c>
      <c r="BV11" s="72">
        <v>27</v>
      </c>
      <c r="BW11" s="72">
        <v>19</v>
      </c>
      <c r="BX11" s="72">
        <v>7</v>
      </c>
      <c r="BY11" s="73">
        <v>142</v>
      </c>
      <c r="BZ11" s="74">
        <v>181</v>
      </c>
      <c r="CA11" s="71">
        <v>0</v>
      </c>
      <c r="CB11" s="72">
        <v>0</v>
      </c>
      <c r="CC11" s="73">
        <v>0</v>
      </c>
      <c r="CD11" s="271"/>
      <c r="CE11" s="72">
        <v>0</v>
      </c>
      <c r="CF11" s="72">
        <v>0</v>
      </c>
      <c r="CG11" s="72">
        <v>0</v>
      </c>
      <c r="CH11" s="72">
        <v>0</v>
      </c>
      <c r="CI11" s="72">
        <v>0</v>
      </c>
      <c r="CJ11" s="73">
        <v>0</v>
      </c>
      <c r="CK11" s="74">
        <v>0</v>
      </c>
      <c r="CL11" s="71">
        <v>99</v>
      </c>
      <c r="CM11" s="72">
        <v>86</v>
      </c>
      <c r="CN11" s="73">
        <v>185</v>
      </c>
      <c r="CO11" s="271"/>
      <c r="CP11" s="72">
        <v>213</v>
      </c>
      <c r="CQ11" s="72">
        <v>159</v>
      </c>
      <c r="CR11" s="72">
        <v>74</v>
      </c>
      <c r="CS11" s="72">
        <v>61</v>
      </c>
      <c r="CT11" s="72">
        <v>38</v>
      </c>
      <c r="CU11" s="73">
        <v>545</v>
      </c>
      <c r="CV11" s="74">
        <v>730</v>
      </c>
      <c r="CW11" s="127">
        <v>35</v>
      </c>
      <c r="CX11" s="83">
        <v>30</v>
      </c>
      <c r="CY11" s="84">
        <v>65</v>
      </c>
      <c r="CZ11" s="271"/>
      <c r="DA11" s="83">
        <v>67</v>
      </c>
      <c r="DB11" s="83">
        <v>34</v>
      </c>
      <c r="DC11" s="83">
        <v>30</v>
      </c>
      <c r="DD11" s="83">
        <v>26</v>
      </c>
      <c r="DE11" s="83">
        <v>18</v>
      </c>
      <c r="DF11" s="85">
        <v>175</v>
      </c>
      <c r="DG11" s="86">
        <v>240</v>
      </c>
      <c r="DH11" s="71">
        <v>0</v>
      </c>
      <c r="DI11" s="72">
        <v>0</v>
      </c>
      <c r="DJ11" s="73">
        <v>0</v>
      </c>
      <c r="DK11" s="271"/>
      <c r="DL11" s="72">
        <v>2</v>
      </c>
      <c r="DM11" s="72">
        <v>2</v>
      </c>
      <c r="DN11" s="72">
        <v>1</v>
      </c>
      <c r="DO11" s="72">
        <v>0</v>
      </c>
      <c r="DP11" s="72">
        <v>1</v>
      </c>
      <c r="DQ11" s="73">
        <v>6</v>
      </c>
      <c r="DR11" s="74">
        <v>6</v>
      </c>
      <c r="DS11" s="71">
        <v>3</v>
      </c>
      <c r="DT11" s="72">
        <v>3</v>
      </c>
      <c r="DU11" s="73">
        <v>6</v>
      </c>
      <c r="DV11" s="271"/>
      <c r="DW11" s="72">
        <v>3</v>
      </c>
      <c r="DX11" s="72">
        <v>8</v>
      </c>
      <c r="DY11" s="72">
        <v>1</v>
      </c>
      <c r="DZ11" s="72">
        <v>2</v>
      </c>
      <c r="EA11" s="72">
        <v>1</v>
      </c>
      <c r="EB11" s="73">
        <v>15</v>
      </c>
      <c r="EC11" s="74">
        <v>21</v>
      </c>
      <c r="ED11" s="71">
        <v>2</v>
      </c>
      <c r="EE11" s="72">
        <v>5</v>
      </c>
      <c r="EF11" s="73">
        <v>7</v>
      </c>
      <c r="EG11" s="271"/>
      <c r="EH11" s="72">
        <v>7</v>
      </c>
      <c r="EI11" s="72">
        <v>2</v>
      </c>
      <c r="EJ11" s="72">
        <v>2</v>
      </c>
      <c r="EK11" s="72">
        <v>3</v>
      </c>
      <c r="EL11" s="72">
        <v>1</v>
      </c>
      <c r="EM11" s="73">
        <v>15</v>
      </c>
      <c r="EN11" s="74">
        <v>22</v>
      </c>
      <c r="EO11" s="71">
        <v>10</v>
      </c>
      <c r="EP11" s="72">
        <v>7</v>
      </c>
      <c r="EQ11" s="73">
        <v>17</v>
      </c>
      <c r="ER11" s="271"/>
      <c r="ES11" s="72">
        <v>19</v>
      </c>
      <c r="ET11" s="72">
        <v>1</v>
      </c>
      <c r="EU11" s="72">
        <v>3</v>
      </c>
      <c r="EV11" s="72">
        <v>2</v>
      </c>
      <c r="EW11" s="72">
        <v>1</v>
      </c>
      <c r="EX11" s="73">
        <v>26</v>
      </c>
      <c r="EY11" s="74">
        <v>43</v>
      </c>
      <c r="EZ11" s="71">
        <v>15</v>
      </c>
      <c r="FA11" s="72">
        <v>6</v>
      </c>
      <c r="FB11" s="73">
        <v>21</v>
      </c>
      <c r="FC11" s="271"/>
      <c r="FD11" s="72">
        <v>17</v>
      </c>
      <c r="FE11" s="72">
        <v>9</v>
      </c>
      <c r="FF11" s="72">
        <v>11</v>
      </c>
      <c r="FG11" s="72">
        <v>5</v>
      </c>
      <c r="FH11" s="72">
        <v>6</v>
      </c>
      <c r="FI11" s="73">
        <v>48</v>
      </c>
      <c r="FJ11" s="74">
        <v>69</v>
      </c>
      <c r="FK11" s="71">
        <v>5</v>
      </c>
      <c r="FL11" s="72">
        <v>9</v>
      </c>
      <c r="FM11" s="73">
        <v>14</v>
      </c>
      <c r="FN11" s="271"/>
      <c r="FO11" s="72">
        <v>19</v>
      </c>
      <c r="FP11" s="72">
        <v>12</v>
      </c>
      <c r="FQ11" s="72">
        <v>12</v>
      </c>
      <c r="FR11" s="72">
        <v>14</v>
      </c>
      <c r="FS11" s="72">
        <v>8</v>
      </c>
      <c r="FT11" s="73">
        <v>65</v>
      </c>
      <c r="FU11" s="74">
        <v>79</v>
      </c>
      <c r="FV11" s="71">
        <v>0</v>
      </c>
      <c r="FW11" s="72">
        <v>0</v>
      </c>
      <c r="FX11" s="73">
        <v>0</v>
      </c>
      <c r="FY11" s="271"/>
      <c r="FZ11" s="72">
        <v>0</v>
      </c>
      <c r="GA11" s="72">
        <v>0</v>
      </c>
      <c r="GB11" s="72">
        <v>0</v>
      </c>
      <c r="GC11" s="72">
        <v>0</v>
      </c>
      <c r="GD11" s="72">
        <v>0</v>
      </c>
      <c r="GE11" s="73">
        <v>0</v>
      </c>
      <c r="GF11" s="74">
        <v>0</v>
      </c>
      <c r="GG11" s="71">
        <v>35</v>
      </c>
      <c r="GH11" s="72">
        <v>30</v>
      </c>
      <c r="GI11" s="73">
        <v>65</v>
      </c>
      <c r="GJ11" s="271"/>
      <c r="GK11" s="72">
        <v>67</v>
      </c>
      <c r="GL11" s="72">
        <v>34</v>
      </c>
      <c r="GM11" s="72">
        <v>30</v>
      </c>
      <c r="GN11" s="72">
        <v>26</v>
      </c>
      <c r="GO11" s="72">
        <v>18</v>
      </c>
      <c r="GP11" s="73">
        <v>175</v>
      </c>
      <c r="GQ11" s="74">
        <v>240</v>
      </c>
      <c r="GR11" s="127">
        <v>134</v>
      </c>
      <c r="GS11" s="83">
        <v>116</v>
      </c>
      <c r="GT11" s="84">
        <v>250</v>
      </c>
      <c r="GU11" s="271"/>
      <c r="GV11" s="83">
        <v>280</v>
      </c>
      <c r="GW11" s="83">
        <v>193</v>
      </c>
      <c r="GX11" s="83">
        <v>104</v>
      </c>
      <c r="GY11" s="83">
        <v>87</v>
      </c>
      <c r="GZ11" s="83">
        <v>56</v>
      </c>
      <c r="HA11" s="85">
        <v>720</v>
      </c>
      <c r="HB11" s="86">
        <v>970</v>
      </c>
      <c r="HC11" s="71">
        <v>7</v>
      </c>
      <c r="HD11" s="72">
        <v>1</v>
      </c>
      <c r="HE11" s="73">
        <v>8</v>
      </c>
      <c r="HF11" s="271"/>
      <c r="HG11" s="72">
        <v>5</v>
      </c>
      <c r="HH11" s="72">
        <v>7</v>
      </c>
      <c r="HI11" s="72">
        <v>5</v>
      </c>
      <c r="HJ11" s="72">
        <v>5</v>
      </c>
      <c r="HK11" s="72">
        <v>6</v>
      </c>
      <c r="HL11" s="73">
        <v>28</v>
      </c>
      <c r="HM11" s="74">
        <v>36</v>
      </c>
      <c r="HN11" s="71">
        <v>13</v>
      </c>
      <c r="HO11" s="72">
        <v>9</v>
      </c>
      <c r="HP11" s="73">
        <v>22</v>
      </c>
      <c r="HQ11" s="271"/>
      <c r="HR11" s="72">
        <v>21</v>
      </c>
      <c r="HS11" s="72">
        <v>24</v>
      </c>
      <c r="HT11" s="72">
        <v>12</v>
      </c>
      <c r="HU11" s="72">
        <v>4</v>
      </c>
      <c r="HV11" s="72">
        <v>4</v>
      </c>
      <c r="HW11" s="73">
        <v>65</v>
      </c>
      <c r="HX11" s="74">
        <v>87</v>
      </c>
      <c r="HY11" s="71">
        <v>11</v>
      </c>
      <c r="HZ11" s="72">
        <v>21</v>
      </c>
      <c r="IA11" s="73">
        <v>32</v>
      </c>
      <c r="IB11" s="271"/>
      <c r="IC11" s="72">
        <v>32</v>
      </c>
      <c r="ID11" s="72">
        <v>26</v>
      </c>
      <c r="IE11" s="72">
        <v>9</v>
      </c>
      <c r="IF11" s="72">
        <v>15</v>
      </c>
      <c r="IG11" s="72">
        <v>6</v>
      </c>
      <c r="IH11" s="73">
        <v>88</v>
      </c>
      <c r="II11" s="74">
        <v>120</v>
      </c>
      <c r="IJ11" s="71">
        <v>36</v>
      </c>
      <c r="IK11" s="72">
        <v>28</v>
      </c>
      <c r="IL11" s="73">
        <v>64</v>
      </c>
      <c r="IM11" s="271"/>
      <c r="IN11" s="72">
        <v>74</v>
      </c>
      <c r="IO11" s="72">
        <v>37</v>
      </c>
      <c r="IP11" s="72">
        <v>17</v>
      </c>
      <c r="IQ11" s="72">
        <v>11</v>
      </c>
      <c r="IR11" s="72">
        <v>9</v>
      </c>
      <c r="IS11" s="73">
        <v>148</v>
      </c>
      <c r="IT11" s="74">
        <v>212</v>
      </c>
      <c r="IU11" s="71">
        <v>43</v>
      </c>
      <c r="IV11" s="72">
        <v>28</v>
      </c>
      <c r="IW11" s="73">
        <v>71</v>
      </c>
      <c r="IX11" s="271"/>
      <c r="IY11" s="72">
        <v>78</v>
      </c>
      <c r="IZ11" s="72">
        <v>49</v>
      </c>
      <c r="JA11" s="72">
        <v>22</v>
      </c>
      <c r="JB11" s="72">
        <v>19</v>
      </c>
      <c r="JC11" s="72">
        <v>16</v>
      </c>
      <c r="JD11" s="73">
        <v>184</v>
      </c>
      <c r="JE11" s="74">
        <v>255</v>
      </c>
      <c r="JF11" s="71">
        <v>24</v>
      </c>
      <c r="JG11" s="72">
        <v>29</v>
      </c>
      <c r="JH11" s="73">
        <v>53</v>
      </c>
      <c r="JI11" s="271"/>
      <c r="JJ11" s="72">
        <v>70</v>
      </c>
      <c r="JK11" s="72">
        <v>50</v>
      </c>
      <c r="JL11" s="72">
        <v>39</v>
      </c>
      <c r="JM11" s="72">
        <v>33</v>
      </c>
      <c r="JN11" s="72">
        <v>15</v>
      </c>
      <c r="JO11" s="73">
        <v>207</v>
      </c>
      <c r="JP11" s="74">
        <v>260</v>
      </c>
      <c r="JQ11" s="71">
        <v>0</v>
      </c>
      <c r="JR11" s="72">
        <v>0</v>
      </c>
      <c r="JS11" s="73">
        <v>0</v>
      </c>
      <c r="JT11" s="271"/>
      <c r="JU11" s="72">
        <v>0</v>
      </c>
      <c r="JV11" s="72">
        <v>0</v>
      </c>
      <c r="JW11" s="72">
        <v>0</v>
      </c>
      <c r="JX11" s="72">
        <v>0</v>
      </c>
      <c r="JY11" s="72">
        <v>0</v>
      </c>
      <c r="JZ11" s="73">
        <v>0</v>
      </c>
      <c r="KA11" s="74">
        <v>0</v>
      </c>
      <c r="KB11" s="71">
        <v>134</v>
      </c>
      <c r="KC11" s="72">
        <v>116</v>
      </c>
      <c r="KD11" s="73">
        <v>250</v>
      </c>
      <c r="KE11" s="274"/>
      <c r="KF11" s="72">
        <v>280</v>
      </c>
      <c r="KG11" s="72">
        <v>193</v>
      </c>
      <c r="KH11" s="72">
        <v>104</v>
      </c>
      <c r="KI11" s="72">
        <v>87</v>
      </c>
      <c r="KJ11" s="72">
        <v>56</v>
      </c>
      <c r="KK11" s="73">
        <v>720</v>
      </c>
      <c r="KL11" s="74">
        <v>970</v>
      </c>
    </row>
    <row r="12" spans="1:298" ht="19.5" customHeight="1" x14ac:dyDescent="0.2">
      <c r="A12" s="130" t="s">
        <v>8</v>
      </c>
      <c r="B12" s="353">
        <v>52</v>
      </c>
      <c r="C12" s="83">
        <v>27</v>
      </c>
      <c r="D12" s="84">
        <v>79</v>
      </c>
      <c r="E12" s="271"/>
      <c r="F12" s="83">
        <v>99</v>
      </c>
      <c r="G12" s="83">
        <v>76</v>
      </c>
      <c r="H12" s="83">
        <v>38</v>
      </c>
      <c r="I12" s="83">
        <v>46</v>
      </c>
      <c r="J12" s="83">
        <v>15</v>
      </c>
      <c r="K12" s="85">
        <v>274</v>
      </c>
      <c r="L12" s="86">
        <v>353</v>
      </c>
      <c r="M12" s="71">
        <v>0</v>
      </c>
      <c r="N12" s="72">
        <v>4</v>
      </c>
      <c r="O12" s="73">
        <v>4</v>
      </c>
      <c r="P12" s="271"/>
      <c r="Q12" s="72">
        <v>2</v>
      </c>
      <c r="R12" s="72">
        <v>4</v>
      </c>
      <c r="S12" s="72">
        <v>0</v>
      </c>
      <c r="T12" s="72">
        <v>3</v>
      </c>
      <c r="U12" s="72">
        <v>0</v>
      </c>
      <c r="V12" s="73">
        <v>9</v>
      </c>
      <c r="W12" s="74">
        <v>13</v>
      </c>
      <c r="X12" s="71">
        <v>3</v>
      </c>
      <c r="Y12" s="72">
        <v>0</v>
      </c>
      <c r="Z12" s="73">
        <v>3</v>
      </c>
      <c r="AA12" s="271"/>
      <c r="AB12" s="72">
        <v>8</v>
      </c>
      <c r="AC12" s="72">
        <v>13</v>
      </c>
      <c r="AD12" s="72">
        <v>5</v>
      </c>
      <c r="AE12" s="72">
        <v>4</v>
      </c>
      <c r="AF12" s="72">
        <v>2</v>
      </c>
      <c r="AG12" s="73">
        <v>32</v>
      </c>
      <c r="AH12" s="74">
        <v>35</v>
      </c>
      <c r="AI12" s="71">
        <v>4</v>
      </c>
      <c r="AJ12" s="72">
        <v>1</v>
      </c>
      <c r="AK12" s="73">
        <v>5</v>
      </c>
      <c r="AL12" s="271"/>
      <c r="AM12" s="72">
        <v>11</v>
      </c>
      <c r="AN12" s="72">
        <v>7</v>
      </c>
      <c r="AO12" s="72">
        <v>5</v>
      </c>
      <c r="AP12" s="72">
        <v>5</v>
      </c>
      <c r="AQ12" s="72">
        <v>1</v>
      </c>
      <c r="AR12" s="73">
        <v>29</v>
      </c>
      <c r="AS12" s="74">
        <v>34</v>
      </c>
      <c r="AT12" s="71">
        <v>14</v>
      </c>
      <c r="AU12" s="72">
        <v>6</v>
      </c>
      <c r="AV12" s="73">
        <v>20</v>
      </c>
      <c r="AW12" s="271"/>
      <c r="AX12" s="72">
        <v>25</v>
      </c>
      <c r="AY12" s="72">
        <v>13</v>
      </c>
      <c r="AZ12" s="72">
        <v>6</v>
      </c>
      <c r="BA12" s="72">
        <v>9</v>
      </c>
      <c r="BB12" s="72">
        <v>3</v>
      </c>
      <c r="BC12" s="73">
        <v>56</v>
      </c>
      <c r="BD12" s="74">
        <v>76</v>
      </c>
      <c r="BE12" s="71">
        <v>14</v>
      </c>
      <c r="BF12" s="72">
        <v>6</v>
      </c>
      <c r="BG12" s="73">
        <v>20</v>
      </c>
      <c r="BH12" s="271"/>
      <c r="BI12" s="72">
        <v>29</v>
      </c>
      <c r="BJ12" s="72">
        <v>18</v>
      </c>
      <c r="BK12" s="72">
        <v>9</v>
      </c>
      <c r="BL12" s="72">
        <v>6</v>
      </c>
      <c r="BM12" s="72">
        <v>5</v>
      </c>
      <c r="BN12" s="73">
        <v>67</v>
      </c>
      <c r="BO12" s="74">
        <v>87</v>
      </c>
      <c r="BP12" s="71">
        <v>17</v>
      </c>
      <c r="BQ12" s="72">
        <v>10</v>
      </c>
      <c r="BR12" s="73">
        <v>27</v>
      </c>
      <c r="BS12" s="271"/>
      <c r="BT12" s="72">
        <v>24</v>
      </c>
      <c r="BU12" s="72">
        <v>21</v>
      </c>
      <c r="BV12" s="72">
        <v>13</v>
      </c>
      <c r="BW12" s="72">
        <v>19</v>
      </c>
      <c r="BX12" s="72">
        <v>4</v>
      </c>
      <c r="BY12" s="73">
        <v>81</v>
      </c>
      <c r="BZ12" s="74">
        <v>108</v>
      </c>
      <c r="CA12" s="71">
        <v>0</v>
      </c>
      <c r="CB12" s="72">
        <v>0</v>
      </c>
      <c r="CC12" s="73">
        <v>0</v>
      </c>
      <c r="CD12" s="271"/>
      <c r="CE12" s="72">
        <v>0</v>
      </c>
      <c r="CF12" s="72">
        <v>0</v>
      </c>
      <c r="CG12" s="72">
        <v>0</v>
      </c>
      <c r="CH12" s="72">
        <v>0</v>
      </c>
      <c r="CI12" s="72">
        <v>0</v>
      </c>
      <c r="CJ12" s="73">
        <v>0</v>
      </c>
      <c r="CK12" s="74">
        <v>0</v>
      </c>
      <c r="CL12" s="71">
        <v>52</v>
      </c>
      <c r="CM12" s="72">
        <v>27</v>
      </c>
      <c r="CN12" s="73">
        <v>79</v>
      </c>
      <c r="CO12" s="271"/>
      <c r="CP12" s="72">
        <v>99</v>
      </c>
      <c r="CQ12" s="72">
        <v>76</v>
      </c>
      <c r="CR12" s="72">
        <v>38</v>
      </c>
      <c r="CS12" s="72">
        <v>46</v>
      </c>
      <c r="CT12" s="72">
        <v>15</v>
      </c>
      <c r="CU12" s="73">
        <v>274</v>
      </c>
      <c r="CV12" s="74">
        <v>353</v>
      </c>
      <c r="CW12" s="127">
        <v>16</v>
      </c>
      <c r="CX12" s="83">
        <v>23</v>
      </c>
      <c r="CY12" s="84">
        <v>39</v>
      </c>
      <c r="CZ12" s="271"/>
      <c r="DA12" s="83">
        <v>28</v>
      </c>
      <c r="DB12" s="83">
        <v>43</v>
      </c>
      <c r="DC12" s="83">
        <v>14</v>
      </c>
      <c r="DD12" s="83">
        <v>25</v>
      </c>
      <c r="DE12" s="83">
        <v>15</v>
      </c>
      <c r="DF12" s="85">
        <v>125</v>
      </c>
      <c r="DG12" s="86">
        <v>164</v>
      </c>
      <c r="DH12" s="71">
        <v>0</v>
      </c>
      <c r="DI12" s="72">
        <v>0</v>
      </c>
      <c r="DJ12" s="73">
        <v>0</v>
      </c>
      <c r="DK12" s="271"/>
      <c r="DL12" s="72">
        <v>0</v>
      </c>
      <c r="DM12" s="72">
        <v>1</v>
      </c>
      <c r="DN12" s="72">
        <v>0</v>
      </c>
      <c r="DO12" s="72">
        <v>0</v>
      </c>
      <c r="DP12" s="72">
        <v>1</v>
      </c>
      <c r="DQ12" s="73">
        <v>2</v>
      </c>
      <c r="DR12" s="74">
        <v>2</v>
      </c>
      <c r="DS12" s="71">
        <v>2</v>
      </c>
      <c r="DT12" s="72">
        <v>1</v>
      </c>
      <c r="DU12" s="73">
        <v>3</v>
      </c>
      <c r="DV12" s="271"/>
      <c r="DW12" s="72">
        <v>2</v>
      </c>
      <c r="DX12" s="72">
        <v>4</v>
      </c>
      <c r="DY12" s="72">
        <v>0</v>
      </c>
      <c r="DZ12" s="72">
        <v>1</v>
      </c>
      <c r="EA12" s="72">
        <v>0</v>
      </c>
      <c r="EB12" s="73">
        <v>7</v>
      </c>
      <c r="EC12" s="74">
        <v>10</v>
      </c>
      <c r="ED12" s="71">
        <v>3</v>
      </c>
      <c r="EE12" s="72">
        <v>8</v>
      </c>
      <c r="EF12" s="73">
        <v>11</v>
      </c>
      <c r="EG12" s="271"/>
      <c r="EH12" s="72">
        <v>3</v>
      </c>
      <c r="EI12" s="72">
        <v>5</v>
      </c>
      <c r="EJ12" s="72">
        <v>1</v>
      </c>
      <c r="EK12" s="72">
        <v>1</v>
      </c>
      <c r="EL12" s="72">
        <v>0</v>
      </c>
      <c r="EM12" s="73">
        <v>10</v>
      </c>
      <c r="EN12" s="74">
        <v>21</v>
      </c>
      <c r="EO12" s="71">
        <v>7</v>
      </c>
      <c r="EP12" s="72">
        <v>4</v>
      </c>
      <c r="EQ12" s="73">
        <v>11</v>
      </c>
      <c r="ER12" s="271"/>
      <c r="ES12" s="72">
        <v>4</v>
      </c>
      <c r="ET12" s="72">
        <v>4</v>
      </c>
      <c r="EU12" s="72">
        <v>3</v>
      </c>
      <c r="EV12" s="72">
        <v>7</v>
      </c>
      <c r="EW12" s="72">
        <v>2</v>
      </c>
      <c r="EX12" s="73">
        <v>20</v>
      </c>
      <c r="EY12" s="74">
        <v>31</v>
      </c>
      <c r="EZ12" s="71">
        <v>4</v>
      </c>
      <c r="FA12" s="72">
        <v>5</v>
      </c>
      <c r="FB12" s="73">
        <v>9</v>
      </c>
      <c r="FC12" s="271"/>
      <c r="FD12" s="72">
        <v>8</v>
      </c>
      <c r="FE12" s="72">
        <v>13</v>
      </c>
      <c r="FF12" s="72">
        <v>3</v>
      </c>
      <c r="FG12" s="72">
        <v>4</v>
      </c>
      <c r="FH12" s="72">
        <v>2</v>
      </c>
      <c r="FI12" s="73">
        <v>30</v>
      </c>
      <c r="FJ12" s="74">
        <v>39</v>
      </c>
      <c r="FK12" s="71">
        <v>0</v>
      </c>
      <c r="FL12" s="72">
        <v>5</v>
      </c>
      <c r="FM12" s="73">
        <v>5</v>
      </c>
      <c r="FN12" s="271"/>
      <c r="FO12" s="72">
        <v>11</v>
      </c>
      <c r="FP12" s="72">
        <v>16</v>
      </c>
      <c r="FQ12" s="72">
        <v>7</v>
      </c>
      <c r="FR12" s="72">
        <v>12</v>
      </c>
      <c r="FS12" s="72">
        <v>10</v>
      </c>
      <c r="FT12" s="73">
        <v>56</v>
      </c>
      <c r="FU12" s="74">
        <v>61</v>
      </c>
      <c r="FV12" s="71">
        <v>0</v>
      </c>
      <c r="FW12" s="72">
        <v>0</v>
      </c>
      <c r="FX12" s="73">
        <v>0</v>
      </c>
      <c r="FY12" s="271"/>
      <c r="FZ12" s="72">
        <v>0</v>
      </c>
      <c r="GA12" s="72">
        <v>0</v>
      </c>
      <c r="GB12" s="72">
        <v>0</v>
      </c>
      <c r="GC12" s="72">
        <v>0</v>
      </c>
      <c r="GD12" s="72">
        <v>0</v>
      </c>
      <c r="GE12" s="73">
        <v>0</v>
      </c>
      <c r="GF12" s="74">
        <v>0</v>
      </c>
      <c r="GG12" s="71">
        <v>16</v>
      </c>
      <c r="GH12" s="72">
        <v>23</v>
      </c>
      <c r="GI12" s="73">
        <v>39</v>
      </c>
      <c r="GJ12" s="271"/>
      <c r="GK12" s="72">
        <v>28</v>
      </c>
      <c r="GL12" s="72">
        <v>43</v>
      </c>
      <c r="GM12" s="72">
        <v>14</v>
      </c>
      <c r="GN12" s="72">
        <v>25</v>
      </c>
      <c r="GO12" s="72">
        <v>15</v>
      </c>
      <c r="GP12" s="73">
        <v>125</v>
      </c>
      <c r="GQ12" s="74">
        <v>164</v>
      </c>
      <c r="GR12" s="127">
        <v>68</v>
      </c>
      <c r="GS12" s="83">
        <v>50</v>
      </c>
      <c r="GT12" s="84">
        <v>118</v>
      </c>
      <c r="GU12" s="271"/>
      <c r="GV12" s="83">
        <v>127</v>
      </c>
      <c r="GW12" s="83">
        <v>119</v>
      </c>
      <c r="GX12" s="83">
        <v>52</v>
      </c>
      <c r="GY12" s="83">
        <v>71</v>
      </c>
      <c r="GZ12" s="83">
        <v>30</v>
      </c>
      <c r="HA12" s="85">
        <v>399</v>
      </c>
      <c r="HB12" s="86">
        <v>517</v>
      </c>
      <c r="HC12" s="71">
        <v>0</v>
      </c>
      <c r="HD12" s="72">
        <v>4</v>
      </c>
      <c r="HE12" s="73">
        <v>4</v>
      </c>
      <c r="HF12" s="271"/>
      <c r="HG12" s="72">
        <v>2</v>
      </c>
      <c r="HH12" s="72">
        <v>5</v>
      </c>
      <c r="HI12" s="72">
        <v>0</v>
      </c>
      <c r="HJ12" s="72">
        <v>3</v>
      </c>
      <c r="HK12" s="72">
        <v>1</v>
      </c>
      <c r="HL12" s="73">
        <v>11</v>
      </c>
      <c r="HM12" s="74">
        <v>15</v>
      </c>
      <c r="HN12" s="71">
        <v>5</v>
      </c>
      <c r="HO12" s="72">
        <v>1</v>
      </c>
      <c r="HP12" s="73">
        <v>6</v>
      </c>
      <c r="HQ12" s="271"/>
      <c r="HR12" s="72">
        <v>10</v>
      </c>
      <c r="HS12" s="72">
        <v>17</v>
      </c>
      <c r="HT12" s="72">
        <v>5</v>
      </c>
      <c r="HU12" s="72">
        <v>5</v>
      </c>
      <c r="HV12" s="72">
        <v>2</v>
      </c>
      <c r="HW12" s="73">
        <v>39</v>
      </c>
      <c r="HX12" s="74">
        <v>45</v>
      </c>
      <c r="HY12" s="71">
        <v>7</v>
      </c>
      <c r="HZ12" s="72">
        <v>9</v>
      </c>
      <c r="IA12" s="73">
        <v>16</v>
      </c>
      <c r="IB12" s="271"/>
      <c r="IC12" s="72">
        <v>14</v>
      </c>
      <c r="ID12" s="72">
        <v>12</v>
      </c>
      <c r="IE12" s="72">
        <v>6</v>
      </c>
      <c r="IF12" s="72">
        <v>6</v>
      </c>
      <c r="IG12" s="72">
        <v>1</v>
      </c>
      <c r="IH12" s="73">
        <v>39</v>
      </c>
      <c r="II12" s="74">
        <v>55</v>
      </c>
      <c r="IJ12" s="71">
        <v>21</v>
      </c>
      <c r="IK12" s="72">
        <v>10</v>
      </c>
      <c r="IL12" s="73">
        <v>31</v>
      </c>
      <c r="IM12" s="271"/>
      <c r="IN12" s="72">
        <v>29</v>
      </c>
      <c r="IO12" s="72">
        <v>17</v>
      </c>
      <c r="IP12" s="72">
        <v>9</v>
      </c>
      <c r="IQ12" s="72">
        <v>16</v>
      </c>
      <c r="IR12" s="72">
        <v>5</v>
      </c>
      <c r="IS12" s="73">
        <v>76</v>
      </c>
      <c r="IT12" s="74">
        <v>107</v>
      </c>
      <c r="IU12" s="71">
        <v>18</v>
      </c>
      <c r="IV12" s="72">
        <v>11</v>
      </c>
      <c r="IW12" s="73">
        <v>29</v>
      </c>
      <c r="IX12" s="271"/>
      <c r="IY12" s="72">
        <v>37</v>
      </c>
      <c r="IZ12" s="72">
        <v>31</v>
      </c>
      <c r="JA12" s="72">
        <v>12</v>
      </c>
      <c r="JB12" s="72">
        <v>10</v>
      </c>
      <c r="JC12" s="72">
        <v>7</v>
      </c>
      <c r="JD12" s="73">
        <v>97</v>
      </c>
      <c r="JE12" s="74">
        <v>126</v>
      </c>
      <c r="JF12" s="71">
        <v>17</v>
      </c>
      <c r="JG12" s="72">
        <v>15</v>
      </c>
      <c r="JH12" s="73">
        <v>32</v>
      </c>
      <c r="JI12" s="271"/>
      <c r="JJ12" s="72">
        <v>35</v>
      </c>
      <c r="JK12" s="72">
        <v>37</v>
      </c>
      <c r="JL12" s="72">
        <v>20</v>
      </c>
      <c r="JM12" s="72">
        <v>31</v>
      </c>
      <c r="JN12" s="72">
        <v>14</v>
      </c>
      <c r="JO12" s="73">
        <v>137</v>
      </c>
      <c r="JP12" s="74">
        <v>169</v>
      </c>
      <c r="JQ12" s="71">
        <v>0</v>
      </c>
      <c r="JR12" s="72">
        <v>0</v>
      </c>
      <c r="JS12" s="73">
        <v>0</v>
      </c>
      <c r="JT12" s="271"/>
      <c r="JU12" s="72">
        <v>0</v>
      </c>
      <c r="JV12" s="72">
        <v>0</v>
      </c>
      <c r="JW12" s="72">
        <v>0</v>
      </c>
      <c r="JX12" s="72">
        <v>0</v>
      </c>
      <c r="JY12" s="72">
        <v>0</v>
      </c>
      <c r="JZ12" s="73">
        <v>0</v>
      </c>
      <c r="KA12" s="74">
        <v>0</v>
      </c>
      <c r="KB12" s="71">
        <v>68</v>
      </c>
      <c r="KC12" s="72">
        <v>50</v>
      </c>
      <c r="KD12" s="73">
        <v>118</v>
      </c>
      <c r="KE12" s="274"/>
      <c r="KF12" s="72">
        <v>127</v>
      </c>
      <c r="KG12" s="72">
        <v>119</v>
      </c>
      <c r="KH12" s="72">
        <v>52</v>
      </c>
      <c r="KI12" s="72">
        <v>71</v>
      </c>
      <c r="KJ12" s="72">
        <v>30</v>
      </c>
      <c r="KK12" s="73">
        <v>399</v>
      </c>
      <c r="KL12" s="74">
        <v>517</v>
      </c>
    </row>
    <row r="13" spans="1:298" ht="19.5" customHeight="1" x14ac:dyDescent="0.2">
      <c r="A13" s="130" t="s">
        <v>9</v>
      </c>
      <c r="B13" s="353">
        <v>174</v>
      </c>
      <c r="C13" s="83">
        <v>119</v>
      </c>
      <c r="D13" s="84">
        <v>293</v>
      </c>
      <c r="E13" s="271"/>
      <c r="F13" s="83">
        <v>202</v>
      </c>
      <c r="G13" s="83">
        <v>146</v>
      </c>
      <c r="H13" s="83">
        <v>108</v>
      </c>
      <c r="I13" s="83">
        <v>96</v>
      </c>
      <c r="J13" s="83">
        <v>61</v>
      </c>
      <c r="K13" s="85">
        <v>613</v>
      </c>
      <c r="L13" s="86">
        <v>906</v>
      </c>
      <c r="M13" s="71">
        <v>2</v>
      </c>
      <c r="N13" s="72">
        <v>4</v>
      </c>
      <c r="O13" s="73">
        <v>6</v>
      </c>
      <c r="P13" s="271"/>
      <c r="Q13" s="72">
        <v>4</v>
      </c>
      <c r="R13" s="72">
        <v>4</v>
      </c>
      <c r="S13" s="72">
        <v>1</v>
      </c>
      <c r="T13" s="72">
        <v>1</v>
      </c>
      <c r="U13" s="72">
        <v>4</v>
      </c>
      <c r="V13" s="73">
        <v>14</v>
      </c>
      <c r="W13" s="74">
        <v>20</v>
      </c>
      <c r="X13" s="71">
        <v>9</v>
      </c>
      <c r="Y13" s="72">
        <v>6</v>
      </c>
      <c r="Z13" s="73">
        <v>15</v>
      </c>
      <c r="AA13" s="271"/>
      <c r="AB13" s="72">
        <v>8</v>
      </c>
      <c r="AC13" s="72">
        <v>8</v>
      </c>
      <c r="AD13" s="72">
        <v>5</v>
      </c>
      <c r="AE13" s="72">
        <v>4</v>
      </c>
      <c r="AF13" s="72">
        <v>4</v>
      </c>
      <c r="AG13" s="73">
        <v>29</v>
      </c>
      <c r="AH13" s="74">
        <v>44</v>
      </c>
      <c r="AI13" s="71">
        <v>14</v>
      </c>
      <c r="AJ13" s="72">
        <v>8</v>
      </c>
      <c r="AK13" s="73">
        <v>22</v>
      </c>
      <c r="AL13" s="271"/>
      <c r="AM13" s="72">
        <v>16</v>
      </c>
      <c r="AN13" s="72">
        <v>10</v>
      </c>
      <c r="AO13" s="72">
        <v>20</v>
      </c>
      <c r="AP13" s="72">
        <v>11</v>
      </c>
      <c r="AQ13" s="72">
        <v>9</v>
      </c>
      <c r="AR13" s="73">
        <v>66</v>
      </c>
      <c r="AS13" s="74">
        <v>88</v>
      </c>
      <c r="AT13" s="71">
        <v>42</v>
      </c>
      <c r="AU13" s="72">
        <v>22</v>
      </c>
      <c r="AV13" s="73">
        <v>64</v>
      </c>
      <c r="AW13" s="271"/>
      <c r="AX13" s="72">
        <v>48</v>
      </c>
      <c r="AY13" s="72">
        <v>32</v>
      </c>
      <c r="AZ13" s="72">
        <v>14</v>
      </c>
      <c r="BA13" s="72">
        <v>22</v>
      </c>
      <c r="BB13" s="72">
        <v>7</v>
      </c>
      <c r="BC13" s="73">
        <v>123</v>
      </c>
      <c r="BD13" s="74">
        <v>187</v>
      </c>
      <c r="BE13" s="71">
        <v>64</v>
      </c>
      <c r="BF13" s="72">
        <v>41</v>
      </c>
      <c r="BG13" s="73">
        <v>105</v>
      </c>
      <c r="BH13" s="271"/>
      <c r="BI13" s="72">
        <v>78</v>
      </c>
      <c r="BJ13" s="72">
        <v>39</v>
      </c>
      <c r="BK13" s="72">
        <v>28</v>
      </c>
      <c r="BL13" s="72">
        <v>32</v>
      </c>
      <c r="BM13" s="72">
        <v>14</v>
      </c>
      <c r="BN13" s="73">
        <v>191</v>
      </c>
      <c r="BO13" s="74">
        <v>296</v>
      </c>
      <c r="BP13" s="71">
        <v>43</v>
      </c>
      <c r="BQ13" s="72">
        <v>38</v>
      </c>
      <c r="BR13" s="73">
        <v>81</v>
      </c>
      <c r="BS13" s="271"/>
      <c r="BT13" s="72">
        <v>48</v>
      </c>
      <c r="BU13" s="72">
        <v>53</v>
      </c>
      <c r="BV13" s="72">
        <v>40</v>
      </c>
      <c r="BW13" s="72">
        <v>26</v>
      </c>
      <c r="BX13" s="72">
        <v>23</v>
      </c>
      <c r="BY13" s="73">
        <v>190</v>
      </c>
      <c r="BZ13" s="74">
        <v>271</v>
      </c>
      <c r="CA13" s="71">
        <v>0</v>
      </c>
      <c r="CB13" s="72">
        <v>0</v>
      </c>
      <c r="CC13" s="73">
        <v>0</v>
      </c>
      <c r="CD13" s="271"/>
      <c r="CE13" s="72">
        <v>0</v>
      </c>
      <c r="CF13" s="72">
        <v>0</v>
      </c>
      <c r="CG13" s="72">
        <v>0</v>
      </c>
      <c r="CH13" s="72">
        <v>0</v>
      </c>
      <c r="CI13" s="72">
        <v>0</v>
      </c>
      <c r="CJ13" s="73">
        <v>0</v>
      </c>
      <c r="CK13" s="74">
        <v>0</v>
      </c>
      <c r="CL13" s="71">
        <v>174</v>
      </c>
      <c r="CM13" s="72">
        <v>119</v>
      </c>
      <c r="CN13" s="73">
        <v>293</v>
      </c>
      <c r="CO13" s="271"/>
      <c r="CP13" s="72">
        <v>202</v>
      </c>
      <c r="CQ13" s="72">
        <v>146</v>
      </c>
      <c r="CR13" s="72">
        <v>108</v>
      </c>
      <c r="CS13" s="72">
        <v>96</v>
      </c>
      <c r="CT13" s="72">
        <v>61</v>
      </c>
      <c r="CU13" s="73">
        <v>613</v>
      </c>
      <c r="CV13" s="74">
        <v>906</v>
      </c>
      <c r="CW13" s="127">
        <v>60</v>
      </c>
      <c r="CX13" s="83">
        <v>44</v>
      </c>
      <c r="CY13" s="84">
        <v>104</v>
      </c>
      <c r="CZ13" s="271"/>
      <c r="DA13" s="83">
        <v>58</v>
      </c>
      <c r="DB13" s="83">
        <v>46</v>
      </c>
      <c r="DC13" s="83">
        <v>33</v>
      </c>
      <c r="DD13" s="83">
        <v>33</v>
      </c>
      <c r="DE13" s="83">
        <v>33</v>
      </c>
      <c r="DF13" s="85">
        <v>203</v>
      </c>
      <c r="DG13" s="86">
        <v>307</v>
      </c>
      <c r="DH13" s="71">
        <v>0</v>
      </c>
      <c r="DI13" s="72">
        <v>1</v>
      </c>
      <c r="DJ13" s="73">
        <v>1</v>
      </c>
      <c r="DK13" s="271"/>
      <c r="DL13" s="72">
        <v>2</v>
      </c>
      <c r="DM13" s="72">
        <v>1</v>
      </c>
      <c r="DN13" s="72">
        <v>0</v>
      </c>
      <c r="DO13" s="72">
        <v>0</v>
      </c>
      <c r="DP13" s="72">
        <v>0</v>
      </c>
      <c r="DQ13" s="73">
        <v>3</v>
      </c>
      <c r="DR13" s="74">
        <v>4</v>
      </c>
      <c r="DS13" s="71">
        <v>4</v>
      </c>
      <c r="DT13" s="72">
        <v>2</v>
      </c>
      <c r="DU13" s="73">
        <v>6</v>
      </c>
      <c r="DV13" s="271"/>
      <c r="DW13" s="72">
        <v>3</v>
      </c>
      <c r="DX13" s="72">
        <v>3</v>
      </c>
      <c r="DY13" s="72">
        <v>3</v>
      </c>
      <c r="DZ13" s="72">
        <v>2</v>
      </c>
      <c r="EA13" s="72">
        <v>1</v>
      </c>
      <c r="EB13" s="73">
        <v>12</v>
      </c>
      <c r="EC13" s="74">
        <v>18</v>
      </c>
      <c r="ED13" s="71">
        <v>10</v>
      </c>
      <c r="EE13" s="72">
        <v>7</v>
      </c>
      <c r="EF13" s="73">
        <v>17</v>
      </c>
      <c r="EG13" s="271"/>
      <c r="EH13" s="72">
        <v>7</v>
      </c>
      <c r="EI13" s="72">
        <v>2</v>
      </c>
      <c r="EJ13" s="72">
        <v>2</v>
      </c>
      <c r="EK13" s="72">
        <v>0</v>
      </c>
      <c r="EL13" s="72">
        <v>1</v>
      </c>
      <c r="EM13" s="73">
        <v>12</v>
      </c>
      <c r="EN13" s="74">
        <v>29</v>
      </c>
      <c r="EO13" s="71">
        <v>22</v>
      </c>
      <c r="EP13" s="72">
        <v>10</v>
      </c>
      <c r="EQ13" s="73">
        <v>32</v>
      </c>
      <c r="ER13" s="271"/>
      <c r="ES13" s="72">
        <v>10</v>
      </c>
      <c r="ET13" s="72">
        <v>8</v>
      </c>
      <c r="EU13" s="72">
        <v>2</v>
      </c>
      <c r="EV13" s="72">
        <v>3</v>
      </c>
      <c r="EW13" s="72">
        <v>5</v>
      </c>
      <c r="EX13" s="73">
        <v>28</v>
      </c>
      <c r="EY13" s="74">
        <v>60</v>
      </c>
      <c r="EZ13" s="71">
        <v>14</v>
      </c>
      <c r="FA13" s="72">
        <v>7</v>
      </c>
      <c r="FB13" s="73">
        <v>21</v>
      </c>
      <c r="FC13" s="271"/>
      <c r="FD13" s="72">
        <v>17</v>
      </c>
      <c r="FE13" s="72">
        <v>15</v>
      </c>
      <c r="FF13" s="72">
        <v>10</v>
      </c>
      <c r="FG13" s="72">
        <v>14</v>
      </c>
      <c r="FH13" s="72">
        <v>15</v>
      </c>
      <c r="FI13" s="73">
        <v>71</v>
      </c>
      <c r="FJ13" s="74">
        <v>92</v>
      </c>
      <c r="FK13" s="71">
        <v>10</v>
      </c>
      <c r="FL13" s="72">
        <v>17</v>
      </c>
      <c r="FM13" s="73">
        <v>27</v>
      </c>
      <c r="FN13" s="271"/>
      <c r="FO13" s="72">
        <v>19</v>
      </c>
      <c r="FP13" s="72">
        <v>17</v>
      </c>
      <c r="FQ13" s="72">
        <v>16</v>
      </c>
      <c r="FR13" s="72">
        <v>14</v>
      </c>
      <c r="FS13" s="72">
        <v>11</v>
      </c>
      <c r="FT13" s="73">
        <v>77</v>
      </c>
      <c r="FU13" s="74">
        <v>104</v>
      </c>
      <c r="FV13" s="71">
        <v>0</v>
      </c>
      <c r="FW13" s="72">
        <v>0</v>
      </c>
      <c r="FX13" s="73">
        <v>0</v>
      </c>
      <c r="FY13" s="271"/>
      <c r="FZ13" s="72">
        <v>0</v>
      </c>
      <c r="GA13" s="72">
        <v>0</v>
      </c>
      <c r="GB13" s="72">
        <v>0</v>
      </c>
      <c r="GC13" s="72">
        <v>0</v>
      </c>
      <c r="GD13" s="72">
        <v>0</v>
      </c>
      <c r="GE13" s="73">
        <v>0</v>
      </c>
      <c r="GF13" s="74">
        <v>0</v>
      </c>
      <c r="GG13" s="71">
        <v>60</v>
      </c>
      <c r="GH13" s="72">
        <v>44</v>
      </c>
      <c r="GI13" s="73">
        <v>104</v>
      </c>
      <c r="GJ13" s="271"/>
      <c r="GK13" s="72">
        <v>58</v>
      </c>
      <c r="GL13" s="72">
        <v>46</v>
      </c>
      <c r="GM13" s="72">
        <v>33</v>
      </c>
      <c r="GN13" s="72">
        <v>33</v>
      </c>
      <c r="GO13" s="72">
        <v>33</v>
      </c>
      <c r="GP13" s="73">
        <v>203</v>
      </c>
      <c r="GQ13" s="74">
        <v>307</v>
      </c>
      <c r="GR13" s="127">
        <v>234</v>
      </c>
      <c r="GS13" s="83">
        <v>163</v>
      </c>
      <c r="GT13" s="84">
        <v>397</v>
      </c>
      <c r="GU13" s="271"/>
      <c r="GV13" s="83">
        <v>260</v>
      </c>
      <c r="GW13" s="83">
        <v>192</v>
      </c>
      <c r="GX13" s="83">
        <v>141</v>
      </c>
      <c r="GY13" s="83">
        <v>129</v>
      </c>
      <c r="GZ13" s="83">
        <v>94</v>
      </c>
      <c r="HA13" s="85">
        <v>816</v>
      </c>
      <c r="HB13" s="86">
        <v>1213</v>
      </c>
      <c r="HC13" s="71">
        <v>2</v>
      </c>
      <c r="HD13" s="72">
        <v>5</v>
      </c>
      <c r="HE13" s="73">
        <v>7</v>
      </c>
      <c r="HF13" s="271"/>
      <c r="HG13" s="72">
        <v>6</v>
      </c>
      <c r="HH13" s="72">
        <v>5</v>
      </c>
      <c r="HI13" s="72">
        <v>1</v>
      </c>
      <c r="HJ13" s="72">
        <v>1</v>
      </c>
      <c r="HK13" s="72">
        <v>4</v>
      </c>
      <c r="HL13" s="73">
        <v>17</v>
      </c>
      <c r="HM13" s="74">
        <v>24</v>
      </c>
      <c r="HN13" s="71">
        <v>13</v>
      </c>
      <c r="HO13" s="72">
        <v>8</v>
      </c>
      <c r="HP13" s="73">
        <v>21</v>
      </c>
      <c r="HQ13" s="271"/>
      <c r="HR13" s="72">
        <v>11</v>
      </c>
      <c r="HS13" s="72">
        <v>11</v>
      </c>
      <c r="HT13" s="72">
        <v>8</v>
      </c>
      <c r="HU13" s="72">
        <v>6</v>
      </c>
      <c r="HV13" s="72">
        <v>5</v>
      </c>
      <c r="HW13" s="73">
        <v>41</v>
      </c>
      <c r="HX13" s="74">
        <v>62</v>
      </c>
      <c r="HY13" s="71">
        <v>24</v>
      </c>
      <c r="HZ13" s="72">
        <v>15</v>
      </c>
      <c r="IA13" s="73">
        <v>39</v>
      </c>
      <c r="IB13" s="271"/>
      <c r="IC13" s="72">
        <v>23</v>
      </c>
      <c r="ID13" s="72">
        <v>12</v>
      </c>
      <c r="IE13" s="72">
        <v>22</v>
      </c>
      <c r="IF13" s="72">
        <v>11</v>
      </c>
      <c r="IG13" s="72">
        <v>10</v>
      </c>
      <c r="IH13" s="73">
        <v>78</v>
      </c>
      <c r="II13" s="74">
        <v>117</v>
      </c>
      <c r="IJ13" s="71">
        <v>64</v>
      </c>
      <c r="IK13" s="72">
        <v>32</v>
      </c>
      <c r="IL13" s="73">
        <v>96</v>
      </c>
      <c r="IM13" s="271"/>
      <c r="IN13" s="72">
        <v>58</v>
      </c>
      <c r="IO13" s="72">
        <v>40</v>
      </c>
      <c r="IP13" s="72">
        <v>16</v>
      </c>
      <c r="IQ13" s="72">
        <v>25</v>
      </c>
      <c r="IR13" s="72">
        <v>12</v>
      </c>
      <c r="IS13" s="73">
        <v>151</v>
      </c>
      <c r="IT13" s="74">
        <v>247</v>
      </c>
      <c r="IU13" s="71">
        <v>78</v>
      </c>
      <c r="IV13" s="72">
        <v>48</v>
      </c>
      <c r="IW13" s="73">
        <v>126</v>
      </c>
      <c r="IX13" s="271"/>
      <c r="IY13" s="72">
        <v>95</v>
      </c>
      <c r="IZ13" s="72">
        <v>54</v>
      </c>
      <c r="JA13" s="72">
        <v>38</v>
      </c>
      <c r="JB13" s="72">
        <v>46</v>
      </c>
      <c r="JC13" s="72">
        <v>29</v>
      </c>
      <c r="JD13" s="73">
        <v>262</v>
      </c>
      <c r="JE13" s="74">
        <v>388</v>
      </c>
      <c r="JF13" s="71">
        <v>53</v>
      </c>
      <c r="JG13" s="72">
        <v>55</v>
      </c>
      <c r="JH13" s="73">
        <v>108</v>
      </c>
      <c r="JI13" s="271"/>
      <c r="JJ13" s="72">
        <v>67</v>
      </c>
      <c r="JK13" s="72">
        <v>70</v>
      </c>
      <c r="JL13" s="72">
        <v>56</v>
      </c>
      <c r="JM13" s="72">
        <v>40</v>
      </c>
      <c r="JN13" s="72">
        <v>34</v>
      </c>
      <c r="JO13" s="73">
        <v>267</v>
      </c>
      <c r="JP13" s="74">
        <v>375</v>
      </c>
      <c r="JQ13" s="71">
        <v>0</v>
      </c>
      <c r="JR13" s="72">
        <v>0</v>
      </c>
      <c r="JS13" s="73">
        <v>0</v>
      </c>
      <c r="JT13" s="271"/>
      <c r="JU13" s="72">
        <v>0</v>
      </c>
      <c r="JV13" s="72">
        <v>0</v>
      </c>
      <c r="JW13" s="72">
        <v>0</v>
      </c>
      <c r="JX13" s="72">
        <v>0</v>
      </c>
      <c r="JY13" s="72">
        <v>0</v>
      </c>
      <c r="JZ13" s="73">
        <v>0</v>
      </c>
      <c r="KA13" s="74">
        <v>0</v>
      </c>
      <c r="KB13" s="71">
        <v>234</v>
      </c>
      <c r="KC13" s="72">
        <v>163</v>
      </c>
      <c r="KD13" s="73">
        <v>397</v>
      </c>
      <c r="KE13" s="274"/>
      <c r="KF13" s="72">
        <v>260</v>
      </c>
      <c r="KG13" s="72">
        <v>192</v>
      </c>
      <c r="KH13" s="72">
        <v>141</v>
      </c>
      <c r="KI13" s="72">
        <v>129</v>
      </c>
      <c r="KJ13" s="72">
        <v>94</v>
      </c>
      <c r="KK13" s="73">
        <v>816</v>
      </c>
      <c r="KL13" s="74">
        <v>1213</v>
      </c>
    </row>
    <row r="14" spans="1:298" ht="19.5" customHeight="1" x14ac:dyDescent="0.2">
      <c r="A14" s="130" t="s">
        <v>10</v>
      </c>
      <c r="B14" s="353">
        <v>261</v>
      </c>
      <c r="C14" s="83">
        <v>175</v>
      </c>
      <c r="D14" s="84">
        <v>436</v>
      </c>
      <c r="E14" s="271"/>
      <c r="F14" s="83">
        <v>268</v>
      </c>
      <c r="G14" s="83">
        <v>153</v>
      </c>
      <c r="H14" s="83">
        <v>94</v>
      </c>
      <c r="I14" s="83">
        <v>96</v>
      </c>
      <c r="J14" s="83">
        <v>71</v>
      </c>
      <c r="K14" s="85">
        <v>682</v>
      </c>
      <c r="L14" s="86">
        <v>1118</v>
      </c>
      <c r="M14" s="71">
        <v>4</v>
      </c>
      <c r="N14" s="72">
        <v>7</v>
      </c>
      <c r="O14" s="73">
        <v>11</v>
      </c>
      <c r="P14" s="271"/>
      <c r="Q14" s="72">
        <v>13</v>
      </c>
      <c r="R14" s="72">
        <v>9</v>
      </c>
      <c r="S14" s="72">
        <v>2</v>
      </c>
      <c r="T14" s="72">
        <v>1</v>
      </c>
      <c r="U14" s="72">
        <v>4</v>
      </c>
      <c r="V14" s="73">
        <v>29</v>
      </c>
      <c r="W14" s="74">
        <v>40</v>
      </c>
      <c r="X14" s="71">
        <v>20</v>
      </c>
      <c r="Y14" s="72">
        <v>12</v>
      </c>
      <c r="Z14" s="73">
        <v>32</v>
      </c>
      <c r="AA14" s="271"/>
      <c r="AB14" s="72">
        <v>22</v>
      </c>
      <c r="AC14" s="72">
        <v>17</v>
      </c>
      <c r="AD14" s="72">
        <v>7</v>
      </c>
      <c r="AE14" s="72">
        <v>7</v>
      </c>
      <c r="AF14" s="72">
        <v>12</v>
      </c>
      <c r="AG14" s="73">
        <v>65</v>
      </c>
      <c r="AH14" s="74">
        <v>97</v>
      </c>
      <c r="AI14" s="71">
        <v>24</v>
      </c>
      <c r="AJ14" s="72">
        <v>22</v>
      </c>
      <c r="AK14" s="73">
        <v>46</v>
      </c>
      <c r="AL14" s="271"/>
      <c r="AM14" s="72">
        <v>35</v>
      </c>
      <c r="AN14" s="72">
        <v>13</v>
      </c>
      <c r="AO14" s="72">
        <v>12</v>
      </c>
      <c r="AP14" s="72">
        <v>8</v>
      </c>
      <c r="AQ14" s="72">
        <v>7</v>
      </c>
      <c r="AR14" s="73">
        <v>75</v>
      </c>
      <c r="AS14" s="74">
        <v>121</v>
      </c>
      <c r="AT14" s="71">
        <v>66</v>
      </c>
      <c r="AU14" s="72">
        <v>44</v>
      </c>
      <c r="AV14" s="73">
        <v>110</v>
      </c>
      <c r="AW14" s="271"/>
      <c r="AX14" s="72">
        <v>56</v>
      </c>
      <c r="AY14" s="72">
        <v>31</v>
      </c>
      <c r="AZ14" s="72">
        <v>19</v>
      </c>
      <c r="BA14" s="72">
        <v>14</v>
      </c>
      <c r="BB14" s="72">
        <v>20</v>
      </c>
      <c r="BC14" s="73">
        <v>140</v>
      </c>
      <c r="BD14" s="74">
        <v>250</v>
      </c>
      <c r="BE14" s="71">
        <v>76</v>
      </c>
      <c r="BF14" s="72">
        <v>35</v>
      </c>
      <c r="BG14" s="73">
        <v>111</v>
      </c>
      <c r="BH14" s="271"/>
      <c r="BI14" s="72">
        <v>79</v>
      </c>
      <c r="BJ14" s="72">
        <v>45</v>
      </c>
      <c r="BK14" s="72">
        <v>25</v>
      </c>
      <c r="BL14" s="72">
        <v>36</v>
      </c>
      <c r="BM14" s="72">
        <v>14</v>
      </c>
      <c r="BN14" s="73">
        <v>199</v>
      </c>
      <c r="BO14" s="74">
        <v>310</v>
      </c>
      <c r="BP14" s="71">
        <v>71</v>
      </c>
      <c r="BQ14" s="72">
        <v>55</v>
      </c>
      <c r="BR14" s="73">
        <v>126</v>
      </c>
      <c r="BS14" s="271"/>
      <c r="BT14" s="72">
        <v>63</v>
      </c>
      <c r="BU14" s="72">
        <v>38</v>
      </c>
      <c r="BV14" s="72">
        <v>29</v>
      </c>
      <c r="BW14" s="72">
        <v>30</v>
      </c>
      <c r="BX14" s="72">
        <v>14</v>
      </c>
      <c r="BY14" s="73">
        <v>174</v>
      </c>
      <c r="BZ14" s="74">
        <v>300</v>
      </c>
      <c r="CA14" s="71">
        <v>0</v>
      </c>
      <c r="CB14" s="72">
        <v>0</v>
      </c>
      <c r="CC14" s="73">
        <v>0</v>
      </c>
      <c r="CD14" s="271"/>
      <c r="CE14" s="72">
        <v>0</v>
      </c>
      <c r="CF14" s="72">
        <v>0</v>
      </c>
      <c r="CG14" s="72">
        <v>0</v>
      </c>
      <c r="CH14" s="72">
        <v>0</v>
      </c>
      <c r="CI14" s="72">
        <v>0</v>
      </c>
      <c r="CJ14" s="73">
        <v>0</v>
      </c>
      <c r="CK14" s="74">
        <v>0</v>
      </c>
      <c r="CL14" s="71">
        <v>261</v>
      </c>
      <c r="CM14" s="72">
        <v>175</v>
      </c>
      <c r="CN14" s="73">
        <v>436</v>
      </c>
      <c r="CO14" s="271"/>
      <c r="CP14" s="72">
        <v>268</v>
      </c>
      <c r="CQ14" s="72">
        <v>153</v>
      </c>
      <c r="CR14" s="72">
        <v>94</v>
      </c>
      <c r="CS14" s="72">
        <v>96</v>
      </c>
      <c r="CT14" s="72">
        <v>71</v>
      </c>
      <c r="CU14" s="73">
        <v>682</v>
      </c>
      <c r="CV14" s="74">
        <v>1118</v>
      </c>
      <c r="CW14" s="127">
        <v>91</v>
      </c>
      <c r="CX14" s="83">
        <v>76</v>
      </c>
      <c r="CY14" s="84">
        <v>167</v>
      </c>
      <c r="CZ14" s="271"/>
      <c r="DA14" s="83">
        <v>95</v>
      </c>
      <c r="DB14" s="83">
        <v>49</v>
      </c>
      <c r="DC14" s="83">
        <v>50</v>
      </c>
      <c r="DD14" s="83">
        <v>46</v>
      </c>
      <c r="DE14" s="83">
        <v>47</v>
      </c>
      <c r="DF14" s="85">
        <v>287</v>
      </c>
      <c r="DG14" s="86">
        <v>454</v>
      </c>
      <c r="DH14" s="71">
        <v>4</v>
      </c>
      <c r="DI14" s="72">
        <v>1</v>
      </c>
      <c r="DJ14" s="73">
        <v>5</v>
      </c>
      <c r="DK14" s="271"/>
      <c r="DL14" s="72">
        <v>2</v>
      </c>
      <c r="DM14" s="72">
        <v>0</v>
      </c>
      <c r="DN14" s="72">
        <v>1</v>
      </c>
      <c r="DO14" s="72">
        <v>0</v>
      </c>
      <c r="DP14" s="72">
        <v>0</v>
      </c>
      <c r="DQ14" s="73">
        <v>3</v>
      </c>
      <c r="DR14" s="74">
        <v>8</v>
      </c>
      <c r="DS14" s="71">
        <v>6</v>
      </c>
      <c r="DT14" s="72">
        <v>8</v>
      </c>
      <c r="DU14" s="73">
        <v>14</v>
      </c>
      <c r="DV14" s="271"/>
      <c r="DW14" s="72">
        <v>4</v>
      </c>
      <c r="DX14" s="72">
        <v>3</v>
      </c>
      <c r="DY14" s="72">
        <v>2</v>
      </c>
      <c r="DZ14" s="72">
        <v>0</v>
      </c>
      <c r="EA14" s="72">
        <v>0</v>
      </c>
      <c r="EB14" s="73">
        <v>9</v>
      </c>
      <c r="EC14" s="74">
        <v>23</v>
      </c>
      <c r="ED14" s="71">
        <v>11</v>
      </c>
      <c r="EE14" s="72">
        <v>7</v>
      </c>
      <c r="EF14" s="73">
        <v>18</v>
      </c>
      <c r="EG14" s="271"/>
      <c r="EH14" s="72">
        <v>6</v>
      </c>
      <c r="EI14" s="72">
        <v>3</v>
      </c>
      <c r="EJ14" s="72">
        <v>1</v>
      </c>
      <c r="EK14" s="72">
        <v>6</v>
      </c>
      <c r="EL14" s="72">
        <v>3</v>
      </c>
      <c r="EM14" s="73">
        <v>19</v>
      </c>
      <c r="EN14" s="74">
        <v>37</v>
      </c>
      <c r="EO14" s="71">
        <v>25</v>
      </c>
      <c r="EP14" s="72">
        <v>17</v>
      </c>
      <c r="EQ14" s="73">
        <v>42</v>
      </c>
      <c r="ER14" s="271"/>
      <c r="ES14" s="72">
        <v>19</v>
      </c>
      <c r="ET14" s="72">
        <v>8</v>
      </c>
      <c r="EU14" s="72">
        <v>5</v>
      </c>
      <c r="EV14" s="72">
        <v>3</v>
      </c>
      <c r="EW14" s="72">
        <v>12</v>
      </c>
      <c r="EX14" s="73">
        <v>47</v>
      </c>
      <c r="EY14" s="74">
        <v>89</v>
      </c>
      <c r="EZ14" s="71">
        <v>31</v>
      </c>
      <c r="FA14" s="72">
        <v>22</v>
      </c>
      <c r="FB14" s="73">
        <v>53</v>
      </c>
      <c r="FC14" s="271"/>
      <c r="FD14" s="72">
        <v>34</v>
      </c>
      <c r="FE14" s="72">
        <v>9</v>
      </c>
      <c r="FF14" s="72">
        <v>13</v>
      </c>
      <c r="FG14" s="72">
        <v>9</v>
      </c>
      <c r="FH14" s="72">
        <v>8</v>
      </c>
      <c r="FI14" s="73">
        <v>73</v>
      </c>
      <c r="FJ14" s="74">
        <v>126</v>
      </c>
      <c r="FK14" s="71">
        <v>14</v>
      </c>
      <c r="FL14" s="72">
        <v>21</v>
      </c>
      <c r="FM14" s="73">
        <v>35</v>
      </c>
      <c r="FN14" s="271"/>
      <c r="FO14" s="72">
        <v>30</v>
      </c>
      <c r="FP14" s="72">
        <v>26</v>
      </c>
      <c r="FQ14" s="72">
        <v>28</v>
      </c>
      <c r="FR14" s="72">
        <v>28</v>
      </c>
      <c r="FS14" s="72">
        <v>24</v>
      </c>
      <c r="FT14" s="73">
        <v>136</v>
      </c>
      <c r="FU14" s="74">
        <v>171</v>
      </c>
      <c r="FV14" s="71">
        <v>0</v>
      </c>
      <c r="FW14" s="72">
        <v>0</v>
      </c>
      <c r="FX14" s="73">
        <v>0</v>
      </c>
      <c r="FY14" s="271"/>
      <c r="FZ14" s="72">
        <v>0</v>
      </c>
      <c r="GA14" s="72">
        <v>0</v>
      </c>
      <c r="GB14" s="72">
        <v>0</v>
      </c>
      <c r="GC14" s="72">
        <v>0</v>
      </c>
      <c r="GD14" s="72">
        <v>0</v>
      </c>
      <c r="GE14" s="73">
        <v>0</v>
      </c>
      <c r="GF14" s="74">
        <v>0</v>
      </c>
      <c r="GG14" s="71">
        <v>91</v>
      </c>
      <c r="GH14" s="72">
        <v>76</v>
      </c>
      <c r="GI14" s="73">
        <v>167</v>
      </c>
      <c r="GJ14" s="271"/>
      <c r="GK14" s="72">
        <v>95</v>
      </c>
      <c r="GL14" s="72">
        <v>49</v>
      </c>
      <c r="GM14" s="72">
        <v>50</v>
      </c>
      <c r="GN14" s="72">
        <v>46</v>
      </c>
      <c r="GO14" s="72">
        <v>47</v>
      </c>
      <c r="GP14" s="73">
        <v>287</v>
      </c>
      <c r="GQ14" s="74">
        <v>454</v>
      </c>
      <c r="GR14" s="127">
        <v>352</v>
      </c>
      <c r="GS14" s="83">
        <v>251</v>
      </c>
      <c r="GT14" s="84">
        <v>603</v>
      </c>
      <c r="GU14" s="271"/>
      <c r="GV14" s="83">
        <v>363</v>
      </c>
      <c r="GW14" s="83">
        <v>202</v>
      </c>
      <c r="GX14" s="83">
        <v>144</v>
      </c>
      <c r="GY14" s="83">
        <v>142</v>
      </c>
      <c r="GZ14" s="83">
        <v>118</v>
      </c>
      <c r="HA14" s="85">
        <v>969</v>
      </c>
      <c r="HB14" s="86">
        <v>1572</v>
      </c>
      <c r="HC14" s="71">
        <v>8</v>
      </c>
      <c r="HD14" s="72">
        <v>8</v>
      </c>
      <c r="HE14" s="73">
        <v>16</v>
      </c>
      <c r="HF14" s="271"/>
      <c r="HG14" s="72">
        <v>15</v>
      </c>
      <c r="HH14" s="72">
        <v>9</v>
      </c>
      <c r="HI14" s="72">
        <v>3</v>
      </c>
      <c r="HJ14" s="72">
        <v>1</v>
      </c>
      <c r="HK14" s="72">
        <v>4</v>
      </c>
      <c r="HL14" s="73">
        <v>32</v>
      </c>
      <c r="HM14" s="74">
        <v>48</v>
      </c>
      <c r="HN14" s="71">
        <v>26</v>
      </c>
      <c r="HO14" s="72">
        <v>20</v>
      </c>
      <c r="HP14" s="73">
        <v>46</v>
      </c>
      <c r="HQ14" s="271"/>
      <c r="HR14" s="72">
        <v>26</v>
      </c>
      <c r="HS14" s="72">
        <v>20</v>
      </c>
      <c r="HT14" s="72">
        <v>9</v>
      </c>
      <c r="HU14" s="72">
        <v>7</v>
      </c>
      <c r="HV14" s="72">
        <v>12</v>
      </c>
      <c r="HW14" s="73">
        <v>74</v>
      </c>
      <c r="HX14" s="74">
        <v>120</v>
      </c>
      <c r="HY14" s="71">
        <v>35</v>
      </c>
      <c r="HZ14" s="72">
        <v>29</v>
      </c>
      <c r="IA14" s="73">
        <v>64</v>
      </c>
      <c r="IB14" s="271"/>
      <c r="IC14" s="72">
        <v>41</v>
      </c>
      <c r="ID14" s="72">
        <v>16</v>
      </c>
      <c r="IE14" s="72">
        <v>13</v>
      </c>
      <c r="IF14" s="72">
        <v>14</v>
      </c>
      <c r="IG14" s="72">
        <v>10</v>
      </c>
      <c r="IH14" s="73">
        <v>94</v>
      </c>
      <c r="II14" s="74">
        <v>158</v>
      </c>
      <c r="IJ14" s="71">
        <v>91</v>
      </c>
      <c r="IK14" s="72">
        <v>61</v>
      </c>
      <c r="IL14" s="73">
        <v>152</v>
      </c>
      <c r="IM14" s="271"/>
      <c r="IN14" s="72">
        <v>75</v>
      </c>
      <c r="IO14" s="72">
        <v>39</v>
      </c>
      <c r="IP14" s="72">
        <v>24</v>
      </c>
      <c r="IQ14" s="72">
        <v>17</v>
      </c>
      <c r="IR14" s="72">
        <v>32</v>
      </c>
      <c r="IS14" s="73">
        <v>187</v>
      </c>
      <c r="IT14" s="74">
        <v>339</v>
      </c>
      <c r="IU14" s="71">
        <v>107</v>
      </c>
      <c r="IV14" s="72">
        <v>57</v>
      </c>
      <c r="IW14" s="73">
        <v>164</v>
      </c>
      <c r="IX14" s="271"/>
      <c r="IY14" s="72">
        <v>113</v>
      </c>
      <c r="IZ14" s="72">
        <v>54</v>
      </c>
      <c r="JA14" s="72">
        <v>38</v>
      </c>
      <c r="JB14" s="72">
        <v>45</v>
      </c>
      <c r="JC14" s="72">
        <v>22</v>
      </c>
      <c r="JD14" s="73">
        <v>272</v>
      </c>
      <c r="JE14" s="74">
        <v>436</v>
      </c>
      <c r="JF14" s="71">
        <v>85</v>
      </c>
      <c r="JG14" s="72">
        <v>76</v>
      </c>
      <c r="JH14" s="73">
        <v>161</v>
      </c>
      <c r="JI14" s="271"/>
      <c r="JJ14" s="72">
        <v>93</v>
      </c>
      <c r="JK14" s="72">
        <v>64</v>
      </c>
      <c r="JL14" s="72">
        <v>57</v>
      </c>
      <c r="JM14" s="72">
        <v>58</v>
      </c>
      <c r="JN14" s="72">
        <v>38</v>
      </c>
      <c r="JO14" s="73">
        <v>310</v>
      </c>
      <c r="JP14" s="74">
        <v>471</v>
      </c>
      <c r="JQ14" s="71">
        <v>0</v>
      </c>
      <c r="JR14" s="72">
        <v>0</v>
      </c>
      <c r="JS14" s="73">
        <v>0</v>
      </c>
      <c r="JT14" s="271"/>
      <c r="JU14" s="72">
        <v>0</v>
      </c>
      <c r="JV14" s="72">
        <v>0</v>
      </c>
      <c r="JW14" s="72">
        <v>0</v>
      </c>
      <c r="JX14" s="72">
        <v>0</v>
      </c>
      <c r="JY14" s="72">
        <v>0</v>
      </c>
      <c r="JZ14" s="73">
        <v>0</v>
      </c>
      <c r="KA14" s="74">
        <v>0</v>
      </c>
      <c r="KB14" s="71">
        <v>352</v>
      </c>
      <c r="KC14" s="72">
        <v>251</v>
      </c>
      <c r="KD14" s="73">
        <v>603</v>
      </c>
      <c r="KE14" s="274"/>
      <c r="KF14" s="72">
        <v>363</v>
      </c>
      <c r="KG14" s="72">
        <v>202</v>
      </c>
      <c r="KH14" s="72">
        <v>144</v>
      </c>
      <c r="KI14" s="72">
        <v>142</v>
      </c>
      <c r="KJ14" s="72">
        <v>118</v>
      </c>
      <c r="KK14" s="73">
        <v>969</v>
      </c>
      <c r="KL14" s="74">
        <v>1572</v>
      </c>
    </row>
    <row r="15" spans="1:298" ht="19.5" customHeight="1" x14ac:dyDescent="0.2">
      <c r="A15" s="130" t="s">
        <v>11</v>
      </c>
      <c r="B15" s="353">
        <v>51</v>
      </c>
      <c r="C15" s="83">
        <v>35</v>
      </c>
      <c r="D15" s="84">
        <v>86</v>
      </c>
      <c r="E15" s="271"/>
      <c r="F15" s="83">
        <v>87</v>
      </c>
      <c r="G15" s="83">
        <v>30</v>
      </c>
      <c r="H15" s="83">
        <v>40</v>
      </c>
      <c r="I15" s="83">
        <v>34</v>
      </c>
      <c r="J15" s="83">
        <v>21</v>
      </c>
      <c r="K15" s="85">
        <v>212</v>
      </c>
      <c r="L15" s="86">
        <v>298</v>
      </c>
      <c r="M15" s="71">
        <v>2</v>
      </c>
      <c r="N15" s="72">
        <v>1</v>
      </c>
      <c r="O15" s="73">
        <v>3</v>
      </c>
      <c r="P15" s="271"/>
      <c r="Q15" s="72">
        <v>5</v>
      </c>
      <c r="R15" s="72">
        <v>1</v>
      </c>
      <c r="S15" s="72">
        <v>2</v>
      </c>
      <c r="T15" s="72">
        <v>0</v>
      </c>
      <c r="U15" s="72">
        <v>1</v>
      </c>
      <c r="V15" s="73">
        <v>9</v>
      </c>
      <c r="W15" s="74">
        <v>12</v>
      </c>
      <c r="X15" s="71">
        <v>7</v>
      </c>
      <c r="Y15" s="72">
        <v>2</v>
      </c>
      <c r="Z15" s="73">
        <v>9</v>
      </c>
      <c r="AA15" s="271"/>
      <c r="AB15" s="72">
        <v>10</v>
      </c>
      <c r="AC15" s="72">
        <v>1</v>
      </c>
      <c r="AD15" s="72">
        <v>2</v>
      </c>
      <c r="AE15" s="72">
        <v>1</v>
      </c>
      <c r="AF15" s="72">
        <v>2</v>
      </c>
      <c r="AG15" s="73">
        <v>16</v>
      </c>
      <c r="AH15" s="74">
        <v>25</v>
      </c>
      <c r="AI15" s="71">
        <v>3</v>
      </c>
      <c r="AJ15" s="72">
        <v>3</v>
      </c>
      <c r="AK15" s="73">
        <v>6</v>
      </c>
      <c r="AL15" s="271"/>
      <c r="AM15" s="72">
        <v>17</v>
      </c>
      <c r="AN15" s="72">
        <v>7</v>
      </c>
      <c r="AO15" s="72">
        <v>6</v>
      </c>
      <c r="AP15" s="72">
        <v>4</v>
      </c>
      <c r="AQ15" s="72">
        <v>3</v>
      </c>
      <c r="AR15" s="73">
        <v>37</v>
      </c>
      <c r="AS15" s="74">
        <v>43</v>
      </c>
      <c r="AT15" s="71">
        <v>12</v>
      </c>
      <c r="AU15" s="72">
        <v>8</v>
      </c>
      <c r="AV15" s="73">
        <v>20</v>
      </c>
      <c r="AW15" s="271"/>
      <c r="AX15" s="72">
        <v>13</v>
      </c>
      <c r="AY15" s="72">
        <v>4</v>
      </c>
      <c r="AZ15" s="72">
        <v>11</v>
      </c>
      <c r="BA15" s="72">
        <v>9</v>
      </c>
      <c r="BB15" s="72">
        <v>7</v>
      </c>
      <c r="BC15" s="73">
        <v>44</v>
      </c>
      <c r="BD15" s="74">
        <v>64</v>
      </c>
      <c r="BE15" s="71">
        <v>18</v>
      </c>
      <c r="BF15" s="72">
        <v>10</v>
      </c>
      <c r="BG15" s="73">
        <v>28</v>
      </c>
      <c r="BH15" s="271"/>
      <c r="BI15" s="72">
        <v>15</v>
      </c>
      <c r="BJ15" s="72">
        <v>9</v>
      </c>
      <c r="BK15" s="72">
        <v>8</v>
      </c>
      <c r="BL15" s="72">
        <v>9</v>
      </c>
      <c r="BM15" s="72">
        <v>3</v>
      </c>
      <c r="BN15" s="73">
        <v>44</v>
      </c>
      <c r="BO15" s="74">
        <v>72</v>
      </c>
      <c r="BP15" s="71">
        <v>9</v>
      </c>
      <c r="BQ15" s="72">
        <v>11</v>
      </c>
      <c r="BR15" s="73">
        <v>20</v>
      </c>
      <c r="BS15" s="271"/>
      <c r="BT15" s="72">
        <v>27</v>
      </c>
      <c r="BU15" s="72">
        <v>8</v>
      </c>
      <c r="BV15" s="72">
        <v>11</v>
      </c>
      <c r="BW15" s="72">
        <v>11</v>
      </c>
      <c r="BX15" s="72">
        <v>5</v>
      </c>
      <c r="BY15" s="73">
        <v>62</v>
      </c>
      <c r="BZ15" s="74">
        <v>82</v>
      </c>
      <c r="CA15" s="71">
        <v>0</v>
      </c>
      <c r="CB15" s="72">
        <v>0</v>
      </c>
      <c r="CC15" s="73">
        <v>0</v>
      </c>
      <c r="CD15" s="271"/>
      <c r="CE15" s="72">
        <v>0</v>
      </c>
      <c r="CF15" s="72">
        <v>0</v>
      </c>
      <c r="CG15" s="72">
        <v>0</v>
      </c>
      <c r="CH15" s="72">
        <v>0</v>
      </c>
      <c r="CI15" s="72">
        <v>0</v>
      </c>
      <c r="CJ15" s="73">
        <v>0</v>
      </c>
      <c r="CK15" s="74">
        <v>0</v>
      </c>
      <c r="CL15" s="71">
        <v>51</v>
      </c>
      <c r="CM15" s="72">
        <v>35</v>
      </c>
      <c r="CN15" s="73">
        <v>86</v>
      </c>
      <c r="CO15" s="271"/>
      <c r="CP15" s="72">
        <v>87</v>
      </c>
      <c r="CQ15" s="72">
        <v>30</v>
      </c>
      <c r="CR15" s="72">
        <v>40</v>
      </c>
      <c r="CS15" s="72">
        <v>34</v>
      </c>
      <c r="CT15" s="72">
        <v>21</v>
      </c>
      <c r="CU15" s="73">
        <v>212</v>
      </c>
      <c r="CV15" s="74">
        <v>298</v>
      </c>
      <c r="CW15" s="127">
        <v>28</v>
      </c>
      <c r="CX15" s="83">
        <v>16</v>
      </c>
      <c r="CY15" s="84">
        <v>44</v>
      </c>
      <c r="CZ15" s="271"/>
      <c r="DA15" s="83">
        <v>41</v>
      </c>
      <c r="DB15" s="83">
        <v>20</v>
      </c>
      <c r="DC15" s="83">
        <v>19</v>
      </c>
      <c r="DD15" s="83">
        <v>25</v>
      </c>
      <c r="DE15" s="83">
        <v>15</v>
      </c>
      <c r="DF15" s="85">
        <v>120</v>
      </c>
      <c r="DG15" s="86">
        <v>164</v>
      </c>
      <c r="DH15" s="71">
        <v>0</v>
      </c>
      <c r="DI15" s="72">
        <v>1</v>
      </c>
      <c r="DJ15" s="73">
        <v>1</v>
      </c>
      <c r="DK15" s="271"/>
      <c r="DL15" s="72">
        <v>0</v>
      </c>
      <c r="DM15" s="72">
        <v>0</v>
      </c>
      <c r="DN15" s="72">
        <v>0</v>
      </c>
      <c r="DO15" s="72">
        <v>0</v>
      </c>
      <c r="DP15" s="72">
        <v>0</v>
      </c>
      <c r="DQ15" s="73">
        <v>0</v>
      </c>
      <c r="DR15" s="74">
        <v>1</v>
      </c>
      <c r="DS15" s="71">
        <v>5</v>
      </c>
      <c r="DT15" s="72">
        <v>0</v>
      </c>
      <c r="DU15" s="73">
        <v>5</v>
      </c>
      <c r="DV15" s="271"/>
      <c r="DW15" s="72">
        <v>3</v>
      </c>
      <c r="DX15" s="72">
        <v>1</v>
      </c>
      <c r="DY15" s="72">
        <v>1</v>
      </c>
      <c r="DZ15" s="72">
        <v>1</v>
      </c>
      <c r="EA15" s="72">
        <v>0</v>
      </c>
      <c r="EB15" s="73">
        <v>6</v>
      </c>
      <c r="EC15" s="74">
        <v>11</v>
      </c>
      <c r="ED15" s="71">
        <v>2</v>
      </c>
      <c r="EE15" s="72">
        <v>5</v>
      </c>
      <c r="EF15" s="73">
        <v>7</v>
      </c>
      <c r="EG15" s="271"/>
      <c r="EH15" s="72">
        <v>5</v>
      </c>
      <c r="EI15" s="72">
        <v>0</v>
      </c>
      <c r="EJ15" s="72">
        <v>0</v>
      </c>
      <c r="EK15" s="72">
        <v>1</v>
      </c>
      <c r="EL15" s="72">
        <v>1</v>
      </c>
      <c r="EM15" s="73">
        <v>7</v>
      </c>
      <c r="EN15" s="74">
        <v>14</v>
      </c>
      <c r="EO15" s="71">
        <v>6</v>
      </c>
      <c r="EP15" s="72">
        <v>2</v>
      </c>
      <c r="EQ15" s="73">
        <v>8</v>
      </c>
      <c r="ER15" s="271"/>
      <c r="ES15" s="72">
        <v>9</v>
      </c>
      <c r="ET15" s="72">
        <v>3</v>
      </c>
      <c r="EU15" s="72">
        <v>2</v>
      </c>
      <c r="EV15" s="72">
        <v>4</v>
      </c>
      <c r="EW15" s="72">
        <v>4</v>
      </c>
      <c r="EX15" s="73">
        <v>22</v>
      </c>
      <c r="EY15" s="74">
        <v>30</v>
      </c>
      <c r="EZ15" s="71">
        <v>9</v>
      </c>
      <c r="FA15" s="72">
        <v>3</v>
      </c>
      <c r="FB15" s="73">
        <v>12</v>
      </c>
      <c r="FC15" s="271"/>
      <c r="FD15" s="72">
        <v>15</v>
      </c>
      <c r="FE15" s="72">
        <v>6</v>
      </c>
      <c r="FF15" s="72">
        <v>4</v>
      </c>
      <c r="FG15" s="72">
        <v>6</v>
      </c>
      <c r="FH15" s="72">
        <v>3</v>
      </c>
      <c r="FI15" s="73">
        <v>34</v>
      </c>
      <c r="FJ15" s="74">
        <v>46</v>
      </c>
      <c r="FK15" s="71">
        <v>6</v>
      </c>
      <c r="FL15" s="72">
        <v>5</v>
      </c>
      <c r="FM15" s="73">
        <v>11</v>
      </c>
      <c r="FN15" s="271"/>
      <c r="FO15" s="72">
        <v>9</v>
      </c>
      <c r="FP15" s="72">
        <v>10</v>
      </c>
      <c r="FQ15" s="72">
        <v>12</v>
      </c>
      <c r="FR15" s="72">
        <v>13</v>
      </c>
      <c r="FS15" s="72">
        <v>7</v>
      </c>
      <c r="FT15" s="73">
        <v>51</v>
      </c>
      <c r="FU15" s="74">
        <v>62</v>
      </c>
      <c r="FV15" s="71">
        <v>0</v>
      </c>
      <c r="FW15" s="72">
        <v>0</v>
      </c>
      <c r="FX15" s="73">
        <v>0</v>
      </c>
      <c r="FY15" s="271"/>
      <c r="FZ15" s="72">
        <v>0</v>
      </c>
      <c r="GA15" s="72">
        <v>0</v>
      </c>
      <c r="GB15" s="72">
        <v>0</v>
      </c>
      <c r="GC15" s="72">
        <v>0</v>
      </c>
      <c r="GD15" s="72">
        <v>0</v>
      </c>
      <c r="GE15" s="73">
        <v>0</v>
      </c>
      <c r="GF15" s="74">
        <v>0</v>
      </c>
      <c r="GG15" s="71">
        <v>28</v>
      </c>
      <c r="GH15" s="72">
        <v>16</v>
      </c>
      <c r="GI15" s="73">
        <v>44</v>
      </c>
      <c r="GJ15" s="271"/>
      <c r="GK15" s="72">
        <v>41</v>
      </c>
      <c r="GL15" s="72">
        <v>20</v>
      </c>
      <c r="GM15" s="72">
        <v>19</v>
      </c>
      <c r="GN15" s="72">
        <v>25</v>
      </c>
      <c r="GO15" s="72">
        <v>15</v>
      </c>
      <c r="GP15" s="73">
        <v>120</v>
      </c>
      <c r="GQ15" s="74">
        <v>164</v>
      </c>
      <c r="GR15" s="127">
        <v>79</v>
      </c>
      <c r="GS15" s="83">
        <v>51</v>
      </c>
      <c r="GT15" s="84">
        <v>130</v>
      </c>
      <c r="GU15" s="271"/>
      <c r="GV15" s="83">
        <v>128</v>
      </c>
      <c r="GW15" s="83">
        <v>50</v>
      </c>
      <c r="GX15" s="83">
        <v>59</v>
      </c>
      <c r="GY15" s="83">
        <v>59</v>
      </c>
      <c r="GZ15" s="83">
        <v>36</v>
      </c>
      <c r="HA15" s="85">
        <v>332</v>
      </c>
      <c r="HB15" s="86">
        <v>462</v>
      </c>
      <c r="HC15" s="71">
        <v>2</v>
      </c>
      <c r="HD15" s="72">
        <v>2</v>
      </c>
      <c r="HE15" s="73">
        <v>4</v>
      </c>
      <c r="HF15" s="271"/>
      <c r="HG15" s="72">
        <v>5</v>
      </c>
      <c r="HH15" s="72">
        <v>1</v>
      </c>
      <c r="HI15" s="72">
        <v>2</v>
      </c>
      <c r="HJ15" s="72">
        <v>0</v>
      </c>
      <c r="HK15" s="72">
        <v>1</v>
      </c>
      <c r="HL15" s="73">
        <v>9</v>
      </c>
      <c r="HM15" s="74">
        <v>13</v>
      </c>
      <c r="HN15" s="71">
        <v>12</v>
      </c>
      <c r="HO15" s="72">
        <v>2</v>
      </c>
      <c r="HP15" s="73">
        <v>14</v>
      </c>
      <c r="HQ15" s="271"/>
      <c r="HR15" s="72">
        <v>13</v>
      </c>
      <c r="HS15" s="72">
        <v>2</v>
      </c>
      <c r="HT15" s="72">
        <v>3</v>
      </c>
      <c r="HU15" s="72">
        <v>2</v>
      </c>
      <c r="HV15" s="72">
        <v>2</v>
      </c>
      <c r="HW15" s="73">
        <v>22</v>
      </c>
      <c r="HX15" s="74">
        <v>36</v>
      </c>
      <c r="HY15" s="71">
        <v>5</v>
      </c>
      <c r="HZ15" s="72">
        <v>8</v>
      </c>
      <c r="IA15" s="73">
        <v>13</v>
      </c>
      <c r="IB15" s="271"/>
      <c r="IC15" s="72">
        <v>22</v>
      </c>
      <c r="ID15" s="72">
        <v>7</v>
      </c>
      <c r="IE15" s="72">
        <v>6</v>
      </c>
      <c r="IF15" s="72">
        <v>5</v>
      </c>
      <c r="IG15" s="72">
        <v>4</v>
      </c>
      <c r="IH15" s="73">
        <v>44</v>
      </c>
      <c r="II15" s="74">
        <v>57</v>
      </c>
      <c r="IJ15" s="71">
        <v>18</v>
      </c>
      <c r="IK15" s="72">
        <v>10</v>
      </c>
      <c r="IL15" s="73">
        <v>28</v>
      </c>
      <c r="IM15" s="271"/>
      <c r="IN15" s="72">
        <v>22</v>
      </c>
      <c r="IO15" s="72">
        <v>7</v>
      </c>
      <c r="IP15" s="72">
        <v>13</v>
      </c>
      <c r="IQ15" s="72">
        <v>13</v>
      </c>
      <c r="IR15" s="72">
        <v>11</v>
      </c>
      <c r="IS15" s="73">
        <v>66</v>
      </c>
      <c r="IT15" s="74">
        <v>94</v>
      </c>
      <c r="IU15" s="71">
        <v>27</v>
      </c>
      <c r="IV15" s="72">
        <v>13</v>
      </c>
      <c r="IW15" s="73">
        <v>40</v>
      </c>
      <c r="IX15" s="271"/>
      <c r="IY15" s="72">
        <v>30</v>
      </c>
      <c r="IZ15" s="72">
        <v>15</v>
      </c>
      <c r="JA15" s="72">
        <v>12</v>
      </c>
      <c r="JB15" s="72">
        <v>15</v>
      </c>
      <c r="JC15" s="72">
        <v>6</v>
      </c>
      <c r="JD15" s="73">
        <v>78</v>
      </c>
      <c r="JE15" s="74">
        <v>118</v>
      </c>
      <c r="JF15" s="71">
        <v>15</v>
      </c>
      <c r="JG15" s="72">
        <v>16</v>
      </c>
      <c r="JH15" s="73">
        <v>31</v>
      </c>
      <c r="JI15" s="271"/>
      <c r="JJ15" s="72">
        <v>36</v>
      </c>
      <c r="JK15" s="72">
        <v>18</v>
      </c>
      <c r="JL15" s="72">
        <v>23</v>
      </c>
      <c r="JM15" s="72">
        <v>24</v>
      </c>
      <c r="JN15" s="72">
        <v>12</v>
      </c>
      <c r="JO15" s="73">
        <v>113</v>
      </c>
      <c r="JP15" s="74">
        <v>144</v>
      </c>
      <c r="JQ15" s="71">
        <v>0</v>
      </c>
      <c r="JR15" s="72">
        <v>0</v>
      </c>
      <c r="JS15" s="73">
        <v>0</v>
      </c>
      <c r="JT15" s="271"/>
      <c r="JU15" s="72">
        <v>0</v>
      </c>
      <c r="JV15" s="72">
        <v>0</v>
      </c>
      <c r="JW15" s="72">
        <v>0</v>
      </c>
      <c r="JX15" s="72">
        <v>0</v>
      </c>
      <c r="JY15" s="72">
        <v>0</v>
      </c>
      <c r="JZ15" s="73">
        <v>0</v>
      </c>
      <c r="KA15" s="74">
        <v>0</v>
      </c>
      <c r="KB15" s="71">
        <v>79</v>
      </c>
      <c r="KC15" s="72">
        <v>51</v>
      </c>
      <c r="KD15" s="73">
        <v>130</v>
      </c>
      <c r="KE15" s="274"/>
      <c r="KF15" s="72">
        <v>128</v>
      </c>
      <c r="KG15" s="72">
        <v>50</v>
      </c>
      <c r="KH15" s="72">
        <v>59</v>
      </c>
      <c r="KI15" s="72">
        <v>59</v>
      </c>
      <c r="KJ15" s="72">
        <v>36</v>
      </c>
      <c r="KK15" s="73">
        <v>332</v>
      </c>
      <c r="KL15" s="74">
        <v>462</v>
      </c>
    </row>
    <row r="16" spans="1:298" ht="19.5" customHeight="1" x14ac:dyDescent="0.2">
      <c r="A16" s="130" t="s">
        <v>12</v>
      </c>
      <c r="B16" s="353">
        <v>131</v>
      </c>
      <c r="C16" s="83">
        <v>85</v>
      </c>
      <c r="D16" s="84">
        <v>216</v>
      </c>
      <c r="E16" s="271"/>
      <c r="F16" s="83">
        <v>92</v>
      </c>
      <c r="G16" s="83">
        <v>75</v>
      </c>
      <c r="H16" s="83">
        <v>55</v>
      </c>
      <c r="I16" s="83">
        <v>46</v>
      </c>
      <c r="J16" s="83">
        <v>41</v>
      </c>
      <c r="K16" s="85">
        <v>309</v>
      </c>
      <c r="L16" s="86">
        <v>525</v>
      </c>
      <c r="M16" s="87">
        <v>3</v>
      </c>
      <c r="N16" s="72">
        <v>6</v>
      </c>
      <c r="O16" s="73">
        <v>9</v>
      </c>
      <c r="P16" s="271"/>
      <c r="Q16" s="72">
        <v>1</v>
      </c>
      <c r="R16" s="72">
        <v>1</v>
      </c>
      <c r="S16" s="72">
        <v>4</v>
      </c>
      <c r="T16" s="72">
        <v>0</v>
      </c>
      <c r="U16" s="72">
        <v>2</v>
      </c>
      <c r="V16" s="73">
        <v>8</v>
      </c>
      <c r="W16" s="74">
        <v>17</v>
      </c>
      <c r="X16" s="71">
        <v>9</v>
      </c>
      <c r="Y16" s="72">
        <v>7</v>
      </c>
      <c r="Z16" s="73">
        <v>16</v>
      </c>
      <c r="AA16" s="271"/>
      <c r="AB16" s="72">
        <v>3</v>
      </c>
      <c r="AC16" s="72">
        <v>5</v>
      </c>
      <c r="AD16" s="72">
        <v>2</v>
      </c>
      <c r="AE16" s="72">
        <v>4</v>
      </c>
      <c r="AF16" s="72">
        <v>4</v>
      </c>
      <c r="AG16" s="73">
        <v>18</v>
      </c>
      <c r="AH16" s="74">
        <v>34</v>
      </c>
      <c r="AI16" s="87">
        <v>15</v>
      </c>
      <c r="AJ16" s="72">
        <v>12</v>
      </c>
      <c r="AK16" s="73">
        <v>27</v>
      </c>
      <c r="AL16" s="271"/>
      <c r="AM16" s="72">
        <v>10</v>
      </c>
      <c r="AN16" s="72">
        <v>11</v>
      </c>
      <c r="AO16" s="72">
        <v>4</v>
      </c>
      <c r="AP16" s="72">
        <v>4</v>
      </c>
      <c r="AQ16" s="72">
        <v>5</v>
      </c>
      <c r="AR16" s="73">
        <v>34</v>
      </c>
      <c r="AS16" s="74">
        <v>61</v>
      </c>
      <c r="AT16" s="71">
        <v>34</v>
      </c>
      <c r="AU16" s="72">
        <v>16</v>
      </c>
      <c r="AV16" s="73">
        <v>50</v>
      </c>
      <c r="AW16" s="271"/>
      <c r="AX16" s="72">
        <v>24</v>
      </c>
      <c r="AY16" s="72">
        <v>22</v>
      </c>
      <c r="AZ16" s="72">
        <v>14</v>
      </c>
      <c r="BA16" s="72">
        <v>13</v>
      </c>
      <c r="BB16" s="72">
        <v>6</v>
      </c>
      <c r="BC16" s="73">
        <v>79</v>
      </c>
      <c r="BD16" s="74">
        <v>129</v>
      </c>
      <c r="BE16" s="87">
        <v>37</v>
      </c>
      <c r="BF16" s="72">
        <v>23</v>
      </c>
      <c r="BG16" s="73">
        <v>60</v>
      </c>
      <c r="BH16" s="271"/>
      <c r="BI16" s="72">
        <v>27</v>
      </c>
      <c r="BJ16" s="72">
        <v>21</v>
      </c>
      <c r="BK16" s="72">
        <v>20</v>
      </c>
      <c r="BL16" s="72">
        <v>15</v>
      </c>
      <c r="BM16" s="72">
        <v>8</v>
      </c>
      <c r="BN16" s="73">
        <v>91</v>
      </c>
      <c r="BO16" s="74">
        <v>151</v>
      </c>
      <c r="BP16" s="71">
        <v>33</v>
      </c>
      <c r="BQ16" s="72">
        <v>21</v>
      </c>
      <c r="BR16" s="73">
        <v>54</v>
      </c>
      <c r="BS16" s="271"/>
      <c r="BT16" s="72">
        <v>27</v>
      </c>
      <c r="BU16" s="72">
        <v>15</v>
      </c>
      <c r="BV16" s="72">
        <v>11</v>
      </c>
      <c r="BW16" s="72">
        <v>10</v>
      </c>
      <c r="BX16" s="72">
        <v>16</v>
      </c>
      <c r="BY16" s="73">
        <v>79</v>
      </c>
      <c r="BZ16" s="74">
        <v>133</v>
      </c>
      <c r="CA16" s="71">
        <v>0</v>
      </c>
      <c r="CB16" s="72">
        <v>0</v>
      </c>
      <c r="CC16" s="73">
        <v>0</v>
      </c>
      <c r="CD16" s="271"/>
      <c r="CE16" s="72">
        <v>0</v>
      </c>
      <c r="CF16" s="72">
        <v>0</v>
      </c>
      <c r="CG16" s="72">
        <v>0</v>
      </c>
      <c r="CH16" s="72">
        <v>0</v>
      </c>
      <c r="CI16" s="72">
        <v>0</v>
      </c>
      <c r="CJ16" s="73">
        <v>0</v>
      </c>
      <c r="CK16" s="74">
        <v>0</v>
      </c>
      <c r="CL16" s="71">
        <v>131</v>
      </c>
      <c r="CM16" s="72">
        <v>85</v>
      </c>
      <c r="CN16" s="73">
        <v>216</v>
      </c>
      <c r="CO16" s="271"/>
      <c r="CP16" s="72">
        <v>92</v>
      </c>
      <c r="CQ16" s="72">
        <v>75</v>
      </c>
      <c r="CR16" s="72">
        <v>55</v>
      </c>
      <c r="CS16" s="72">
        <v>46</v>
      </c>
      <c r="CT16" s="72">
        <v>41</v>
      </c>
      <c r="CU16" s="73">
        <v>309</v>
      </c>
      <c r="CV16" s="74">
        <v>525</v>
      </c>
      <c r="CW16" s="127">
        <v>35</v>
      </c>
      <c r="CX16" s="83">
        <v>27</v>
      </c>
      <c r="CY16" s="84">
        <v>62</v>
      </c>
      <c r="CZ16" s="271"/>
      <c r="DA16" s="83">
        <v>44</v>
      </c>
      <c r="DB16" s="83">
        <v>19</v>
      </c>
      <c r="DC16" s="83">
        <v>26</v>
      </c>
      <c r="DD16" s="83">
        <v>27</v>
      </c>
      <c r="DE16" s="83">
        <v>14</v>
      </c>
      <c r="DF16" s="85">
        <v>130</v>
      </c>
      <c r="DG16" s="86">
        <v>192</v>
      </c>
      <c r="DH16" s="87">
        <v>0</v>
      </c>
      <c r="DI16" s="72">
        <v>0</v>
      </c>
      <c r="DJ16" s="73">
        <v>0</v>
      </c>
      <c r="DK16" s="271"/>
      <c r="DL16" s="72">
        <v>1</v>
      </c>
      <c r="DM16" s="72">
        <v>0</v>
      </c>
      <c r="DN16" s="72">
        <v>0</v>
      </c>
      <c r="DO16" s="72">
        <v>0</v>
      </c>
      <c r="DP16" s="72">
        <v>0</v>
      </c>
      <c r="DQ16" s="73">
        <v>1</v>
      </c>
      <c r="DR16" s="74">
        <v>1</v>
      </c>
      <c r="DS16" s="71">
        <v>4</v>
      </c>
      <c r="DT16" s="72">
        <v>2</v>
      </c>
      <c r="DU16" s="73">
        <v>6</v>
      </c>
      <c r="DV16" s="271"/>
      <c r="DW16" s="72">
        <v>1</v>
      </c>
      <c r="DX16" s="72">
        <v>0</v>
      </c>
      <c r="DY16" s="72">
        <v>1</v>
      </c>
      <c r="DZ16" s="72">
        <v>0</v>
      </c>
      <c r="EA16" s="72">
        <v>0</v>
      </c>
      <c r="EB16" s="73">
        <v>2</v>
      </c>
      <c r="EC16" s="74">
        <v>8</v>
      </c>
      <c r="ED16" s="87">
        <v>9</v>
      </c>
      <c r="EE16" s="72">
        <v>3</v>
      </c>
      <c r="EF16" s="73">
        <v>12</v>
      </c>
      <c r="EG16" s="271"/>
      <c r="EH16" s="72">
        <v>3</v>
      </c>
      <c r="EI16" s="72">
        <v>2</v>
      </c>
      <c r="EJ16" s="72">
        <v>2</v>
      </c>
      <c r="EK16" s="72">
        <v>0</v>
      </c>
      <c r="EL16" s="72">
        <v>2</v>
      </c>
      <c r="EM16" s="73">
        <v>9</v>
      </c>
      <c r="EN16" s="74">
        <v>21</v>
      </c>
      <c r="EO16" s="71">
        <v>5</v>
      </c>
      <c r="EP16" s="72">
        <v>9</v>
      </c>
      <c r="EQ16" s="73">
        <v>14</v>
      </c>
      <c r="ER16" s="271"/>
      <c r="ES16" s="72">
        <v>6</v>
      </c>
      <c r="ET16" s="72">
        <v>5</v>
      </c>
      <c r="EU16" s="72">
        <v>4</v>
      </c>
      <c r="EV16" s="72">
        <v>6</v>
      </c>
      <c r="EW16" s="72">
        <v>1</v>
      </c>
      <c r="EX16" s="73">
        <v>22</v>
      </c>
      <c r="EY16" s="74">
        <v>36</v>
      </c>
      <c r="EZ16" s="87">
        <v>7</v>
      </c>
      <c r="FA16" s="72">
        <v>5</v>
      </c>
      <c r="FB16" s="73">
        <v>12</v>
      </c>
      <c r="FC16" s="271"/>
      <c r="FD16" s="72">
        <v>14</v>
      </c>
      <c r="FE16" s="72">
        <v>7</v>
      </c>
      <c r="FF16" s="72">
        <v>6</v>
      </c>
      <c r="FG16" s="72">
        <v>8</v>
      </c>
      <c r="FH16" s="72">
        <v>3</v>
      </c>
      <c r="FI16" s="73">
        <v>38</v>
      </c>
      <c r="FJ16" s="74">
        <v>50</v>
      </c>
      <c r="FK16" s="71">
        <v>10</v>
      </c>
      <c r="FL16" s="72">
        <v>8</v>
      </c>
      <c r="FM16" s="73">
        <v>18</v>
      </c>
      <c r="FN16" s="271"/>
      <c r="FO16" s="72">
        <v>19</v>
      </c>
      <c r="FP16" s="72">
        <v>5</v>
      </c>
      <c r="FQ16" s="72">
        <v>13</v>
      </c>
      <c r="FR16" s="72">
        <v>13</v>
      </c>
      <c r="FS16" s="72">
        <v>8</v>
      </c>
      <c r="FT16" s="73">
        <v>58</v>
      </c>
      <c r="FU16" s="74">
        <v>76</v>
      </c>
      <c r="FV16" s="71">
        <v>0</v>
      </c>
      <c r="FW16" s="72">
        <v>0</v>
      </c>
      <c r="FX16" s="73">
        <v>0</v>
      </c>
      <c r="FY16" s="271"/>
      <c r="FZ16" s="72">
        <v>0</v>
      </c>
      <c r="GA16" s="72">
        <v>0</v>
      </c>
      <c r="GB16" s="72">
        <v>0</v>
      </c>
      <c r="GC16" s="72">
        <v>0</v>
      </c>
      <c r="GD16" s="72">
        <v>0</v>
      </c>
      <c r="GE16" s="73">
        <v>0</v>
      </c>
      <c r="GF16" s="74">
        <v>0</v>
      </c>
      <c r="GG16" s="71">
        <v>35</v>
      </c>
      <c r="GH16" s="72">
        <v>27</v>
      </c>
      <c r="GI16" s="73">
        <v>62</v>
      </c>
      <c r="GJ16" s="271"/>
      <c r="GK16" s="72">
        <v>44</v>
      </c>
      <c r="GL16" s="72">
        <v>19</v>
      </c>
      <c r="GM16" s="72">
        <v>26</v>
      </c>
      <c r="GN16" s="72">
        <v>27</v>
      </c>
      <c r="GO16" s="72">
        <v>14</v>
      </c>
      <c r="GP16" s="73">
        <v>130</v>
      </c>
      <c r="GQ16" s="74">
        <v>192</v>
      </c>
      <c r="GR16" s="127">
        <v>166</v>
      </c>
      <c r="GS16" s="83">
        <v>112</v>
      </c>
      <c r="GT16" s="84">
        <v>278</v>
      </c>
      <c r="GU16" s="271"/>
      <c r="GV16" s="83">
        <v>136</v>
      </c>
      <c r="GW16" s="83">
        <v>94</v>
      </c>
      <c r="GX16" s="83">
        <v>81</v>
      </c>
      <c r="GY16" s="83">
        <v>73</v>
      </c>
      <c r="GZ16" s="83">
        <v>55</v>
      </c>
      <c r="HA16" s="85">
        <v>439</v>
      </c>
      <c r="HB16" s="86">
        <v>717</v>
      </c>
      <c r="HC16" s="87">
        <v>3</v>
      </c>
      <c r="HD16" s="72">
        <v>6</v>
      </c>
      <c r="HE16" s="73">
        <v>9</v>
      </c>
      <c r="HF16" s="271"/>
      <c r="HG16" s="72">
        <v>2</v>
      </c>
      <c r="HH16" s="72">
        <v>1</v>
      </c>
      <c r="HI16" s="72">
        <v>4</v>
      </c>
      <c r="HJ16" s="72">
        <v>0</v>
      </c>
      <c r="HK16" s="72">
        <v>2</v>
      </c>
      <c r="HL16" s="73">
        <v>9</v>
      </c>
      <c r="HM16" s="74">
        <v>18</v>
      </c>
      <c r="HN16" s="71">
        <v>13</v>
      </c>
      <c r="HO16" s="72">
        <v>9</v>
      </c>
      <c r="HP16" s="73">
        <v>22</v>
      </c>
      <c r="HQ16" s="271"/>
      <c r="HR16" s="72">
        <v>4</v>
      </c>
      <c r="HS16" s="72">
        <v>5</v>
      </c>
      <c r="HT16" s="72">
        <v>3</v>
      </c>
      <c r="HU16" s="72">
        <v>4</v>
      </c>
      <c r="HV16" s="72">
        <v>4</v>
      </c>
      <c r="HW16" s="73">
        <v>20</v>
      </c>
      <c r="HX16" s="74">
        <v>42</v>
      </c>
      <c r="HY16" s="87">
        <v>24</v>
      </c>
      <c r="HZ16" s="72">
        <v>15</v>
      </c>
      <c r="IA16" s="73">
        <v>39</v>
      </c>
      <c r="IB16" s="271"/>
      <c r="IC16" s="72">
        <v>13</v>
      </c>
      <c r="ID16" s="72">
        <v>13</v>
      </c>
      <c r="IE16" s="72">
        <v>6</v>
      </c>
      <c r="IF16" s="72">
        <v>4</v>
      </c>
      <c r="IG16" s="72">
        <v>7</v>
      </c>
      <c r="IH16" s="73">
        <v>43</v>
      </c>
      <c r="II16" s="74">
        <v>82</v>
      </c>
      <c r="IJ16" s="71">
        <v>39</v>
      </c>
      <c r="IK16" s="72">
        <v>25</v>
      </c>
      <c r="IL16" s="73">
        <v>64</v>
      </c>
      <c r="IM16" s="271"/>
      <c r="IN16" s="72">
        <v>30</v>
      </c>
      <c r="IO16" s="72">
        <v>27</v>
      </c>
      <c r="IP16" s="72">
        <v>18</v>
      </c>
      <c r="IQ16" s="72">
        <v>19</v>
      </c>
      <c r="IR16" s="72">
        <v>7</v>
      </c>
      <c r="IS16" s="73">
        <v>101</v>
      </c>
      <c r="IT16" s="74">
        <v>165</v>
      </c>
      <c r="IU16" s="87">
        <v>44</v>
      </c>
      <c r="IV16" s="72">
        <v>28</v>
      </c>
      <c r="IW16" s="73">
        <v>72</v>
      </c>
      <c r="IX16" s="271"/>
      <c r="IY16" s="72">
        <v>41</v>
      </c>
      <c r="IZ16" s="72">
        <v>28</v>
      </c>
      <c r="JA16" s="72">
        <v>26</v>
      </c>
      <c r="JB16" s="72">
        <v>23</v>
      </c>
      <c r="JC16" s="72">
        <v>11</v>
      </c>
      <c r="JD16" s="73">
        <v>129</v>
      </c>
      <c r="JE16" s="74">
        <v>201</v>
      </c>
      <c r="JF16" s="71">
        <v>43</v>
      </c>
      <c r="JG16" s="72">
        <v>29</v>
      </c>
      <c r="JH16" s="73">
        <v>72</v>
      </c>
      <c r="JI16" s="271"/>
      <c r="JJ16" s="72">
        <v>46</v>
      </c>
      <c r="JK16" s="72">
        <v>20</v>
      </c>
      <c r="JL16" s="72">
        <v>24</v>
      </c>
      <c r="JM16" s="72">
        <v>23</v>
      </c>
      <c r="JN16" s="72">
        <v>24</v>
      </c>
      <c r="JO16" s="73">
        <v>137</v>
      </c>
      <c r="JP16" s="74">
        <v>209</v>
      </c>
      <c r="JQ16" s="71">
        <v>0</v>
      </c>
      <c r="JR16" s="72">
        <v>0</v>
      </c>
      <c r="JS16" s="73">
        <v>0</v>
      </c>
      <c r="JT16" s="271"/>
      <c r="JU16" s="72">
        <v>0</v>
      </c>
      <c r="JV16" s="72">
        <v>0</v>
      </c>
      <c r="JW16" s="72">
        <v>0</v>
      </c>
      <c r="JX16" s="72">
        <v>0</v>
      </c>
      <c r="JY16" s="72">
        <v>0</v>
      </c>
      <c r="JZ16" s="73">
        <v>0</v>
      </c>
      <c r="KA16" s="74">
        <v>0</v>
      </c>
      <c r="KB16" s="71">
        <v>166</v>
      </c>
      <c r="KC16" s="72">
        <v>112</v>
      </c>
      <c r="KD16" s="73">
        <v>278</v>
      </c>
      <c r="KE16" s="274"/>
      <c r="KF16" s="72">
        <v>136</v>
      </c>
      <c r="KG16" s="72">
        <v>94</v>
      </c>
      <c r="KH16" s="72">
        <v>81</v>
      </c>
      <c r="KI16" s="72">
        <v>73</v>
      </c>
      <c r="KJ16" s="72">
        <v>55</v>
      </c>
      <c r="KK16" s="73">
        <v>439</v>
      </c>
      <c r="KL16" s="74">
        <v>717</v>
      </c>
    </row>
    <row r="17" spans="1:298" ht="19.5" customHeight="1" x14ac:dyDescent="0.2">
      <c r="A17" s="130" t="s">
        <v>13</v>
      </c>
      <c r="B17" s="353">
        <v>34</v>
      </c>
      <c r="C17" s="83">
        <v>41</v>
      </c>
      <c r="D17" s="84">
        <v>75</v>
      </c>
      <c r="E17" s="271"/>
      <c r="F17" s="83">
        <v>46</v>
      </c>
      <c r="G17" s="83">
        <v>59</v>
      </c>
      <c r="H17" s="83">
        <v>49</v>
      </c>
      <c r="I17" s="83">
        <v>26</v>
      </c>
      <c r="J17" s="83">
        <v>20</v>
      </c>
      <c r="K17" s="85">
        <v>200</v>
      </c>
      <c r="L17" s="86">
        <v>275</v>
      </c>
      <c r="M17" s="71">
        <v>1</v>
      </c>
      <c r="N17" s="72">
        <v>0</v>
      </c>
      <c r="O17" s="73">
        <v>1</v>
      </c>
      <c r="P17" s="271"/>
      <c r="Q17" s="72">
        <v>3</v>
      </c>
      <c r="R17" s="72">
        <v>2</v>
      </c>
      <c r="S17" s="72">
        <v>0</v>
      </c>
      <c r="T17" s="72">
        <v>0</v>
      </c>
      <c r="U17" s="72">
        <v>0</v>
      </c>
      <c r="V17" s="73">
        <v>5</v>
      </c>
      <c r="W17" s="74">
        <v>6</v>
      </c>
      <c r="X17" s="71">
        <v>2</v>
      </c>
      <c r="Y17" s="72">
        <v>2</v>
      </c>
      <c r="Z17" s="73">
        <v>4</v>
      </c>
      <c r="AA17" s="271"/>
      <c r="AB17" s="72">
        <v>2</v>
      </c>
      <c r="AC17" s="72">
        <v>0</v>
      </c>
      <c r="AD17" s="72">
        <v>1</v>
      </c>
      <c r="AE17" s="72">
        <v>2</v>
      </c>
      <c r="AF17" s="72">
        <v>2</v>
      </c>
      <c r="AG17" s="73">
        <v>7</v>
      </c>
      <c r="AH17" s="74">
        <v>11</v>
      </c>
      <c r="AI17" s="71">
        <v>1</v>
      </c>
      <c r="AJ17" s="72">
        <v>2</v>
      </c>
      <c r="AK17" s="73">
        <v>3</v>
      </c>
      <c r="AL17" s="271"/>
      <c r="AM17" s="72">
        <v>1</v>
      </c>
      <c r="AN17" s="72">
        <v>6</v>
      </c>
      <c r="AO17" s="72">
        <v>6</v>
      </c>
      <c r="AP17" s="72">
        <v>5</v>
      </c>
      <c r="AQ17" s="72">
        <v>3</v>
      </c>
      <c r="AR17" s="73">
        <v>21</v>
      </c>
      <c r="AS17" s="74">
        <v>24</v>
      </c>
      <c r="AT17" s="71">
        <v>8</v>
      </c>
      <c r="AU17" s="72">
        <v>8</v>
      </c>
      <c r="AV17" s="73">
        <v>16</v>
      </c>
      <c r="AW17" s="271"/>
      <c r="AX17" s="72">
        <v>13</v>
      </c>
      <c r="AY17" s="72">
        <v>7</v>
      </c>
      <c r="AZ17" s="72">
        <v>12</v>
      </c>
      <c r="BA17" s="72">
        <v>3</v>
      </c>
      <c r="BB17" s="72">
        <v>3</v>
      </c>
      <c r="BC17" s="73">
        <v>38</v>
      </c>
      <c r="BD17" s="74">
        <v>54</v>
      </c>
      <c r="BE17" s="71">
        <v>17</v>
      </c>
      <c r="BF17" s="72">
        <v>17</v>
      </c>
      <c r="BG17" s="73">
        <v>34</v>
      </c>
      <c r="BH17" s="271"/>
      <c r="BI17" s="72">
        <v>10</v>
      </c>
      <c r="BJ17" s="72">
        <v>24</v>
      </c>
      <c r="BK17" s="72">
        <v>12</v>
      </c>
      <c r="BL17" s="72">
        <v>7</v>
      </c>
      <c r="BM17" s="72">
        <v>7</v>
      </c>
      <c r="BN17" s="73">
        <v>60</v>
      </c>
      <c r="BO17" s="74">
        <v>94</v>
      </c>
      <c r="BP17" s="71">
        <v>5</v>
      </c>
      <c r="BQ17" s="72">
        <v>12</v>
      </c>
      <c r="BR17" s="73">
        <v>17</v>
      </c>
      <c r="BS17" s="271"/>
      <c r="BT17" s="72">
        <v>17</v>
      </c>
      <c r="BU17" s="72">
        <v>20</v>
      </c>
      <c r="BV17" s="72">
        <v>18</v>
      </c>
      <c r="BW17" s="72">
        <v>9</v>
      </c>
      <c r="BX17" s="72">
        <v>5</v>
      </c>
      <c r="BY17" s="73">
        <v>69</v>
      </c>
      <c r="BZ17" s="74">
        <v>86</v>
      </c>
      <c r="CA17" s="71">
        <v>0</v>
      </c>
      <c r="CB17" s="72">
        <v>0</v>
      </c>
      <c r="CC17" s="73">
        <v>0</v>
      </c>
      <c r="CD17" s="271"/>
      <c r="CE17" s="72">
        <v>0</v>
      </c>
      <c r="CF17" s="72">
        <v>0</v>
      </c>
      <c r="CG17" s="72">
        <v>0</v>
      </c>
      <c r="CH17" s="72">
        <v>0</v>
      </c>
      <c r="CI17" s="72">
        <v>0</v>
      </c>
      <c r="CJ17" s="73">
        <v>0</v>
      </c>
      <c r="CK17" s="74">
        <v>0</v>
      </c>
      <c r="CL17" s="71">
        <v>34</v>
      </c>
      <c r="CM17" s="72">
        <v>41</v>
      </c>
      <c r="CN17" s="73">
        <v>75</v>
      </c>
      <c r="CO17" s="271"/>
      <c r="CP17" s="72">
        <v>46</v>
      </c>
      <c r="CQ17" s="72">
        <v>59</v>
      </c>
      <c r="CR17" s="72">
        <v>49</v>
      </c>
      <c r="CS17" s="72">
        <v>26</v>
      </c>
      <c r="CT17" s="72">
        <v>20</v>
      </c>
      <c r="CU17" s="73">
        <v>200</v>
      </c>
      <c r="CV17" s="74">
        <v>275</v>
      </c>
      <c r="CW17" s="127">
        <v>10</v>
      </c>
      <c r="CX17" s="83">
        <v>20</v>
      </c>
      <c r="CY17" s="84">
        <v>30</v>
      </c>
      <c r="CZ17" s="271"/>
      <c r="DA17" s="83">
        <v>24</v>
      </c>
      <c r="DB17" s="83">
        <v>20</v>
      </c>
      <c r="DC17" s="83">
        <v>11</v>
      </c>
      <c r="DD17" s="83">
        <v>15</v>
      </c>
      <c r="DE17" s="83">
        <v>12</v>
      </c>
      <c r="DF17" s="85">
        <v>82</v>
      </c>
      <c r="DG17" s="86">
        <v>112</v>
      </c>
      <c r="DH17" s="71">
        <v>0</v>
      </c>
      <c r="DI17" s="72">
        <v>0</v>
      </c>
      <c r="DJ17" s="73">
        <v>0</v>
      </c>
      <c r="DK17" s="271"/>
      <c r="DL17" s="72">
        <v>0</v>
      </c>
      <c r="DM17" s="72">
        <v>0</v>
      </c>
      <c r="DN17" s="72">
        <v>0</v>
      </c>
      <c r="DO17" s="72">
        <v>0</v>
      </c>
      <c r="DP17" s="72">
        <v>0</v>
      </c>
      <c r="DQ17" s="73">
        <v>0</v>
      </c>
      <c r="DR17" s="74">
        <v>0</v>
      </c>
      <c r="DS17" s="71">
        <v>2</v>
      </c>
      <c r="DT17" s="72">
        <v>1</v>
      </c>
      <c r="DU17" s="73">
        <v>3</v>
      </c>
      <c r="DV17" s="271"/>
      <c r="DW17" s="72">
        <v>3</v>
      </c>
      <c r="DX17" s="72">
        <v>0</v>
      </c>
      <c r="DY17" s="72">
        <v>2</v>
      </c>
      <c r="DZ17" s="72">
        <v>0</v>
      </c>
      <c r="EA17" s="72">
        <v>1</v>
      </c>
      <c r="EB17" s="73">
        <v>6</v>
      </c>
      <c r="EC17" s="74">
        <v>9</v>
      </c>
      <c r="ED17" s="71">
        <v>1</v>
      </c>
      <c r="EE17" s="72">
        <v>1</v>
      </c>
      <c r="EF17" s="73">
        <v>2</v>
      </c>
      <c r="EG17" s="271"/>
      <c r="EH17" s="72">
        <v>2</v>
      </c>
      <c r="EI17" s="72">
        <v>0</v>
      </c>
      <c r="EJ17" s="72">
        <v>2</v>
      </c>
      <c r="EK17" s="72">
        <v>2</v>
      </c>
      <c r="EL17" s="72">
        <v>1</v>
      </c>
      <c r="EM17" s="73">
        <v>7</v>
      </c>
      <c r="EN17" s="74">
        <v>9</v>
      </c>
      <c r="EO17" s="71">
        <v>3</v>
      </c>
      <c r="EP17" s="72">
        <v>4</v>
      </c>
      <c r="EQ17" s="73">
        <v>7</v>
      </c>
      <c r="ER17" s="271"/>
      <c r="ES17" s="72">
        <v>4</v>
      </c>
      <c r="ET17" s="72">
        <v>6</v>
      </c>
      <c r="EU17" s="72">
        <v>0</v>
      </c>
      <c r="EV17" s="72">
        <v>1</v>
      </c>
      <c r="EW17" s="72">
        <v>2</v>
      </c>
      <c r="EX17" s="73">
        <v>13</v>
      </c>
      <c r="EY17" s="74">
        <v>20</v>
      </c>
      <c r="EZ17" s="71">
        <v>2</v>
      </c>
      <c r="FA17" s="72">
        <v>7</v>
      </c>
      <c r="FB17" s="73">
        <v>9</v>
      </c>
      <c r="FC17" s="271"/>
      <c r="FD17" s="72">
        <v>9</v>
      </c>
      <c r="FE17" s="72">
        <v>6</v>
      </c>
      <c r="FF17" s="72">
        <v>4</v>
      </c>
      <c r="FG17" s="72">
        <v>3</v>
      </c>
      <c r="FH17" s="72">
        <v>1</v>
      </c>
      <c r="FI17" s="73">
        <v>23</v>
      </c>
      <c r="FJ17" s="74">
        <v>32</v>
      </c>
      <c r="FK17" s="71">
        <v>2</v>
      </c>
      <c r="FL17" s="72">
        <v>7</v>
      </c>
      <c r="FM17" s="73">
        <v>9</v>
      </c>
      <c r="FN17" s="271"/>
      <c r="FO17" s="72">
        <v>6</v>
      </c>
      <c r="FP17" s="72">
        <v>8</v>
      </c>
      <c r="FQ17" s="72">
        <v>3</v>
      </c>
      <c r="FR17" s="72">
        <v>9</v>
      </c>
      <c r="FS17" s="72">
        <v>7</v>
      </c>
      <c r="FT17" s="73">
        <v>33</v>
      </c>
      <c r="FU17" s="74">
        <v>42</v>
      </c>
      <c r="FV17" s="71">
        <v>0</v>
      </c>
      <c r="FW17" s="72">
        <v>0</v>
      </c>
      <c r="FX17" s="73">
        <v>0</v>
      </c>
      <c r="FY17" s="271"/>
      <c r="FZ17" s="72">
        <v>0</v>
      </c>
      <c r="GA17" s="72">
        <v>0</v>
      </c>
      <c r="GB17" s="72">
        <v>0</v>
      </c>
      <c r="GC17" s="72">
        <v>0</v>
      </c>
      <c r="GD17" s="72">
        <v>0</v>
      </c>
      <c r="GE17" s="73">
        <v>0</v>
      </c>
      <c r="GF17" s="74">
        <v>0</v>
      </c>
      <c r="GG17" s="71">
        <v>10</v>
      </c>
      <c r="GH17" s="72">
        <v>20</v>
      </c>
      <c r="GI17" s="73">
        <v>30</v>
      </c>
      <c r="GJ17" s="271"/>
      <c r="GK17" s="72">
        <v>24</v>
      </c>
      <c r="GL17" s="72">
        <v>20</v>
      </c>
      <c r="GM17" s="72">
        <v>11</v>
      </c>
      <c r="GN17" s="72">
        <v>15</v>
      </c>
      <c r="GO17" s="72">
        <v>12</v>
      </c>
      <c r="GP17" s="73">
        <v>82</v>
      </c>
      <c r="GQ17" s="74">
        <v>112</v>
      </c>
      <c r="GR17" s="127">
        <v>44</v>
      </c>
      <c r="GS17" s="83">
        <v>61</v>
      </c>
      <c r="GT17" s="84">
        <v>105</v>
      </c>
      <c r="GU17" s="271"/>
      <c r="GV17" s="83">
        <v>70</v>
      </c>
      <c r="GW17" s="83">
        <v>79</v>
      </c>
      <c r="GX17" s="83">
        <v>60</v>
      </c>
      <c r="GY17" s="83">
        <v>41</v>
      </c>
      <c r="GZ17" s="83">
        <v>32</v>
      </c>
      <c r="HA17" s="85">
        <v>282</v>
      </c>
      <c r="HB17" s="86">
        <v>387</v>
      </c>
      <c r="HC17" s="71">
        <v>1</v>
      </c>
      <c r="HD17" s="72">
        <v>0</v>
      </c>
      <c r="HE17" s="73">
        <v>1</v>
      </c>
      <c r="HF17" s="271"/>
      <c r="HG17" s="72">
        <v>3</v>
      </c>
      <c r="HH17" s="72">
        <v>2</v>
      </c>
      <c r="HI17" s="72">
        <v>0</v>
      </c>
      <c r="HJ17" s="72">
        <v>0</v>
      </c>
      <c r="HK17" s="72">
        <v>0</v>
      </c>
      <c r="HL17" s="73">
        <v>5</v>
      </c>
      <c r="HM17" s="74">
        <v>6</v>
      </c>
      <c r="HN17" s="71">
        <v>4</v>
      </c>
      <c r="HO17" s="72">
        <v>3</v>
      </c>
      <c r="HP17" s="73">
        <v>7</v>
      </c>
      <c r="HQ17" s="271"/>
      <c r="HR17" s="72">
        <v>5</v>
      </c>
      <c r="HS17" s="72">
        <v>0</v>
      </c>
      <c r="HT17" s="72">
        <v>3</v>
      </c>
      <c r="HU17" s="72">
        <v>2</v>
      </c>
      <c r="HV17" s="72">
        <v>3</v>
      </c>
      <c r="HW17" s="73">
        <v>13</v>
      </c>
      <c r="HX17" s="74">
        <v>20</v>
      </c>
      <c r="HY17" s="71">
        <v>2</v>
      </c>
      <c r="HZ17" s="72">
        <v>3</v>
      </c>
      <c r="IA17" s="73">
        <v>5</v>
      </c>
      <c r="IB17" s="271"/>
      <c r="IC17" s="72">
        <v>3</v>
      </c>
      <c r="ID17" s="72">
        <v>6</v>
      </c>
      <c r="IE17" s="72">
        <v>8</v>
      </c>
      <c r="IF17" s="72">
        <v>7</v>
      </c>
      <c r="IG17" s="72">
        <v>4</v>
      </c>
      <c r="IH17" s="73">
        <v>28</v>
      </c>
      <c r="II17" s="74">
        <v>33</v>
      </c>
      <c r="IJ17" s="71">
        <v>11</v>
      </c>
      <c r="IK17" s="72">
        <v>12</v>
      </c>
      <c r="IL17" s="73">
        <v>23</v>
      </c>
      <c r="IM17" s="271"/>
      <c r="IN17" s="72">
        <v>17</v>
      </c>
      <c r="IO17" s="72">
        <v>13</v>
      </c>
      <c r="IP17" s="72">
        <v>12</v>
      </c>
      <c r="IQ17" s="72">
        <v>4</v>
      </c>
      <c r="IR17" s="72">
        <v>5</v>
      </c>
      <c r="IS17" s="73">
        <v>51</v>
      </c>
      <c r="IT17" s="74">
        <v>74</v>
      </c>
      <c r="IU17" s="71">
        <v>19</v>
      </c>
      <c r="IV17" s="72">
        <v>24</v>
      </c>
      <c r="IW17" s="73">
        <v>43</v>
      </c>
      <c r="IX17" s="271"/>
      <c r="IY17" s="72">
        <v>19</v>
      </c>
      <c r="IZ17" s="72">
        <v>30</v>
      </c>
      <c r="JA17" s="72">
        <v>16</v>
      </c>
      <c r="JB17" s="72">
        <v>10</v>
      </c>
      <c r="JC17" s="72">
        <v>8</v>
      </c>
      <c r="JD17" s="73">
        <v>83</v>
      </c>
      <c r="JE17" s="74">
        <v>126</v>
      </c>
      <c r="JF17" s="71">
        <v>7</v>
      </c>
      <c r="JG17" s="72">
        <v>19</v>
      </c>
      <c r="JH17" s="73">
        <v>26</v>
      </c>
      <c r="JI17" s="271"/>
      <c r="JJ17" s="72">
        <v>23</v>
      </c>
      <c r="JK17" s="72">
        <v>28</v>
      </c>
      <c r="JL17" s="72">
        <v>21</v>
      </c>
      <c r="JM17" s="72">
        <v>18</v>
      </c>
      <c r="JN17" s="72">
        <v>12</v>
      </c>
      <c r="JO17" s="73">
        <v>102</v>
      </c>
      <c r="JP17" s="74">
        <v>128</v>
      </c>
      <c r="JQ17" s="71">
        <v>0</v>
      </c>
      <c r="JR17" s="72">
        <v>0</v>
      </c>
      <c r="JS17" s="73">
        <v>0</v>
      </c>
      <c r="JT17" s="271"/>
      <c r="JU17" s="72">
        <v>0</v>
      </c>
      <c r="JV17" s="72">
        <v>0</v>
      </c>
      <c r="JW17" s="72">
        <v>0</v>
      </c>
      <c r="JX17" s="72">
        <v>0</v>
      </c>
      <c r="JY17" s="72">
        <v>0</v>
      </c>
      <c r="JZ17" s="73">
        <v>0</v>
      </c>
      <c r="KA17" s="74">
        <v>0</v>
      </c>
      <c r="KB17" s="71">
        <v>44</v>
      </c>
      <c r="KC17" s="72">
        <v>61</v>
      </c>
      <c r="KD17" s="73">
        <v>105</v>
      </c>
      <c r="KE17" s="274"/>
      <c r="KF17" s="72">
        <v>70</v>
      </c>
      <c r="KG17" s="72">
        <v>79</v>
      </c>
      <c r="KH17" s="72">
        <v>60</v>
      </c>
      <c r="KI17" s="72">
        <v>41</v>
      </c>
      <c r="KJ17" s="72">
        <v>32</v>
      </c>
      <c r="KK17" s="73">
        <v>282</v>
      </c>
      <c r="KL17" s="74">
        <v>387</v>
      </c>
    </row>
    <row r="18" spans="1:298" ht="19.5" customHeight="1" x14ac:dyDescent="0.2">
      <c r="A18" s="130" t="s">
        <v>15</v>
      </c>
      <c r="B18" s="353">
        <v>4</v>
      </c>
      <c r="C18" s="83">
        <v>12</v>
      </c>
      <c r="D18" s="84">
        <v>16</v>
      </c>
      <c r="E18" s="271"/>
      <c r="F18" s="83">
        <v>13</v>
      </c>
      <c r="G18" s="83">
        <v>17</v>
      </c>
      <c r="H18" s="83">
        <v>9</v>
      </c>
      <c r="I18" s="83">
        <v>11</v>
      </c>
      <c r="J18" s="83">
        <v>5</v>
      </c>
      <c r="K18" s="85">
        <v>55</v>
      </c>
      <c r="L18" s="86">
        <v>71</v>
      </c>
      <c r="M18" s="71">
        <v>1</v>
      </c>
      <c r="N18" s="72">
        <v>3</v>
      </c>
      <c r="O18" s="73">
        <v>4</v>
      </c>
      <c r="P18" s="271"/>
      <c r="Q18" s="72">
        <v>0</v>
      </c>
      <c r="R18" s="72">
        <v>1</v>
      </c>
      <c r="S18" s="72">
        <v>1</v>
      </c>
      <c r="T18" s="72">
        <v>3</v>
      </c>
      <c r="U18" s="72">
        <v>0</v>
      </c>
      <c r="V18" s="73">
        <v>5</v>
      </c>
      <c r="W18" s="74">
        <v>9</v>
      </c>
      <c r="X18" s="71">
        <v>0</v>
      </c>
      <c r="Y18" s="72">
        <v>0</v>
      </c>
      <c r="Z18" s="73">
        <v>0</v>
      </c>
      <c r="AA18" s="271"/>
      <c r="AB18" s="72">
        <v>4</v>
      </c>
      <c r="AC18" s="72">
        <v>1</v>
      </c>
      <c r="AD18" s="72">
        <v>3</v>
      </c>
      <c r="AE18" s="72">
        <v>1</v>
      </c>
      <c r="AF18" s="72">
        <v>1</v>
      </c>
      <c r="AG18" s="73">
        <v>10</v>
      </c>
      <c r="AH18" s="74">
        <v>10</v>
      </c>
      <c r="AI18" s="71">
        <v>0</v>
      </c>
      <c r="AJ18" s="72">
        <v>1</v>
      </c>
      <c r="AK18" s="73">
        <v>1</v>
      </c>
      <c r="AL18" s="271"/>
      <c r="AM18" s="72">
        <v>1</v>
      </c>
      <c r="AN18" s="72">
        <v>2</v>
      </c>
      <c r="AO18" s="72">
        <v>0</v>
      </c>
      <c r="AP18" s="72">
        <v>3</v>
      </c>
      <c r="AQ18" s="72">
        <v>1</v>
      </c>
      <c r="AR18" s="73">
        <v>7</v>
      </c>
      <c r="AS18" s="74">
        <v>8</v>
      </c>
      <c r="AT18" s="71">
        <v>2</v>
      </c>
      <c r="AU18" s="72">
        <v>3</v>
      </c>
      <c r="AV18" s="73">
        <v>5</v>
      </c>
      <c r="AW18" s="271"/>
      <c r="AX18" s="72">
        <v>0</v>
      </c>
      <c r="AY18" s="72">
        <v>2</v>
      </c>
      <c r="AZ18" s="72">
        <v>4</v>
      </c>
      <c r="BA18" s="72">
        <v>0</v>
      </c>
      <c r="BB18" s="72">
        <v>0</v>
      </c>
      <c r="BC18" s="73">
        <v>6</v>
      </c>
      <c r="BD18" s="74">
        <v>11</v>
      </c>
      <c r="BE18" s="71">
        <v>0</v>
      </c>
      <c r="BF18" s="72">
        <v>3</v>
      </c>
      <c r="BG18" s="73">
        <v>3</v>
      </c>
      <c r="BH18" s="271"/>
      <c r="BI18" s="72">
        <v>3</v>
      </c>
      <c r="BJ18" s="72">
        <v>6</v>
      </c>
      <c r="BK18" s="72">
        <v>1</v>
      </c>
      <c r="BL18" s="72">
        <v>2</v>
      </c>
      <c r="BM18" s="72">
        <v>3</v>
      </c>
      <c r="BN18" s="73">
        <v>15</v>
      </c>
      <c r="BO18" s="74">
        <v>18</v>
      </c>
      <c r="BP18" s="71">
        <v>1</v>
      </c>
      <c r="BQ18" s="72">
        <v>2</v>
      </c>
      <c r="BR18" s="73">
        <v>3</v>
      </c>
      <c r="BS18" s="271"/>
      <c r="BT18" s="72">
        <v>5</v>
      </c>
      <c r="BU18" s="72">
        <v>5</v>
      </c>
      <c r="BV18" s="72">
        <v>0</v>
      </c>
      <c r="BW18" s="72">
        <v>2</v>
      </c>
      <c r="BX18" s="72">
        <v>0</v>
      </c>
      <c r="BY18" s="73">
        <v>12</v>
      </c>
      <c r="BZ18" s="74">
        <v>15</v>
      </c>
      <c r="CA18" s="71">
        <v>0</v>
      </c>
      <c r="CB18" s="72">
        <v>0</v>
      </c>
      <c r="CC18" s="73">
        <v>0</v>
      </c>
      <c r="CD18" s="271"/>
      <c r="CE18" s="72">
        <v>0</v>
      </c>
      <c r="CF18" s="72">
        <v>0</v>
      </c>
      <c r="CG18" s="72">
        <v>0</v>
      </c>
      <c r="CH18" s="72">
        <v>0</v>
      </c>
      <c r="CI18" s="72">
        <v>0</v>
      </c>
      <c r="CJ18" s="73">
        <v>0</v>
      </c>
      <c r="CK18" s="74">
        <v>0</v>
      </c>
      <c r="CL18" s="71">
        <v>4</v>
      </c>
      <c r="CM18" s="72">
        <v>12</v>
      </c>
      <c r="CN18" s="73">
        <v>16</v>
      </c>
      <c r="CO18" s="271"/>
      <c r="CP18" s="72">
        <v>13</v>
      </c>
      <c r="CQ18" s="72">
        <v>17</v>
      </c>
      <c r="CR18" s="72">
        <v>9</v>
      </c>
      <c r="CS18" s="72">
        <v>11</v>
      </c>
      <c r="CT18" s="72">
        <v>5</v>
      </c>
      <c r="CU18" s="73">
        <v>55</v>
      </c>
      <c r="CV18" s="74">
        <v>71</v>
      </c>
      <c r="CW18" s="127">
        <v>3</v>
      </c>
      <c r="CX18" s="83">
        <v>7</v>
      </c>
      <c r="CY18" s="84">
        <v>10</v>
      </c>
      <c r="CZ18" s="271"/>
      <c r="DA18" s="83">
        <v>12</v>
      </c>
      <c r="DB18" s="83">
        <v>5</v>
      </c>
      <c r="DC18" s="83">
        <v>6</v>
      </c>
      <c r="DD18" s="83">
        <v>4</v>
      </c>
      <c r="DE18" s="83">
        <v>4</v>
      </c>
      <c r="DF18" s="85">
        <v>31</v>
      </c>
      <c r="DG18" s="86">
        <v>41</v>
      </c>
      <c r="DH18" s="71">
        <v>0</v>
      </c>
      <c r="DI18" s="72">
        <v>0</v>
      </c>
      <c r="DJ18" s="73">
        <v>0</v>
      </c>
      <c r="DK18" s="271"/>
      <c r="DL18" s="72">
        <v>0</v>
      </c>
      <c r="DM18" s="72">
        <v>0</v>
      </c>
      <c r="DN18" s="72">
        <v>1</v>
      </c>
      <c r="DO18" s="72">
        <v>0</v>
      </c>
      <c r="DP18" s="72">
        <v>0</v>
      </c>
      <c r="DQ18" s="73">
        <v>1</v>
      </c>
      <c r="DR18" s="74">
        <v>1</v>
      </c>
      <c r="DS18" s="71">
        <v>0</v>
      </c>
      <c r="DT18" s="72">
        <v>0</v>
      </c>
      <c r="DU18" s="73">
        <v>0</v>
      </c>
      <c r="DV18" s="271"/>
      <c r="DW18" s="72">
        <v>2</v>
      </c>
      <c r="DX18" s="72">
        <v>1</v>
      </c>
      <c r="DY18" s="72">
        <v>0</v>
      </c>
      <c r="DZ18" s="72">
        <v>0</v>
      </c>
      <c r="EA18" s="72">
        <v>0</v>
      </c>
      <c r="EB18" s="73">
        <v>3</v>
      </c>
      <c r="EC18" s="74">
        <v>3</v>
      </c>
      <c r="ED18" s="71">
        <v>0</v>
      </c>
      <c r="EE18" s="72">
        <v>1</v>
      </c>
      <c r="EF18" s="73">
        <v>1</v>
      </c>
      <c r="EG18" s="271"/>
      <c r="EH18" s="72">
        <v>1</v>
      </c>
      <c r="EI18" s="72">
        <v>0</v>
      </c>
      <c r="EJ18" s="72">
        <v>1</v>
      </c>
      <c r="EK18" s="72">
        <v>1</v>
      </c>
      <c r="EL18" s="72">
        <v>1</v>
      </c>
      <c r="EM18" s="73">
        <v>4</v>
      </c>
      <c r="EN18" s="74">
        <v>5</v>
      </c>
      <c r="EO18" s="71">
        <v>1</v>
      </c>
      <c r="EP18" s="72">
        <v>3</v>
      </c>
      <c r="EQ18" s="73">
        <v>4</v>
      </c>
      <c r="ER18" s="271"/>
      <c r="ES18" s="72">
        <v>3</v>
      </c>
      <c r="ET18" s="72">
        <v>0</v>
      </c>
      <c r="EU18" s="72">
        <v>0</v>
      </c>
      <c r="EV18" s="72">
        <v>1</v>
      </c>
      <c r="EW18" s="72">
        <v>0</v>
      </c>
      <c r="EX18" s="73">
        <v>4</v>
      </c>
      <c r="EY18" s="74">
        <v>8</v>
      </c>
      <c r="EZ18" s="71">
        <v>0</v>
      </c>
      <c r="FA18" s="72">
        <v>1</v>
      </c>
      <c r="FB18" s="73">
        <v>1</v>
      </c>
      <c r="FC18" s="271"/>
      <c r="FD18" s="72">
        <v>5</v>
      </c>
      <c r="FE18" s="72">
        <v>1</v>
      </c>
      <c r="FF18" s="72">
        <v>0</v>
      </c>
      <c r="FG18" s="72">
        <v>0</v>
      </c>
      <c r="FH18" s="72">
        <v>0</v>
      </c>
      <c r="FI18" s="73">
        <v>6</v>
      </c>
      <c r="FJ18" s="74">
        <v>7</v>
      </c>
      <c r="FK18" s="71">
        <v>2</v>
      </c>
      <c r="FL18" s="72">
        <v>2</v>
      </c>
      <c r="FM18" s="73">
        <v>4</v>
      </c>
      <c r="FN18" s="271"/>
      <c r="FO18" s="72">
        <v>1</v>
      </c>
      <c r="FP18" s="72">
        <v>3</v>
      </c>
      <c r="FQ18" s="72">
        <v>4</v>
      </c>
      <c r="FR18" s="72">
        <v>2</v>
      </c>
      <c r="FS18" s="72">
        <v>3</v>
      </c>
      <c r="FT18" s="73">
        <v>13</v>
      </c>
      <c r="FU18" s="74">
        <v>17</v>
      </c>
      <c r="FV18" s="71">
        <v>0</v>
      </c>
      <c r="FW18" s="72">
        <v>0</v>
      </c>
      <c r="FX18" s="73">
        <v>0</v>
      </c>
      <c r="FY18" s="271"/>
      <c r="FZ18" s="72">
        <v>0</v>
      </c>
      <c r="GA18" s="72">
        <v>0</v>
      </c>
      <c r="GB18" s="72">
        <v>0</v>
      </c>
      <c r="GC18" s="72">
        <v>0</v>
      </c>
      <c r="GD18" s="72">
        <v>0</v>
      </c>
      <c r="GE18" s="73">
        <v>0</v>
      </c>
      <c r="GF18" s="74">
        <v>0</v>
      </c>
      <c r="GG18" s="71">
        <v>3</v>
      </c>
      <c r="GH18" s="72">
        <v>7</v>
      </c>
      <c r="GI18" s="73">
        <v>10</v>
      </c>
      <c r="GJ18" s="271"/>
      <c r="GK18" s="72">
        <v>12</v>
      </c>
      <c r="GL18" s="72">
        <v>5</v>
      </c>
      <c r="GM18" s="72">
        <v>6</v>
      </c>
      <c r="GN18" s="72">
        <v>4</v>
      </c>
      <c r="GO18" s="72">
        <v>4</v>
      </c>
      <c r="GP18" s="73">
        <v>31</v>
      </c>
      <c r="GQ18" s="74">
        <v>41</v>
      </c>
      <c r="GR18" s="127">
        <v>7</v>
      </c>
      <c r="GS18" s="83">
        <v>19</v>
      </c>
      <c r="GT18" s="84">
        <v>26</v>
      </c>
      <c r="GU18" s="271"/>
      <c r="GV18" s="83">
        <v>25</v>
      </c>
      <c r="GW18" s="83">
        <v>22</v>
      </c>
      <c r="GX18" s="83">
        <v>15</v>
      </c>
      <c r="GY18" s="83">
        <v>15</v>
      </c>
      <c r="GZ18" s="83">
        <v>9</v>
      </c>
      <c r="HA18" s="85">
        <v>86</v>
      </c>
      <c r="HB18" s="86">
        <v>112</v>
      </c>
      <c r="HC18" s="71">
        <v>1</v>
      </c>
      <c r="HD18" s="72">
        <v>3</v>
      </c>
      <c r="HE18" s="73">
        <v>4</v>
      </c>
      <c r="HF18" s="271"/>
      <c r="HG18" s="72">
        <v>0</v>
      </c>
      <c r="HH18" s="72">
        <v>1</v>
      </c>
      <c r="HI18" s="72">
        <v>2</v>
      </c>
      <c r="HJ18" s="72">
        <v>3</v>
      </c>
      <c r="HK18" s="72">
        <v>0</v>
      </c>
      <c r="HL18" s="73">
        <v>6</v>
      </c>
      <c r="HM18" s="74">
        <v>10</v>
      </c>
      <c r="HN18" s="71">
        <v>0</v>
      </c>
      <c r="HO18" s="72">
        <v>0</v>
      </c>
      <c r="HP18" s="73">
        <v>0</v>
      </c>
      <c r="HQ18" s="271"/>
      <c r="HR18" s="72">
        <v>6</v>
      </c>
      <c r="HS18" s="72">
        <v>2</v>
      </c>
      <c r="HT18" s="72">
        <v>3</v>
      </c>
      <c r="HU18" s="72">
        <v>1</v>
      </c>
      <c r="HV18" s="72">
        <v>1</v>
      </c>
      <c r="HW18" s="73">
        <v>13</v>
      </c>
      <c r="HX18" s="74">
        <v>13</v>
      </c>
      <c r="HY18" s="71">
        <v>0</v>
      </c>
      <c r="HZ18" s="72">
        <v>2</v>
      </c>
      <c r="IA18" s="73">
        <v>2</v>
      </c>
      <c r="IB18" s="271"/>
      <c r="IC18" s="72">
        <v>2</v>
      </c>
      <c r="ID18" s="72">
        <v>2</v>
      </c>
      <c r="IE18" s="72">
        <v>1</v>
      </c>
      <c r="IF18" s="72">
        <v>4</v>
      </c>
      <c r="IG18" s="72">
        <v>2</v>
      </c>
      <c r="IH18" s="73">
        <v>11</v>
      </c>
      <c r="II18" s="74">
        <v>13</v>
      </c>
      <c r="IJ18" s="71">
        <v>3</v>
      </c>
      <c r="IK18" s="72">
        <v>6</v>
      </c>
      <c r="IL18" s="73">
        <v>9</v>
      </c>
      <c r="IM18" s="271"/>
      <c r="IN18" s="72">
        <v>3</v>
      </c>
      <c r="IO18" s="72">
        <v>2</v>
      </c>
      <c r="IP18" s="72">
        <v>4</v>
      </c>
      <c r="IQ18" s="72">
        <v>1</v>
      </c>
      <c r="IR18" s="72">
        <v>0</v>
      </c>
      <c r="IS18" s="73">
        <v>10</v>
      </c>
      <c r="IT18" s="74">
        <v>19</v>
      </c>
      <c r="IU18" s="71">
        <v>0</v>
      </c>
      <c r="IV18" s="72">
        <v>4</v>
      </c>
      <c r="IW18" s="73">
        <v>4</v>
      </c>
      <c r="IX18" s="271"/>
      <c r="IY18" s="72">
        <v>8</v>
      </c>
      <c r="IZ18" s="72">
        <v>7</v>
      </c>
      <c r="JA18" s="72">
        <v>1</v>
      </c>
      <c r="JB18" s="72">
        <v>2</v>
      </c>
      <c r="JC18" s="72">
        <v>3</v>
      </c>
      <c r="JD18" s="73">
        <v>21</v>
      </c>
      <c r="JE18" s="74">
        <v>25</v>
      </c>
      <c r="JF18" s="71">
        <v>3</v>
      </c>
      <c r="JG18" s="72">
        <v>4</v>
      </c>
      <c r="JH18" s="73">
        <v>7</v>
      </c>
      <c r="JI18" s="271"/>
      <c r="JJ18" s="72">
        <v>6</v>
      </c>
      <c r="JK18" s="72">
        <v>8</v>
      </c>
      <c r="JL18" s="72">
        <v>4</v>
      </c>
      <c r="JM18" s="72">
        <v>4</v>
      </c>
      <c r="JN18" s="72">
        <v>3</v>
      </c>
      <c r="JO18" s="73">
        <v>25</v>
      </c>
      <c r="JP18" s="74">
        <v>32</v>
      </c>
      <c r="JQ18" s="71">
        <v>0</v>
      </c>
      <c r="JR18" s="72">
        <v>0</v>
      </c>
      <c r="JS18" s="73">
        <v>0</v>
      </c>
      <c r="JT18" s="271"/>
      <c r="JU18" s="72">
        <v>0</v>
      </c>
      <c r="JV18" s="72">
        <v>0</v>
      </c>
      <c r="JW18" s="72">
        <v>0</v>
      </c>
      <c r="JX18" s="72">
        <v>0</v>
      </c>
      <c r="JY18" s="72">
        <v>0</v>
      </c>
      <c r="JZ18" s="73">
        <v>0</v>
      </c>
      <c r="KA18" s="74">
        <v>0</v>
      </c>
      <c r="KB18" s="71">
        <v>7</v>
      </c>
      <c r="KC18" s="72">
        <v>19</v>
      </c>
      <c r="KD18" s="73">
        <v>26</v>
      </c>
      <c r="KE18" s="274"/>
      <c r="KF18" s="72">
        <v>25</v>
      </c>
      <c r="KG18" s="72">
        <v>22</v>
      </c>
      <c r="KH18" s="72">
        <v>15</v>
      </c>
      <c r="KI18" s="72">
        <v>15</v>
      </c>
      <c r="KJ18" s="72">
        <v>9</v>
      </c>
      <c r="KK18" s="73">
        <v>86</v>
      </c>
      <c r="KL18" s="74">
        <v>112</v>
      </c>
    </row>
    <row r="19" spans="1:298" ht="19.5" customHeight="1" x14ac:dyDescent="0.2">
      <c r="A19" s="130" t="s">
        <v>16</v>
      </c>
      <c r="B19" s="353">
        <v>25</v>
      </c>
      <c r="C19" s="83">
        <v>31</v>
      </c>
      <c r="D19" s="84">
        <v>56</v>
      </c>
      <c r="E19" s="271"/>
      <c r="F19" s="83">
        <v>54</v>
      </c>
      <c r="G19" s="83">
        <v>61</v>
      </c>
      <c r="H19" s="83">
        <v>38</v>
      </c>
      <c r="I19" s="83">
        <v>26</v>
      </c>
      <c r="J19" s="83">
        <v>16</v>
      </c>
      <c r="K19" s="85">
        <v>195</v>
      </c>
      <c r="L19" s="86">
        <v>251</v>
      </c>
      <c r="M19" s="71">
        <v>0</v>
      </c>
      <c r="N19" s="72">
        <v>2</v>
      </c>
      <c r="O19" s="73">
        <v>2</v>
      </c>
      <c r="P19" s="271"/>
      <c r="Q19" s="72">
        <v>1</v>
      </c>
      <c r="R19" s="72">
        <v>2</v>
      </c>
      <c r="S19" s="72">
        <v>1</v>
      </c>
      <c r="T19" s="72">
        <v>1</v>
      </c>
      <c r="U19" s="72">
        <v>1</v>
      </c>
      <c r="V19" s="73">
        <v>6</v>
      </c>
      <c r="W19" s="74">
        <v>8</v>
      </c>
      <c r="X19" s="71">
        <v>4</v>
      </c>
      <c r="Y19" s="72">
        <v>5</v>
      </c>
      <c r="Z19" s="73">
        <v>9</v>
      </c>
      <c r="AA19" s="271"/>
      <c r="AB19" s="72">
        <v>9</v>
      </c>
      <c r="AC19" s="72">
        <v>10</v>
      </c>
      <c r="AD19" s="72">
        <v>7</v>
      </c>
      <c r="AE19" s="72">
        <v>5</v>
      </c>
      <c r="AF19" s="72">
        <v>1</v>
      </c>
      <c r="AG19" s="73">
        <v>32</v>
      </c>
      <c r="AH19" s="74">
        <v>41</v>
      </c>
      <c r="AI19" s="71">
        <v>8</v>
      </c>
      <c r="AJ19" s="72">
        <v>6</v>
      </c>
      <c r="AK19" s="73">
        <v>14</v>
      </c>
      <c r="AL19" s="271"/>
      <c r="AM19" s="72">
        <v>8</v>
      </c>
      <c r="AN19" s="72">
        <v>4</v>
      </c>
      <c r="AO19" s="72">
        <v>8</v>
      </c>
      <c r="AP19" s="72">
        <v>2</v>
      </c>
      <c r="AQ19" s="72">
        <v>3</v>
      </c>
      <c r="AR19" s="73">
        <v>25</v>
      </c>
      <c r="AS19" s="74">
        <v>39</v>
      </c>
      <c r="AT19" s="71">
        <v>5</v>
      </c>
      <c r="AU19" s="72">
        <v>6</v>
      </c>
      <c r="AV19" s="73">
        <v>11</v>
      </c>
      <c r="AW19" s="271"/>
      <c r="AX19" s="72">
        <v>10</v>
      </c>
      <c r="AY19" s="72">
        <v>19</v>
      </c>
      <c r="AZ19" s="72">
        <v>5</v>
      </c>
      <c r="BA19" s="72">
        <v>4</v>
      </c>
      <c r="BB19" s="72">
        <v>6</v>
      </c>
      <c r="BC19" s="73">
        <v>44</v>
      </c>
      <c r="BD19" s="74">
        <v>55</v>
      </c>
      <c r="BE19" s="71">
        <v>5</v>
      </c>
      <c r="BF19" s="72">
        <v>9</v>
      </c>
      <c r="BG19" s="73">
        <v>14</v>
      </c>
      <c r="BH19" s="271"/>
      <c r="BI19" s="72">
        <v>8</v>
      </c>
      <c r="BJ19" s="72">
        <v>14</v>
      </c>
      <c r="BK19" s="72">
        <v>8</v>
      </c>
      <c r="BL19" s="72">
        <v>4</v>
      </c>
      <c r="BM19" s="72">
        <v>2</v>
      </c>
      <c r="BN19" s="73">
        <v>36</v>
      </c>
      <c r="BO19" s="74">
        <v>50</v>
      </c>
      <c r="BP19" s="71">
        <v>3</v>
      </c>
      <c r="BQ19" s="72">
        <v>3</v>
      </c>
      <c r="BR19" s="73">
        <v>6</v>
      </c>
      <c r="BS19" s="271"/>
      <c r="BT19" s="72">
        <v>18</v>
      </c>
      <c r="BU19" s="72">
        <v>12</v>
      </c>
      <c r="BV19" s="72">
        <v>9</v>
      </c>
      <c r="BW19" s="72">
        <v>10</v>
      </c>
      <c r="BX19" s="72">
        <v>3</v>
      </c>
      <c r="BY19" s="73">
        <v>52</v>
      </c>
      <c r="BZ19" s="74">
        <v>58</v>
      </c>
      <c r="CA19" s="71">
        <v>0</v>
      </c>
      <c r="CB19" s="72">
        <v>0</v>
      </c>
      <c r="CC19" s="73">
        <v>0</v>
      </c>
      <c r="CD19" s="271"/>
      <c r="CE19" s="72">
        <v>0</v>
      </c>
      <c r="CF19" s="72">
        <v>0</v>
      </c>
      <c r="CG19" s="72">
        <v>0</v>
      </c>
      <c r="CH19" s="72">
        <v>0</v>
      </c>
      <c r="CI19" s="72">
        <v>0</v>
      </c>
      <c r="CJ19" s="73">
        <v>0</v>
      </c>
      <c r="CK19" s="74">
        <v>0</v>
      </c>
      <c r="CL19" s="71">
        <v>25</v>
      </c>
      <c r="CM19" s="72">
        <v>31</v>
      </c>
      <c r="CN19" s="73">
        <v>56</v>
      </c>
      <c r="CO19" s="271"/>
      <c r="CP19" s="72">
        <v>54</v>
      </c>
      <c r="CQ19" s="72">
        <v>61</v>
      </c>
      <c r="CR19" s="72">
        <v>38</v>
      </c>
      <c r="CS19" s="72">
        <v>26</v>
      </c>
      <c r="CT19" s="72">
        <v>16</v>
      </c>
      <c r="CU19" s="73">
        <v>195</v>
      </c>
      <c r="CV19" s="74">
        <v>251</v>
      </c>
      <c r="CW19" s="127">
        <v>13</v>
      </c>
      <c r="CX19" s="83">
        <v>12</v>
      </c>
      <c r="CY19" s="84">
        <v>25</v>
      </c>
      <c r="CZ19" s="271"/>
      <c r="DA19" s="83">
        <v>21</v>
      </c>
      <c r="DB19" s="83">
        <v>27</v>
      </c>
      <c r="DC19" s="83">
        <v>13</v>
      </c>
      <c r="DD19" s="83">
        <v>10</v>
      </c>
      <c r="DE19" s="83">
        <v>8</v>
      </c>
      <c r="DF19" s="85">
        <v>79</v>
      </c>
      <c r="DG19" s="86">
        <v>104</v>
      </c>
      <c r="DH19" s="71">
        <v>0</v>
      </c>
      <c r="DI19" s="72">
        <v>0</v>
      </c>
      <c r="DJ19" s="73">
        <v>0</v>
      </c>
      <c r="DK19" s="271"/>
      <c r="DL19" s="72">
        <v>0</v>
      </c>
      <c r="DM19" s="72">
        <v>2</v>
      </c>
      <c r="DN19" s="72">
        <v>0</v>
      </c>
      <c r="DO19" s="72">
        <v>0</v>
      </c>
      <c r="DP19" s="72">
        <v>0</v>
      </c>
      <c r="DQ19" s="73">
        <v>2</v>
      </c>
      <c r="DR19" s="74">
        <v>2</v>
      </c>
      <c r="DS19" s="71">
        <v>2</v>
      </c>
      <c r="DT19" s="72">
        <v>2</v>
      </c>
      <c r="DU19" s="73">
        <v>4</v>
      </c>
      <c r="DV19" s="271"/>
      <c r="DW19" s="72">
        <v>2</v>
      </c>
      <c r="DX19" s="72">
        <v>3</v>
      </c>
      <c r="DY19" s="72">
        <v>0</v>
      </c>
      <c r="DZ19" s="72">
        <v>1</v>
      </c>
      <c r="EA19" s="72">
        <v>0</v>
      </c>
      <c r="EB19" s="73">
        <v>6</v>
      </c>
      <c r="EC19" s="74">
        <v>10</v>
      </c>
      <c r="ED19" s="71">
        <v>3</v>
      </c>
      <c r="EE19" s="72">
        <v>1</v>
      </c>
      <c r="EF19" s="73">
        <v>4</v>
      </c>
      <c r="EG19" s="271"/>
      <c r="EH19" s="72">
        <v>0</v>
      </c>
      <c r="EI19" s="72">
        <v>2</v>
      </c>
      <c r="EJ19" s="72">
        <v>0</v>
      </c>
      <c r="EK19" s="72">
        <v>2</v>
      </c>
      <c r="EL19" s="72">
        <v>0</v>
      </c>
      <c r="EM19" s="73">
        <v>4</v>
      </c>
      <c r="EN19" s="74">
        <v>8</v>
      </c>
      <c r="EO19" s="71">
        <v>5</v>
      </c>
      <c r="EP19" s="72">
        <v>1</v>
      </c>
      <c r="EQ19" s="73">
        <v>6</v>
      </c>
      <c r="ER19" s="271"/>
      <c r="ES19" s="72">
        <v>8</v>
      </c>
      <c r="ET19" s="72">
        <v>5</v>
      </c>
      <c r="EU19" s="72">
        <v>1</v>
      </c>
      <c r="EV19" s="72">
        <v>0</v>
      </c>
      <c r="EW19" s="72">
        <v>1</v>
      </c>
      <c r="EX19" s="73">
        <v>15</v>
      </c>
      <c r="EY19" s="74">
        <v>21</v>
      </c>
      <c r="EZ19" s="71">
        <v>2</v>
      </c>
      <c r="FA19" s="72">
        <v>6</v>
      </c>
      <c r="FB19" s="73">
        <v>8</v>
      </c>
      <c r="FC19" s="271"/>
      <c r="FD19" s="72">
        <v>5</v>
      </c>
      <c r="FE19" s="72">
        <v>8</v>
      </c>
      <c r="FF19" s="72">
        <v>3</v>
      </c>
      <c r="FG19" s="72">
        <v>1</v>
      </c>
      <c r="FH19" s="72">
        <v>3</v>
      </c>
      <c r="FI19" s="73">
        <v>20</v>
      </c>
      <c r="FJ19" s="74">
        <v>28</v>
      </c>
      <c r="FK19" s="71">
        <v>1</v>
      </c>
      <c r="FL19" s="72">
        <v>2</v>
      </c>
      <c r="FM19" s="73">
        <v>3</v>
      </c>
      <c r="FN19" s="271"/>
      <c r="FO19" s="72">
        <v>6</v>
      </c>
      <c r="FP19" s="72">
        <v>7</v>
      </c>
      <c r="FQ19" s="72">
        <v>9</v>
      </c>
      <c r="FR19" s="72">
        <v>6</v>
      </c>
      <c r="FS19" s="72">
        <v>4</v>
      </c>
      <c r="FT19" s="73">
        <v>32</v>
      </c>
      <c r="FU19" s="74">
        <v>35</v>
      </c>
      <c r="FV19" s="71">
        <v>0</v>
      </c>
      <c r="FW19" s="72">
        <v>0</v>
      </c>
      <c r="FX19" s="73">
        <v>0</v>
      </c>
      <c r="FY19" s="271"/>
      <c r="FZ19" s="72">
        <v>0</v>
      </c>
      <c r="GA19" s="72">
        <v>0</v>
      </c>
      <c r="GB19" s="72">
        <v>0</v>
      </c>
      <c r="GC19" s="72">
        <v>0</v>
      </c>
      <c r="GD19" s="72">
        <v>0</v>
      </c>
      <c r="GE19" s="73">
        <v>0</v>
      </c>
      <c r="GF19" s="74">
        <v>0</v>
      </c>
      <c r="GG19" s="71">
        <v>13</v>
      </c>
      <c r="GH19" s="72">
        <v>12</v>
      </c>
      <c r="GI19" s="73">
        <v>25</v>
      </c>
      <c r="GJ19" s="271"/>
      <c r="GK19" s="72">
        <v>21</v>
      </c>
      <c r="GL19" s="72">
        <v>27</v>
      </c>
      <c r="GM19" s="72">
        <v>13</v>
      </c>
      <c r="GN19" s="72">
        <v>10</v>
      </c>
      <c r="GO19" s="72">
        <v>8</v>
      </c>
      <c r="GP19" s="73">
        <v>79</v>
      </c>
      <c r="GQ19" s="74">
        <v>104</v>
      </c>
      <c r="GR19" s="127">
        <v>38</v>
      </c>
      <c r="GS19" s="83">
        <v>43</v>
      </c>
      <c r="GT19" s="84">
        <v>81</v>
      </c>
      <c r="GU19" s="271"/>
      <c r="GV19" s="83">
        <v>75</v>
      </c>
      <c r="GW19" s="83">
        <v>88</v>
      </c>
      <c r="GX19" s="83">
        <v>51</v>
      </c>
      <c r="GY19" s="83">
        <v>36</v>
      </c>
      <c r="GZ19" s="83">
        <v>24</v>
      </c>
      <c r="HA19" s="85">
        <v>274</v>
      </c>
      <c r="HB19" s="86">
        <v>355</v>
      </c>
      <c r="HC19" s="71">
        <v>0</v>
      </c>
      <c r="HD19" s="72">
        <v>2</v>
      </c>
      <c r="HE19" s="73">
        <v>2</v>
      </c>
      <c r="HF19" s="271"/>
      <c r="HG19" s="72">
        <v>1</v>
      </c>
      <c r="HH19" s="72">
        <v>4</v>
      </c>
      <c r="HI19" s="72">
        <v>1</v>
      </c>
      <c r="HJ19" s="72">
        <v>1</v>
      </c>
      <c r="HK19" s="72">
        <v>1</v>
      </c>
      <c r="HL19" s="73">
        <v>8</v>
      </c>
      <c r="HM19" s="74">
        <v>10</v>
      </c>
      <c r="HN19" s="71">
        <v>6</v>
      </c>
      <c r="HO19" s="72">
        <v>7</v>
      </c>
      <c r="HP19" s="73">
        <v>13</v>
      </c>
      <c r="HQ19" s="271"/>
      <c r="HR19" s="72">
        <v>11</v>
      </c>
      <c r="HS19" s="72">
        <v>13</v>
      </c>
      <c r="HT19" s="72">
        <v>7</v>
      </c>
      <c r="HU19" s="72">
        <v>6</v>
      </c>
      <c r="HV19" s="72">
        <v>1</v>
      </c>
      <c r="HW19" s="73">
        <v>38</v>
      </c>
      <c r="HX19" s="74">
        <v>51</v>
      </c>
      <c r="HY19" s="71">
        <v>11</v>
      </c>
      <c r="HZ19" s="72">
        <v>7</v>
      </c>
      <c r="IA19" s="73">
        <v>18</v>
      </c>
      <c r="IB19" s="271"/>
      <c r="IC19" s="72">
        <v>8</v>
      </c>
      <c r="ID19" s="72">
        <v>6</v>
      </c>
      <c r="IE19" s="72">
        <v>8</v>
      </c>
      <c r="IF19" s="72">
        <v>4</v>
      </c>
      <c r="IG19" s="72">
        <v>3</v>
      </c>
      <c r="IH19" s="73">
        <v>29</v>
      </c>
      <c r="II19" s="74">
        <v>47</v>
      </c>
      <c r="IJ19" s="71">
        <v>10</v>
      </c>
      <c r="IK19" s="72">
        <v>7</v>
      </c>
      <c r="IL19" s="73">
        <v>17</v>
      </c>
      <c r="IM19" s="271"/>
      <c r="IN19" s="72">
        <v>18</v>
      </c>
      <c r="IO19" s="72">
        <v>24</v>
      </c>
      <c r="IP19" s="72">
        <v>6</v>
      </c>
      <c r="IQ19" s="72">
        <v>4</v>
      </c>
      <c r="IR19" s="72">
        <v>7</v>
      </c>
      <c r="IS19" s="73">
        <v>59</v>
      </c>
      <c r="IT19" s="74">
        <v>76</v>
      </c>
      <c r="IU19" s="71">
        <v>7</v>
      </c>
      <c r="IV19" s="72">
        <v>15</v>
      </c>
      <c r="IW19" s="73">
        <v>22</v>
      </c>
      <c r="IX19" s="271"/>
      <c r="IY19" s="72">
        <v>13</v>
      </c>
      <c r="IZ19" s="72">
        <v>22</v>
      </c>
      <c r="JA19" s="72">
        <v>11</v>
      </c>
      <c r="JB19" s="72">
        <v>5</v>
      </c>
      <c r="JC19" s="72">
        <v>5</v>
      </c>
      <c r="JD19" s="73">
        <v>56</v>
      </c>
      <c r="JE19" s="74">
        <v>78</v>
      </c>
      <c r="JF19" s="71">
        <v>4</v>
      </c>
      <c r="JG19" s="72">
        <v>5</v>
      </c>
      <c r="JH19" s="73">
        <v>9</v>
      </c>
      <c r="JI19" s="271"/>
      <c r="JJ19" s="72">
        <v>24</v>
      </c>
      <c r="JK19" s="72">
        <v>19</v>
      </c>
      <c r="JL19" s="72">
        <v>18</v>
      </c>
      <c r="JM19" s="72">
        <v>16</v>
      </c>
      <c r="JN19" s="72">
        <v>7</v>
      </c>
      <c r="JO19" s="73">
        <v>84</v>
      </c>
      <c r="JP19" s="74">
        <v>93</v>
      </c>
      <c r="JQ19" s="71">
        <v>0</v>
      </c>
      <c r="JR19" s="72">
        <v>0</v>
      </c>
      <c r="JS19" s="73">
        <v>0</v>
      </c>
      <c r="JT19" s="271"/>
      <c r="JU19" s="72">
        <v>0</v>
      </c>
      <c r="JV19" s="72">
        <v>0</v>
      </c>
      <c r="JW19" s="72">
        <v>0</v>
      </c>
      <c r="JX19" s="72">
        <v>0</v>
      </c>
      <c r="JY19" s="72">
        <v>0</v>
      </c>
      <c r="JZ19" s="73">
        <v>0</v>
      </c>
      <c r="KA19" s="74">
        <v>0</v>
      </c>
      <c r="KB19" s="71">
        <v>38</v>
      </c>
      <c r="KC19" s="72">
        <v>43</v>
      </c>
      <c r="KD19" s="73">
        <v>81</v>
      </c>
      <c r="KE19" s="274"/>
      <c r="KF19" s="72">
        <v>75</v>
      </c>
      <c r="KG19" s="72">
        <v>88</v>
      </c>
      <c r="KH19" s="72">
        <v>51</v>
      </c>
      <c r="KI19" s="72">
        <v>36</v>
      </c>
      <c r="KJ19" s="72">
        <v>24</v>
      </c>
      <c r="KK19" s="73">
        <v>274</v>
      </c>
      <c r="KL19" s="74">
        <v>355</v>
      </c>
    </row>
    <row r="20" spans="1:298" ht="19.5" customHeight="1" x14ac:dyDescent="0.2">
      <c r="A20" s="130" t="s">
        <v>17</v>
      </c>
      <c r="B20" s="353">
        <v>39</v>
      </c>
      <c r="C20" s="83">
        <v>47</v>
      </c>
      <c r="D20" s="84">
        <v>86</v>
      </c>
      <c r="E20" s="271"/>
      <c r="F20" s="83">
        <v>63</v>
      </c>
      <c r="G20" s="83">
        <v>87</v>
      </c>
      <c r="H20" s="83">
        <v>55</v>
      </c>
      <c r="I20" s="83">
        <v>44</v>
      </c>
      <c r="J20" s="83">
        <v>15</v>
      </c>
      <c r="K20" s="85">
        <v>264</v>
      </c>
      <c r="L20" s="86">
        <v>350</v>
      </c>
      <c r="M20" s="71">
        <v>1</v>
      </c>
      <c r="N20" s="72">
        <v>2</v>
      </c>
      <c r="O20" s="73">
        <v>3</v>
      </c>
      <c r="P20" s="271"/>
      <c r="Q20" s="72">
        <v>5</v>
      </c>
      <c r="R20" s="72">
        <v>6</v>
      </c>
      <c r="S20" s="72">
        <v>4</v>
      </c>
      <c r="T20" s="72">
        <v>4</v>
      </c>
      <c r="U20" s="72">
        <v>0</v>
      </c>
      <c r="V20" s="73">
        <v>19</v>
      </c>
      <c r="W20" s="74">
        <v>22</v>
      </c>
      <c r="X20" s="71">
        <v>4</v>
      </c>
      <c r="Y20" s="72">
        <v>4</v>
      </c>
      <c r="Z20" s="73">
        <v>8</v>
      </c>
      <c r="AA20" s="271"/>
      <c r="AB20" s="72">
        <v>5</v>
      </c>
      <c r="AC20" s="72">
        <v>10</v>
      </c>
      <c r="AD20" s="72">
        <v>7</v>
      </c>
      <c r="AE20" s="72">
        <v>4</v>
      </c>
      <c r="AF20" s="72">
        <v>2</v>
      </c>
      <c r="AG20" s="73">
        <v>28</v>
      </c>
      <c r="AH20" s="74">
        <v>36</v>
      </c>
      <c r="AI20" s="71">
        <v>4</v>
      </c>
      <c r="AJ20" s="72">
        <v>3</v>
      </c>
      <c r="AK20" s="73">
        <v>7</v>
      </c>
      <c r="AL20" s="271"/>
      <c r="AM20" s="72">
        <v>11</v>
      </c>
      <c r="AN20" s="72">
        <v>14</v>
      </c>
      <c r="AO20" s="72">
        <v>8</v>
      </c>
      <c r="AP20" s="72">
        <v>7</v>
      </c>
      <c r="AQ20" s="72">
        <v>1</v>
      </c>
      <c r="AR20" s="73">
        <v>41</v>
      </c>
      <c r="AS20" s="74">
        <v>48</v>
      </c>
      <c r="AT20" s="71">
        <v>9</v>
      </c>
      <c r="AU20" s="72">
        <v>11</v>
      </c>
      <c r="AV20" s="73">
        <v>20</v>
      </c>
      <c r="AW20" s="271"/>
      <c r="AX20" s="72">
        <v>15</v>
      </c>
      <c r="AY20" s="72">
        <v>17</v>
      </c>
      <c r="AZ20" s="72">
        <v>15</v>
      </c>
      <c r="BA20" s="72">
        <v>14</v>
      </c>
      <c r="BB20" s="72">
        <v>3</v>
      </c>
      <c r="BC20" s="73">
        <v>64</v>
      </c>
      <c r="BD20" s="74">
        <v>84</v>
      </c>
      <c r="BE20" s="71">
        <v>10</v>
      </c>
      <c r="BF20" s="72">
        <v>14</v>
      </c>
      <c r="BG20" s="73">
        <v>24</v>
      </c>
      <c r="BH20" s="271"/>
      <c r="BI20" s="72">
        <v>14</v>
      </c>
      <c r="BJ20" s="72">
        <v>20</v>
      </c>
      <c r="BK20" s="72">
        <v>13</v>
      </c>
      <c r="BL20" s="72">
        <v>10</v>
      </c>
      <c r="BM20" s="72">
        <v>6</v>
      </c>
      <c r="BN20" s="73">
        <v>63</v>
      </c>
      <c r="BO20" s="74">
        <v>87</v>
      </c>
      <c r="BP20" s="71">
        <v>11</v>
      </c>
      <c r="BQ20" s="72">
        <v>13</v>
      </c>
      <c r="BR20" s="73">
        <v>24</v>
      </c>
      <c r="BS20" s="271"/>
      <c r="BT20" s="72">
        <v>13</v>
      </c>
      <c r="BU20" s="72">
        <v>20</v>
      </c>
      <c r="BV20" s="72">
        <v>8</v>
      </c>
      <c r="BW20" s="72">
        <v>5</v>
      </c>
      <c r="BX20" s="72">
        <v>3</v>
      </c>
      <c r="BY20" s="73">
        <v>49</v>
      </c>
      <c r="BZ20" s="74">
        <v>73</v>
      </c>
      <c r="CA20" s="71">
        <v>0</v>
      </c>
      <c r="CB20" s="72">
        <v>0</v>
      </c>
      <c r="CC20" s="73">
        <v>0</v>
      </c>
      <c r="CD20" s="271"/>
      <c r="CE20" s="72">
        <v>0</v>
      </c>
      <c r="CF20" s="72">
        <v>0</v>
      </c>
      <c r="CG20" s="72">
        <v>0</v>
      </c>
      <c r="CH20" s="72">
        <v>0</v>
      </c>
      <c r="CI20" s="72">
        <v>0</v>
      </c>
      <c r="CJ20" s="73">
        <v>0</v>
      </c>
      <c r="CK20" s="74">
        <v>0</v>
      </c>
      <c r="CL20" s="71">
        <v>39</v>
      </c>
      <c r="CM20" s="72">
        <v>47</v>
      </c>
      <c r="CN20" s="73">
        <v>86</v>
      </c>
      <c r="CO20" s="271"/>
      <c r="CP20" s="72">
        <v>63</v>
      </c>
      <c r="CQ20" s="72">
        <v>87</v>
      </c>
      <c r="CR20" s="72">
        <v>55</v>
      </c>
      <c r="CS20" s="72">
        <v>44</v>
      </c>
      <c r="CT20" s="72">
        <v>15</v>
      </c>
      <c r="CU20" s="73">
        <v>264</v>
      </c>
      <c r="CV20" s="74">
        <v>350</v>
      </c>
      <c r="CW20" s="127">
        <v>21</v>
      </c>
      <c r="CX20" s="83">
        <v>22</v>
      </c>
      <c r="CY20" s="84">
        <v>43</v>
      </c>
      <c r="CZ20" s="271"/>
      <c r="DA20" s="83">
        <v>33</v>
      </c>
      <c r="DB20" s="83">
        <v>32</v>
      </c>
      <c r="DC20" s="83">
        <v>30</v>
      </c>
      <c r="DD20" s="83">
        <v>26</v>
      </c>
      <c r="DE20" s="83">
        <v>17</v>
      </c>
      <c r="DF20" s="85">
        <v>138</v>
      </c>
      <c r="DG20" s="86">
        <v>181</v>
      </c>
      <c r="DH20" s="71">
        <v>1</v>
      </c>
      <c r="DI20" s="72">
        <v>0</v>
      </c>
      <c r="DJ20" s="73">
        <v>1</v>
      </c>
      <c r="DK20" s="271"/>
      <c r="DL20" s="72">
        <v>1</v>
      </c>
      <c r="DM20" s="72">
        <v>1</v>
      </c>
      <c r="DN20" s="72">
        <v>0</v>
      </c>
      <c r="DO20" s="72">
        <v>0</v>
      </c>
      <c r="DP20" s="72">
        <v>0</v>
      </c>
      <c r="DQ20" s="73">
        <v>2</v>
      </c>
      <c r="DR20" s="74">
        <v>3</v>
      </c>
      <c r="DS20" s="71">
        <v>2</v>
      </c>
      <c r="DT20" s="72">
        <v>2</v>
      </c>
      <c r="DU20" s="73">
        <v>4</v>
      </c>
      <c r="DV20" s="271"/>
      <c r="DW20" s="72">
        <v>1</v>
      </c>
      <c r="DX20" s="72">
        <v>2</v>
      </c>
      <c r="DY20" s="72">
        <v>3</v>
      </c>
      <c r="DZ20" s="72">
        <v>0</v>
      </c>
      <c r="EA20" s="72">
        <v>1</v>
      </c>
      <c r="EB20" s="73">
        <v>7</v>
      </c>
      <c r="EC20" s="74">
        <v>11</v>
      </c>
      <c r="ED20" s="71">
        <v>5</v>
      </c>
      <c r="EE20" s="72">
        <v>6</v>
      </c>
      <c r="EF20" s="73">
        <v>11</v>
      </c>
      <c r="EG20" s="271"/>
      <c r="EH20" s="72">
        <v>5</v>
      </c>
      <c r="EI20" s="72">
        <v>0</v>
      </c>
      <c r="EJ20" s="72">
        <v>3</v>
      </c>
      <c r="EK20" s="72">
        <v>2</v>
      </c>
      <c r="EL20" s="72">
        <v>0</v>
      </c>
      <c r="EM20" s="73">
        <v>10</v>
      </c>
      <c r="EN20" s="74">
        <v>21</v>
      </c>
      <c r="EO20" s="71">
        <v>3</v>
      </c>
      <c r="EP20" s="72">
        <v>8</v>
      </c>
      <c r="EQ20" s="73">
        <v>11</v>
      </c>
      <c r="ER20" s="271"/>
      <c r="ES20" s="72">
        <v>11</v>
      </c>
      <c r="ET20" s="72">
        <v>6</v>
      </c>
      <c r="EU20" s="72">
        <v>4</v>
      </c>
      <c r="EV20" s="72">
        <v>4</v>
      </c>
      <c r="EW20" s="72">
        <v>4</v>
      </c>
      <c r="EX20" s="73">
        <v>29</v>
      </c>
      <c r="EY20" s="74">
        <v>40</v>
      </c>
      <c r="EZ20" s="71">
        <v>8</v>
      </c>
      <c r="FA20" s="72">
        <v>4</v>
      </c>
      <c r="FB20" s="73">
        <v>12</v>
      </c>
      <c r="FC20" s="271"/>
      <c r="FD20" s="72">
        <v>7</v>
      </c>
      <c r="FE20" s="72">
        <v>6</v>
      </c>
      <c r="FF20" s="72">
        <v>10</v>
      </c>
      <c r="FG20" s="72">
        <v>6</v>
      </c>
      <c r="FH20" s="72">
        <v>3</v>
      </c>
      <c r="FI20" s="73">
        <v>32</v>
      </c>
      <c r="FJ20" s="74">
        <v>44</v>
      </c>
      <c r="FK20" s="71">
        <v>2</v>
      </c>
      <c r="FL20" s="72">
        <v>2</v>
      </c>
      <c r="FM20" s="73">
        <v>4</v>
      </c>
      <c r="FN20" s="271"/>
      <c r="FO20" s="72">
        <v>8</v>
      </c>
      <c r="FP20" s="72">
        <v>17</v>
      </c>
      <c r="FQ20" s="72">
        <v>10</v>
      </c>
      <c r="FR20" s="72">
        <v>14</v>
      </c>
      <c r="FS20" s="72">
        <v>9</v>
      </c>
      <c r="FT20" s="73">
        <v>58</v>
      </c>
      <c r="FU20" s="74">
        <v>62</v>
      </c>
      <c r="FV20" s="71">
        <v>0</v>
      </c>
      <c r="FW20" s="72">
        <v>0</v>
      </c>
      <c r="FX20" s="73">
        <v>0</v>
      </c>
      <c r="FY20" s="271"/>
      <c r="FZ20" s="72">
        <v>0</v>
      </c>
      <c r="GA20" s="72">
        <v>0</v>
      </c>
      <c r="GB20" s="72">
        <v>0</v>
      </c>
      <c r="GC20" s="72">
        <v>0</v>
      </c>
      <c r="GD20" s="72">
        <v>0</v>
      </c>
      <c r="GE20" s="73">
        <v>0</v>
      </c>
      <c r="GF20" s="74">
        <v>0</v>
      </c>
      <c r="GG20" s="71">
        <v>21</v>
      </c>
      <c r="GH20" s="72">
        <v>22</v>
      </c>
      <c r="GI20" s="73">
        <v>43</v>
      </c>
      <c r="GJ20" s="271"/>
      <c r="GK20" s="72">
        <v>33</v>
      </c>
      <c r="GL20" s="72">
        <v>32</v>
      </c>
      <c r="GM20" s="72">
        <v>30</v>
      </c>
      <c r="GN20" s="72">
        <v>26</v>
      </c>
      <c r="GO20" s="72">
        <v>17</v>
      </c>
      <c r="GP20" s="73">
        <v>138</v>
      </c>
      <c r="GQ20" s="74">
        <v>181</v>
      </c>
      <c r="GR20" s="127">
        <v>60</v>
      </c>
      <c r="GS20" s="83">
        <v>69</v>
      </c>
      <c r="GT20" s="84">
        <v>129</v>
      </c>
      <c r="GU20" s="271"/>
      <c r="GV20" s="83">
        <v>96</v>
      </c>
      <c r="GW20" s="83">
        <v>119</v>
      </c>
      <c r="GX20" s="83">
        <v>85</v>
      </c>
      <c r="GY20" s="83">
        <v>70</v>
      </c>
      <c r="GZ20" s="83">
        <v>32</v>
      </c>
      <c r="HA20" s="85">
        <v>402</v>
      </c>
      <c r="HB20" s="86">
        <v>531</v>
      </c>
      <c r="HC20" s="71">
        <v>2</v>
      </c>
      <c r="HD20" s="72">
        <v>2</v>
      </c>
      <c r="HE20" s="73">
        <v>4</v>
      </c>
      <c r="HF20" s="271"/>
      <c r="HG20" s="72">
        <v>6</v>
      </c>
      <c r="HH20" s="72">
        <v>7</v>
      </c>
      <c r="HI20" s="72">
        <v>4</v>
      </c>
      <c r="HJ20" s="72">
        <v>4</v>
      </c>
      <c r="HK20" s="72">
        <v>0</v>
      </c>
      <c r="HL20" s="73">
        <v>21</v>
      </c>
      <c r="HM20" s="74">
        <v>25</v>
      </c>
      <c r="HN20" s="71">
        <v>6</v>
      </c>
      <c r="HO20" s="72">
        <v>6</v>
      </c>
      <c r="HP20" s="73">
        <v>12</v>
      </c>
      <c r="HQ20" s="271"/>
      <c r="HR20" s="72">
        <v>6</v>
      </c>
      <c r="HS20" s="72">
        <v>12</v>
      </c>
      <c r="HT20" s="72">
        <v>10</v>
      </c>
      <c r="HU20" s="72">
        <v>4</v>
      </c>
      <c r="HV20" s="72">
        <v>3</v>
      </c>
      <c r="HW20" s="73">
        <v>35</v>
      </c>
      <c r="HX20" s="74">
        <v>47</v>
      </c>
      <c r="HY20" s="71">
        <v>9</v>
      </c>
      <c r="HZ20" s="72">
        <v>9</v>
      </c>
      <c r="IA20" s="73">
        <v>18</v>
      </c>
      <c r="IB20" s="271"/>
      <c r="IC20" s="72">
        <v>16</v>
      </c>
      <c r="ID20" s="72">
        <v>14</v>
      </c>
      <c r="IE20" s="72">
        <v>11</v>
      </c>
      <c r="IF20" s="72">
        <v>9</v>
      </c>
      <c r="IG20" s="72">
        <v>1</v>
      </c>
      <c r="IH20" s="73">
        <v>51</v>
      </c>
      <c r="II20" s="74">
        <v>69</v>
      </c>
      <c r="IJ20" s="71">
        <v>12</v>
      </c>
      <c r="IK20" s="72">
        <v>19</v>
      </c>
      <c r="IL20" s="73">
        <v>31</v>
      </c>
      <c r="IM20" s="271"/>
      <c r="IN20" s="72">
        <v>26</v>
      </c>
      <c r="IO20" s="72">
        <v>23</v>
      </c>
      <c r="IP20" s="72">
        <v>19</v>
      </c>
      <c r="IQ20" s="72">
        <v>18</v>
      </c>
      <c r="IR20" s="72">
        <v>7</v>
      </c>
      <c r="IS20" s="73">
        <v>93</v>
      </c>
      <c r="IT20" s="74">
        <v>124</v>
      </c>
      <c r="IU20" s="71">
        <v>18</v>
      </c>
      <c r="IV20" s="72">
        <v>18</v>
      </c>
      <c r="IW20" s="73">
        <v>36</v>
      </c>
      <c r="IX20" s="271"/>
      <c r="IY20" s="72">
        <v>21</v>
      </c>
      <c r="IZ20" s="72">
        <v>26</v>
      </c>
      <c r="JA20" s="72">
        <v>23</v>
      </c>
      <c r="JB20" s="72">
        <v>16</v>
      </c>
      <c r="JC20" s="72">
        <v>9</v>
      </c>
      <c r="JD20" s="73">
        <v>95</v>
      </c>
      <c r="JE20" s="74">
        <v>131</v>
      </c>
      <c r="JF20" s="71">
        <v>13</v>
      </c>
      <c r="JG20" s="72">
        <v>15</v>
      </c>
      <c r="JH20" s="73">
        <v>28</v>
      </c>
      <c r="JI20" s="271"/>
      <c r="JJ20" s="72">
        <v>21</v>
      </c>
      <c r="JK20" s="72">
        <v>37</v>
      </c>
      <c r="JL20" s="72">
        <v>18</v>
      </c>
      <c r="JM20" s="72">
        <v>19</v>
      </c>
      <c r="JN20" s="72">
        <v>12</v>
      </c>
      <c r="JO20" s="73">
        <v>107</v>
      </c>
      <c r="JP20" s="74">
        <v>135</v>
      </c>
      <c r="JQ20" s="71">
        <v>0</v>
      </c>
      <c r="JR20" s="72">
        <v>0</v>
      </c>
      <c r="JS20" s="73">
        <v>0</v>
      </c>
      <c r="JT20" s="271"/>
      <c r="JU20" s="72">
        <v>0</v>
      </c>
      <c r="JV20" s="72">
        <v>0</v>
      </c>
      <c r="JW20" s="72">
        <v>0</v>
      </c>
      <c r="JX20" s="72">
        <v>0</v>
      </c>
      <c r="JY20" s="72">
        <v>0</v>
      </c>
      <c r="JZ20" s="73">
        <v>0</v>
      </c>
      <c r="KA20" s="74">
        <v>0</v>
      </c>
      <c r="KB20" s="71">
        <v>60</v>
      </c>
      <c r="KC20" s="72">
        <v>69</v>
      </c>
      <c r="KD20" s="73">
        <v>129</v>
      </c>
      <c r="KE20" s="274"/>
      <c r="KF20" s="72">
        <v>96</v>
      </c>
      <c r="KG20" s="72">
        <v>119</v>
      </c>
      <c r="KH20" s="72">
        <v>85</v>
      </c>
      <c r="KI20" s="72">
        <v>70</v>
      </c>
      <c r="KJ20" s="72">
        <v>32</v>
      </c>
      <c r="KK20" s="73">
        <v>402</v>
      </c>
      <c r="KL20" s="74">
        <v>531</v>
      </c>
    </row>
    <row r="21" spans="1:298" ht="19.5" customHeight="1" x14ac:dyDescent="0.2">
      <c r="A21" s="130" t="s">
        <v>18</v>
      </c>
      <c r="B21" s="353">
        <v>52</v>
      </c>
      <c r="C21" s="83">
        <v>47</v>
      </c>
      <c r="D21" s="84">
        <v>99</v>
      </c>
      <c r="E21" s="271"/>
      <c r="F21" s="83">
        <v>105</v>
      </c>
      <c r="G21" s="83">
        <v>97</v>
      </c>
      <c r="H21" s="83">
        <v>40</v>
      </c>
      <c r="I21" s="83">
        <v>51</v>
      </c>
      <c r="J21" s="83">
        <v>26</v>
      </c>
      <c r="K21" s="85">
        <v>319</v>
      </c>
      <c r="L21" s="86">
        <v>418</v>
      </c>
      <c r="M21" s="71">
        <v>2</v>
      </c>
      <c r="N21" s="72">
        <v>2</v>
      </c>
      <c r="O21" s="73">
        <v>4</v>
      </c>
      <c r="P21" s="271"/>
      <c r="Q21" s="72">
        <v>4</v>
      </c>
      <c r="R21" s="72">
        <v>4</v>
      </c>
      <c r="S21" s="72">
        <v>5</v>
      </c>
      <c r="T21" s="72">
        <v>2</v>
      </c>
      <c r="U21" s="72">
        <v>1</v>
      </c>
      <c r="V21" s="73">
        <v>16</v>
      </c>
      <c r="W21" s="74">
        <v>20</v>
      </c>
      <c r="X21" s="71">
        <v>6</v>
      </c>
      <c r="Y21" s="72">
        <v>5</v>
      </c>
      <c r="Z21" s="73">
        <v>11</v>
      </c>
      <c r="AA21" s="271"/>
      <c r="AB21" s="72">
        <v>8</v>
      </c>
      <c r="AC21" s="72">
        <v>19</v>
      </c>
      <c r="AD21" s="72">
        <v>5</v>
      </c>
      <c r="AE21" s="72">
        <v>6</v>
      </c>
      <c r="AF21" s="72">
        <v>2</v>
      </c>
      <c r="AG21" s="73">
        <v>40</v>
      </c>
      <c r="AH21" s="74">
        <v>51</v>
      </c>
      <c r="AI21" s="71">
        <v>6</v>
      </c>
      <c r="AJ21" s="72">
        <v>2</v>
      </c>
      <c r="AK21" s="73">
        <v>8</v>
      </c>
      <c r="AL21" s="271"/>
      <c r="AM21" s="72">
        <v>17</v>
      </c>
      <c r="AN21" s="72">
        <v>11</v>
      </c>
      <c r="AO21" s="72">
        <v>7</v>
      </c>
      <c r="AP21" s="72">
        <v>7</v>
      </c>
      <c r="AQ21" s="72">
        <v>4</v>
      </c>
      <c r="AR21" s="73">
        <v>46</v>
      </c>
      <c r="AS21" s="74">
        <v>54</v>
      </c>
      <c r="AT21" s="71">
        <v>12</v>
      </c>
      <c r="AU21" s="72">
        <v>10</v>
      </c>
      <c r="AV21" s="73">
        <v>22</v>
      </c>
      <c r="AW21" s="271"/>
      <c r="AX21" s="72">
        <v>25</v>
      </c>
      <c r="AY21" s="72">
        <v>24</v>
      </c>
      <c r="AZ21" s="72">
        <v>7</v>
      </c>
      <c r="BA21" s="72">
        <v>13</v>
      </c>
      <c r="BB21" s="72">
        <v>5</v>
      </c>
      <c r="BC21" s="73">
        <v>74</v>
      </c>
      <c r="BD21" s="74">
        <v>96</v>
      </c>
      <c r="BE21" s="71">
        <v>12</v>
      </c>
      <c r="BF21" s="72">
        <v>13</v>
      </c>
      <c r="BG21" s="73">
        <v>25</v>
      </c>
      <c r="BH21" s="271"/>
      <c r="BI21" s="72">
        <v>27</v>
      </c>
      <c r="BJ21" s="72">
        <v>15</v>
      </c>
      <c r="BK21" s="72">
        <v>7</v>
      </c>
      <c r="BL21" s="72">
        <v>9</v>
      </c>
      <c r="BM21" s="72">
        <v>9</v>
      </c>
      <c r="BN21" s="73">
        <v>67</v>
      </c>
      <c r="BO21" s="74">
        <v>92</v>
      </c>
      <c r="BP21" s="71">
        <v>14</v>
      </c>
      <c r="BQ21" s="72">
        <v>15</v>
      </c>
      <c r="BR21" s="73">
        <v>29</v>
      </c>
      <c r="BS21" s="271"/>
      <c r="BT21" s="72">
        <v>24</v>
      </c>
      <c r="BU21" s="72">
        <v>24</v>
      </c>
      <c r="BV21" s="72">
        <v>9</v>
      </c>
      <c r="BW21" s="72">
        <v>14</v>
      </c>
      <c r="BX21" s="72">
        <v>5</v>
      </c>
      <c r="BY21" s="73">
        <v>76</v>
      </c>
      <c r="BZ21" s="74">
        <v>105</v>
      </c>
      <c r="CA21" s="71">
        <v>0</v>
      </c>
      <c r="CB21" s="72">
        <v>0</v>
      </c>
      <c r="CC21" s="73">
        <v>0</v>
      </c>
      <c r="CD21" s="271"/>
      <c r="CE21" s="72">
        <v>0</v>
      </c>
      <c r="CF21" s="72">
        <v>0</v>
      </c>
      <c r="CG21" s="72">
        <v>0</v>
      </c>
      <c r="CH21" s="72">
        <v>0</v>
      </c>
      <c r="CI21" s="72">
        <v>0</v>
      </c>
      <c r="CJ21" s="73">
        <v>0</v>
      </c>
      <c r="CK21" s="74">
        <v>0</v>
      </c>
      <c r="CL21" s="71">
        <v>52</v>
      </c>
      <c r="CM21" s="72">
        <v>47</v>
      </c>
      <c r="CN21" s="73">
        <v>99</v>
      </c>
      <c r="CO21" s="271"/>
      <c r="CP21" s="72">
        <v>105</v>
      </c>
      <c r="CQ21" s="72">
        <v>97</v>
      </c>
      <c r="CR21" s="72">
        <v>40</v>
      </c>
      <c r="CS21" s="72">
        <v>51</v>
      </c>
      <c r="CT21" s="72">
        <v>26</v>
      </c>
      <c r="CU21" s="73">
        <v>319</v>
      </c>
      <c r="CV21" s="74">
        <v>418</v>
      </c>
      <c r="CW21" s="127">
        <v>24</v>
      </c>
      <c r="CX21" s="83">
        <v>30</v>
      </c>
      <c r="CY21" s="84">
        <v>54</v>
      </c>
      <c r="CZ21" s="271"/>
      <c r="DA21" s="83">
        <v>34</v>
      </c>
      <c r="DB21" s="83">
        <v>50</v>
      </c>
      <c r="DC21" s="83">
        <v>32</v>
      </c>
      <c r="DD21" s="83">
        <v>25</v>
      </c>
      <c r="DE21" s="83">
        <v>21</v>
      </c>
      <c r="DF21" s="85">
        <v>162</v>
      </c>
      <c r="DG21" s="86">
        <v>216</v>
      </c>
      <c r="DH21" s="71">
        <v>0</v>
      </c>
      <c r="DI21" s="72">
        <v>2</v>
      </c>
      <c r="DJ21" s="73">
        <v>2</v>
      </c>
      <c r="DK21" s="271"/>
      <c r="DL21" s="72">
        <v>1</v>
      </c>
      <c r="DM21" s="72">
        <v>0</v>
      </c>
      <c r="DN21" s="72">
        <v>1</v>
      </c>
      <c r="DO21" s="72">
        <v>0</v>
      </c>
      <c r="DP21" s="72">
        <v>0</v>
      </c>
      <c r="DQ21" s="73">
        <v>2</v>
      </c>
      <c r="DR21" s="74">
        <v>4</v>
      </c>
      <c r="DS21" s="71">
        <v>6</v>
      </c>
      <c r="DT21" s="72">
        <v>4</v>
      </c>
      <c r="DU21" s="73">
        <v>10</v>
      </c>
      <c r="DV21" s="271"/>
      <c r="DW21" s="72">
        <v>3</v>
      </c>
      <c r="DX21" s="72">
        <v>2</v>
      </c>
      <c r="DY21" s="72">
        <v>2</v>
      </c>
      <c r="DZ21" s="72">
        <v>0</v>
      </c>
      <c r="EA21" s="72">
        <v>0</v>
      </c>
      <c r="EB21" s="73">
        <v>7</v>
      </c>
      <c r="EC21" s="74">
        <v>17</v>
      </c>
      <c r="ED21" s="71">
        <v>6</v>
      </c>
      <c r="EE21" s="72">
        <v>5</v>
      </c>
      <c r="EF21" s="73">
        <v>11</v>
      </c>
      <c r="EG21" s="271"/>
      <c r="EH21" s="72">
        <v>3</v>
      </c>
      <c r="EI21" s="72">
        <v>3</v>
      </c>
      <c r="EJ21" s="72">
        <v>2</v>
      </c>
      <c r="EK21" s="72">
        <v>1</v>
      </c>
      <c r="EL21" s="72">
        <v>1</v>
      </c>
      <c r="EM21" s="73">
        <v>10</v>
      </c>
      <c r="EN21" s="74">
        <v>21</v>
      </c>
      <c r="EO21" s="71">
        <v>7</v>
      </c>
      <c r="EP21" s="72">
        <v>6</v>
      </c>
      <c r="EQ21" s="73">
        <v>13</v>
      </c>
      <c r="ER21" s="271"/>
      <c r="ES21" s="72">
        <v>8</v>
      </c>
      <c r="ET21" s="72">
        <v>8</v>
      </c>
      <c r="EU21" s="72">
        <v>5</v>
      </c>
      <c r="EV21" s="72">
        <v>6</v>
      </c>
      <c r="EW21" s="72">
        <v>5</v>
      </c>
      <c r="EX21" s="73">
        <v>32</v>
      </c>
      <c r="EY21" s="74">
        <v>45</v>
      </c>
      <c r="EZ21" s="71">
        <v>4</v>
      </c>
      <c r="FA21" s="72">
        <v>8</v>
      </c>
      <c r="FB21" s="73">
        <v>12</v>
      </c>
      <c r="FC21" s="271"/>
      <c r="FD21" s="72">
        <v>12</v>
      </c>
      <c r="FE21" s="72">
        <v>20</v>
      </c>
      <c r="FF21" s="72">
        <v>4</v>
      </c>
      <c r="FG21" s="72">
        <v>8</v>
      </c>
      <c r="FH21" s="72">
        <v>4</v>
      </c>
      <c r="FI21" s="73">
        <v>48</v>
      </c>
      <c r="FJ21" s="74">
        <v>60</v>
      </c>
      <c r="FK21" s="71">
        <v>1</v>
      </c>
      <c r="FL21" s="72">
        <v>5</v>
      </c>
      <c r="FM21" s="73">
        <v>6</v>
      </c>
      <c r="FN21" s="271"/>
      <c r="FO21" s="72">
        <v>7</v>
      </c>
      <c r="FP21" s="72">
        <v>17</v>
      </c>
      <c r="FQ21" s="72">
        <v>18</v>
      </c>
      <c r="FR21" s="72">
        <v>10</v>
      </c>
      <c r="FS21" s="72">
        <v>11</v>
      </c>
      <c r="FT21" s="73">
        <v>63</v>
      </c>
      <c r="FU21" s="74">
        <v>69</v>
      </c>
      <c r="FV21" s="71">
        <v>0</v>
      </c>
      <c r="FW21" s="72">
        <v>0</v>
      </c>
      <c r="FX21" s="73">
        <v>0</v>
      </c>
      <c r="FY21" s="271"/>
      <c r="FZ21" s="72">
        <v>0</v>
      </c>
      <c r="GA21" s="72">
        <v>0</v>
      </c>
      <c r="GB21" s="72">
        <v>0</v>
      </c>
      <c r="GC21" s="72">
        <v>0</v>
      </c>
      <c r="GD21" s="72">
        <v>0</v>
      </c>
      <c r="GE21" s="73">
        <v>0</v>
      </c>
      <c r="GF21" s="74">
        <v>0</v>
      </c>
      <c r="GG21" s="71">
        <v>24</v>
      </c>
      <c r="GH21" s="72">
        <v>30</v>
      </c>
      <c r="GI21" s="73">
        <v>54</v>
      </c>
      <c r="GJ21" s="271"/>
      <c r="GK21" s="72">
        <v>34</v>
      </c>
      <c r="GL21" s="72">
        <v>50</v>
      </c>
      <c r="GM21" s="72">
        <v>32</v>
      </c>
      <c r="GN21" s="72">
        <v>25</v>
      </c>
      <c r="GO21" s="72">
        <v>21</v>
      </c>
      <c r="GP21" s="73">
        <v>162</v>
      </c>
      <c r="GQ21" s="74">
        <v>216</v>
      </c>
      <c r="GR21" s="127">
        <v>76</v>
      </c>
      <c r="GS21" s="83">
        <v>77</v>
      </c>
      <c r="GT21" s="84">
        <v>153</v>
      </c>
      <c r="GU21" s="271"/>
      <c r="GV21" s="83">
        <v>139</v>
      </c>
      <c r="GW21" s="83">
        <v>147</v>
      </c>
      <c r="GX21" s="83">
        <v>72</v>
      </c>
      <c r="GY21" s="83">
        <v>76</v>
      </c>
      <c r="GZ21" s="83">
        <v>47</v>
      </c>
      <c r="HA21" s="85">
        <v>481</v>
      </c>
      <c r="HB21" s="86">
        <v>634</v>
      </c>
      <c r="HC21" s="71">
        <v>2</v>
      </c>
      <c r="HD21" s="72">
        <v>4</v>
      </c>
      <c r="HE21" s="73">
        <v>6</v>
      </c>
      <c r="HF21" s="271"/>
      <c r="HG21" s="72">
        <v>5</v>
      </c>
      <c r="HH21" s="72">
        <v>4</v>
      </c>
      <c r="HI21" s="72">
        <v>6</v>
      </c>
      <c r="HJ21" s="72">
        <v>2</v>
      </c>
      <c r="HK21" s="72">
        <v>1</v>
      </c>
      <c r="HL21" s="73">
        <v>18</v>
      </c>
      <c r="HM21" s="74">
        <v>24</v>
      </c>
      <c r="HN21" s="71">
        <v>12</v>
      </c>
      <c r="HO21" s="72">
        <v>9</v>
      </c>
      <c r="HP21" s="73">
        <v>21</v>
      </c>
      <c r="HQ21" s="271"/>
      <c r="HR21" s="72">
        <v>11</v>
      </c>
      <c r="HS21" s="72">
        <v>21</v>
      </c>
      <c r="HT21" s="72">
        <v>7</v>
      </c>
      <c r="HU21" s="72">
        <v>6</v>
      </c>
      <c r="HV21" s="72">
        <v>2</v>
      </c>
      <c r="HW21" s="73">
        <v>47</v>
      </c>
      <c r="HX21" s="74">
        <v>68</v>
      </c>
      <c r="HY21" s="71">
        <v>12</v>
      </c>
      <c r="HZ21" s="72">
        <v>7</v>
      </c>
      <c r="IA21" s="73">
        <v>19</v>
      </c>
      <c r="IB21" s="271"/>
      <c r="IC21" s="72">
        <v>20</v>
      </c>
      <c r="ID21" s="72">
        <v>14</v>
      </c>
      <c r="IE21" s="72">
        <v>9</v>
      </c>
      <c r="IF21" s="72">
        <v>8</v>
      </c>
      <c r="IG21" s="72">
        <v>5</v>
      </c>
      <c r="IH21" s="73">
        <v>56</v>
      </c>
      <c r="II21" s="74">
        <v>75</v>
      </c>
      <c r="IJ21" s="71">
        <v>19</v>
      </c>
      <c r="IK21" s="72">
        <v>16</v>
      </c>
      <c r="IL21" s="73">
        <v>35</v>
      </c>
      <c r="IM21" s="271"/>
      <c r="IN21" s="72">
        <v>33</v>
      </c>
      <c r="IO21" s="72">
        <v>32</v>
      </c>
      <c r="IP21" s="72">
        <v>12</v>
      </c>
      <c r="IQ21" s="72">
        <v>19</v>
      </c>
      <c r="IR21" s="72">
        <v>10</v>
      </c>
      <c r="IS21" s="73">
        <v>106</v>
      </c>
      <c r="IT21" s="74">
        <v>141</v>
      </c>
      <c r="IU21" s="71">
        <v>16</v>
      </c>
      <c r="IV21" s="72">
        <v>21</v>
      </c>
      <c r="IW21" s="73">
        <v>37</v>
      </c>
      <c r="IX21" s="271"/>
      <c r="IY21" s="72">
        <v>39</v>
      </c>
      <c r="IZ21" s="72">
        <v>35</v>
      </c>
      <c r="JA21" s="72">
        <v>11</v>
      </c>
      <c r="JB21" s="72">
        <v>17</v>
      </c>
      <c r="JC21" s="72">
        <v>13</v>
      </c>
      <c r="JD21" s="73">
        <v>115</v>
      </c>
      <c r="JE21" s="74">
        <v>152</v>
      </c>
      <c r="JF21" s="71">
        <v>15</v>
      </c>
      <c r="JG21" s="72">
        <v>20</v>
      </c>
      <c r="JH21" s="73">
        <v>35</v>
      </c>
      <c r="JI21" s="271"/>
      <c r="JJ21" s="72">
        <v>31</v>
      </c>
      <c r="JK21" s="72">
        <v>41</v>
      </c>
      <c r="JL21" s="72">
        <v>27</v>
      </c>
      <c r="JM21" s="72">
        <v>24</v>
      </c>
      <c r="JN21" s="72">
        <v>16</v>
      </c>
      <c r="JO21" s="73">
        <v>139</v>
      </c>
      <c r="JP21" s="74">
        <v>174</v>
      </c>
      <c r="JQ21" s="71">
        <v>0</v>
      </c>
      <c r="JR21" s="72">
        <v>0</v>
      </c>
      <c r="JS21" s="73">
        <v>0</v>
      </c>
      <c r="JT21" s="271"/>
      <c r="JU21" s="72">
        <v>0</v>
      </c>
      <c r="JV21" s="72">
        <v>0</v>
      </c>
      <c r="JW21" s="72">
        <v>0</v>
      </c>
      <c r="JX21" s="72">
        <v>0</v>
      </c>
      <c r="JY21" s="72">
        <v>0</v>
      </c>
      <c r="JZ21" s="73">
        <v>0</v>
      </c>
      <c r="KA21" s="74">
        <v>0</v>
      </c>
      <c r="KB21" s="71">
        <v>76</v>
      </c>
      <c r="KC21" s="72">
        <v>77</v>
      </c>
      <c r="KD21" s="73">
        <v>153</v>
      </c>
      <c r="KE21" s="274"/>
      <c r="KF21" s="72">
        <v>139</v>
      </c>
      <c r="KG21" s="72">
        <v>147</v>
      </c>
      <c r="KH21" s="72">
        <v>72</v>
      </c>
      <c r="KI21" s="72">
        <v>76</v>
      </c>
      <c r="KJ21" s="72">
        <v>47</v>
      </c>
      <c r="KK21" s="73">
        <v>481</v>
      </c>
      <c r="KL21" s="74">
        <v>634</v>
      </c>
    </row>
    <row r="22" spans="1:298" ht="19.5" customHeight="1" x14ac:dyDescent="0.2">
      <c r="A22" s="130" t="s">
        <v>19</v>
      </c>
      <c r="B22" s="353">
        <v>21</v>
      </c>
      <c r="C22" s="83">
        <v>26</v>
      </c>
      <c r="D22" s="84">
        <v>47</v>
      </c>
      <c r="E22" s="271"/>
      <c r="F22" s="83">
        <v>42</v>
      </c>
      <c r="G22" s="83">
        <v>34</v>
      </c>
      <c r="H22" s="83">
        <v>29</v>
      </c>
      <c r="I22" s="83">
        <v>13</v>
      </c>
      <c r="J22" s="83">
        <v>15</v>
      </c>
      <c r="K22" s="85">
        <v>133</v>
      </c>
      <c r="L22" s="86">
        <v>180</v>
      </c>
      <c r="M22" s="87">
        <v>1</v>
      </c>
      <c r="N22" s="72">
        <v>0</v>
      </c>
      <c r="O22" s="73">
        <v>1</v>
      </c>
      <c r="P22" s="271"/>
      <c r="Q22" s="72">
        <v>1</v>
      </c>
      <c r="R22" s="72">
        <v>1</v>
      </c>
      <c r="S22" s="72">
        <v>0</v>
      </c>
      <c r="T22" s="72">
        <v>0</v>
      </c>
      <c r="U22" s="72">
        <v>2</v>
      </c>
      <c r="V22" s="73">
        <v>4</v>
      </c>
      <c r="W22" s="74">
        <v>5</v>
      </c>
      <c r="X22" s="71">
        <v>1</v>
      </c>
      <c r="Y22" s="72">
        <v>0</v>
      </c>
      <c r="Z22" s="73">
        <v>1</v>
      </c>
      <c r="AA22" s="271"/>
      <c r="AB22" s="72">
        <v>5</v>
      </c>
      <c r="AC22" s="72">
        <v>7</v>
      </c>
      <c r="AD22" s="72">
        <v>4</v>
      </c>
      <c r="AE22" s="72">
        <v>3</v>
      </c>
      <c r="AF22" s="72">
        <v>1</v>
      </c>
      <c r="AG22" s="73">
        <v>20</v>
      </c>
      <c r="AH22" s="74">
        <v>21</v>
      </c>
      <c r="AI22" s="87">
        <v>3</v>
      </c>
      <c r="AJ22" s="72">
        <v>1</v>
      </c>
      <c r="AK22" s="73">
        <v>4</v>
      </c>
      <c r="AL22" s="271"/>
      <c r="AM22" s="72">
        <v>5</v>
      </c>
      <c r="AN22" s="72">
        <v>2</v>
      </c>
      <c r="AO22" s="72">
        <v>1</v>
      </c>
      <c r="AP22" s="72">
        <v>2</v>
      </c>
      <c r="AQ22" s="72">
        <v>1</v>
      </c>
      <c r="AR22" s="73">
        <v>11</v>
      </c>
      <c r="AS22" s="74">
        <v>15</v>
      </c>
      <c r="AT22" s="71">
        <v>6</v>
      </c>
      <c r="AU22" s="72">
        <v>7</v>
      </c>
      <c r="AV22" s="73">
        <v>13</v>
      </c>
      <c r="AW22" s="271"/>
      <c r="AX22" s="72">
        <v>8</v>
      </c>
      <c r="AY22" s="72">
        <v>4</v>
      </c>
      <c r="AZ22" s="72">
        <v>5</v>
      </c>
      <c r="BA22" s="72">
        <v>3</v>
      </c>
      <c r="BB22" s="72">
        <v>1</v>
      </c>
      <c r="BC22" s="73">
        <v>21</v>
      </c>
      <c r="BD22" s="74">
        <v>34</v>
      </c>
      <c r="BE22" s="87">
        <v>10</v>
      </c>
      <c r="BF22" s="72">
        <v>7</v>
      </c>
      <c r="BG22" s="73">
        <v>17</v>
      </c>
      <c r="BH22" s="271"/>
      <c r="BI22" s="72">
        <v>11</v>
      </c>
      <c r="BJ22" s="72">
        <v>7</v>
      </c>
      <c r="BK22" s="72">
        <v>7</v>
      </c>
      <c r="BL22" s="72">
        <v>3</v>
      </c>
      <c r="BM22" s="72">
        <v>4</v>
      </c>
      <c r="BN22" s="73">
        <v>32</v>
      </c>
      <c r="BO22" s="74">
        <v>49</v>
      </c>
      <c r="BP22" s="71">
        <v>0</v>
      </c>
      <c r="BQ22" s="72">
        <v>11</v>
      </c>
      <c r="BR22" s="73">
        <v>11</v>
      </c>
      <c r="BS22" s="271"/>
      <c r="BT22" s="72">
        <v>12</v>
      </c>
      <c r="BU22" s="72">
        <v>13</v>
      </c>
      <c r="BV22" s="72">
        <v>12</v>
      </c>
      <c r="BW22" s="72">
        <v>2</v>
      </c>
      <c r="BX22" s="72">
        <v>6</v>
      </c>
      <c r="BY22" s="73">
        <v>45</v>
      </c>
      <c r="BZ22" s="74">
        <v>56</v>
      </c>
      <c r="CA22" s="71">
        <v>0</v>
      </c>
      <c r="CB22" s="72">
        <v>0</v>
      </c>
      <c r="CC22" s="73">
        <v>0</v>
      </c>
      <c r="CD22" s="271"/>
      <c r="CE22" s="72">
        <v>0</v>
      </c>
      <c r="CF22" s="72">
        <v>0</v>
      </c>
      <c r="CG22" s="72">
        <v>0</v>
      </c>
      <c r="CH22" s="72">
        <v>0</v>
      </c>
      <c r="CI22" s="72">
        <v>0</v>
      </c>
      <c r="CJ22" s="73">
        <v>0</v>
      </c>
      <c r="CK22" s="74">
        <v>0</v>
      </c>
      <c r="CL22" s="71">
        <v>21</v>
      </c>
      <c r="CM22" s="72">
        <v>26</v>
      </c>
      <c r="CN22" s="73">
        <v>47</v>
      </c>
      <c r="CO22" s="271"/>
      <c r="CP22" s="72">
        <v>42</v>
      </c>
      <c r="CQ22" s="72">
        <v>34</v>
      </c>
      <c r="CR22" s="72">
        <v>29</v>
      </c>
      <c r="CS22" s="72">
        <v>13</v>
      </c>
      <c r="CT22" s="72">
        <v>15</v>
      </c>
      <c r="CU22" s="73">
        <v>133</v>
      </c>
      <c r="CV22" s="74">
        <v>180</v>
      </c>
      <c r="CW22" s="127">
        <v>6</v>
      </c>
      <c r="CX22" s="83">
        <v>12</v>
      </c>
      <c r="CY22" s="84">
        <v>18</v>
      </c>
      <c r="CZ22" s="271"/>
      <c r="DA22" s="83">
        <v>19</v>
      </c>
      <c r="DB22" s="83">
        <v>9</v>
      </c>
      <c r="DC22" s="83">
        <v>8</v>
      </c>
      <c r="DD22" s="83">
        <v>8</v>
      </c>
      <c r="DE22" s="83">
        <v>2</v>
      </c>
      <c r="DF22" s="85">
        <v>46</v>
      </c>
      <c r="DG22" s="86">
        <v>64</v>
      </c>
      <c r="DH22" s="87">
        <v>0</v>
      </c>
      <c r="DI22" s="72">
        <v>1</v>
      </c>
      <c r="DJ22" s="73">
        <v>1</v>
      </c>
      <c r="DK22" s="271"/>
      <c r="DL22" s="72">
        <v>1</v>
      </c>
      <c r="DM22" s="72">
        <v>1</v>
      </c>
      <c r="DN22" s="72">
        <v>1</v>
      </c>
      <c r="DO22" s="72">
        <v>0</v>
      </c>
      <c r="DP22" s="72">
        <v>0</v>
      </c>
      <c r="DQ22" s="73">
        <v>3</v>
      </c>
      <c r="DR22" s="74">
        <v>4</v>
      </c>
      <c r="DS22" s="71">
        <v>0</v>
      </c>
      <c r="DT22" s="72">
        <v>0</v>
      </c>
      <c r="DU22" s="73">
        <v>0</v>
      </c>
      <c r="DV22" s="271"/>
      <c r="DW22" s="72">
        <v>3</v>
      </c>
      <c r="DX22" s="72">
        <v>1</v>
      </c>
      <c r="DY22" s="72">
        <v>0</v>
      </c>
      <c r="DZ22" s="72">
        <v>0</v>
      </c>
      <c r="EA22" s="72">
        <v>0</v>
      </c>
      <c r="EB22" s="73">
        <v>4</v>
      </c>
      <c r="EC22" s="74">
        <v>4</v>
      </c>
      <c r="ED22" s="87">
        <v>2</v>
      </c>
      <c r="EE22" s="72">
        <v>1</v>
      </c>
      <c r="EF22" s="73">
        <v>3</v>
      </c>
      <c r="EG22" s="271"/>
      <c r="EH22" s="72">
        <v>2</v>
      </c>
      <c r="EI22" s="72">
        <v>1</v>
      </c>
      <c r="EJ22" s="72">
        <v>0</v>
      </c>
      <c r="EK22" s="72">
        <v>0</v>
      </c>
      <c r="EL22" s="72">
        <v>1</v>
      </c>
      <c r="EM22" s="73">
        <v>4</v>
      </c>
      <c r="EN22" s="74">
        <v>7</v>
      </c>
      <c r="EO22" s="71">
        <v>1</v>
      </c>
      <c r="EP22" s="72">
        <v>2</v>
      </c>
      <c r="EQ22" s="73">
        <v>3</v>
      </c>
      <c r="ER22" s="271"/>
      <c r="ES22" s="72">
        <v>4</v>
      </c>
      <c r="ET22" s="72">
        <v>2</v>
      </c>
      <c r="EU22" s="72">
        <v>0</v>
      </c>
      <c r="EV22" s="72">
        <v>1</v>
      </c>
      <c r="EW22" s="72">
        <v>0</v>
      </c>
      <c r="EX22" s="73">
        <v>7</v>
      </c>
      <c r="EY22" s="74">
        <v>10</v>
      </c>
      <c r="EZ22" s="87">
        <v>1</v>
      </c>
      <c r="FA22" s="72">
        <v>2</v>
      </c>
      <c r="FB22" s="73">
        <v>3</v>
      </c>
      <c r="FC22" s="271"/>
      <c r="FD22" s="72">
        <v>5</v>
      </c>
      <c r="FE22" s="72">
        <v>3</v>
      </c>
      <c r="FF22" s="72">
        <v>4</v>
      </c>
      <c r="FG22" s="72">
        <v>4</v>
      </c>
      <c r="FH22" s="72">
        <v>0</v>
      </c>
      <c r="FI22" s="73">
        <v>16</v>
      </c>
      <c r="FJ22" s="74">
        <v>19</v>
      </c>
      <c r="FK22" s="71">
        <v>2</v>
      </c>
      <c r="FL22" s="72">
        <v>6</v>
      </c>
      <c r="FM22" s="73">
        <v>8</v>
      </c>
      <c r="FN22" s="271"/>
      <c r="FO22" s="72">
        <v>4</v>
      </c>
      <c r="FP22" s="72">
        <v>1</v>
      </c>
      <c r="FQ22" s="72">
        <v>3</v>
      </c>
      <c r="FR22" s="72">
        <v>3</v>
      </c>
      <c r="FS22" s="72">
        <v>1</v>
      </c>
      <c r="FT22" s="73">
        <v>12</v>
      </c>
      <c r="FU22" s="74">
        <v>20</v>
      </c>
      <c r="FV22" s="71">
        <v>0</v>
      </c>
      <c r="FW22" s="72">
        <v>0</v>
      </c>
      <c r="FX22" s="73">
        <v>0</v>
      </c>
      <c r="FY22" s="271"/>
      <c r="FZ22" s="72">
        <v>0</v>
      </c>
      <c r="GA22" s="72">
        <v>0</v>
      </c>
      <c r="GB22" s="72">
        <v>0</v>
      </c>
      <c r="GC22" s="72">
        <v>0</v>
      </c>
      <c r="GD22" s="72">
        <v>0</v>
      </c>
      <c r="GE22" s="73">
        <v>0</v>
      </c>
      <c r="GF22" s="74">
        <v>0</v>
      </c>
      <c r="GG22" s="71">
        <v>6</v>
      </c>
      <c r="GH22" s="72">
        <v>12</v>
      </c>
      <c r="GI22" s="73">
        <v>18</v>
      </c>
      <c r="GJ22" s="271"/>
      <c r="GK22" s="72">
        <v>19</v>
      </c>
      <c r="GL22" s="72">
        <v>9</v>
      </c>
      <c r="GM22" s="72">
        <v>8</v>
      </c>
      <c r="GN22" s="72">
        <v>8</v>
      </c>
      <c r="GO22" s="72">
        <v>2</v>
      </c>
      <c r="GP22" s="73">
        <v>46</v>
      </c>
      <c r="GQ22" s="74">
        <v>64</v>
      </c>
      <c r="GR22" s="127">
        <v>27</v>
      </c>
      <c r="GS22" s="83">
        <v>38</v>
      </c>
      <c r="GT22" s="84">
        <v>65</v>
      </c>
      <c r="GU22" s="271"/>
      <c r="GV22" s="83">
        <v>61</v>
      </c>
      <c r="GW22" s="83">
        <v>43</v>
      </c>
      <c r="GX22" s="83">
        <v>37</v>
      </c>
      <c r="GY22" s="83">
        <v>21</v>
      </c>
      <c r="GZ22" s="83">
        <v>17</v>
      </c>
      <c r="HA22" s="85">
        <v>179</v>
      </c>
      <c r="HB22" s="86">
        <v>244</v>
      </c>
      <c r="HC22" s="87">
        <v>1</v>
      </c>
      <c r="HD22" s="72">
        <v>1</v>
      </c>
      <c r="HE22" s="73">
        <v>2</v>
      </c>
      <c r="HF22" s="271"/>
      <c r="HG22" s="72">
        <v>2</v>
      </c>
      <c r="HH22" s="72">
        <v>2</v>
      </c>
      <c r="HI22" s="72">
        <v>1</v>
      </c>
      <c r="HJ22" s="72">
        <v>0</v>
      </c>
      <c r="HK22" s="72">
        <v>2</v>
      </c>
      <c r="HL22" s="73">
        <v>7</v>
      </c>
      <c r="HM22" s="74">
        <v>9</v>
      </c>
      <c r="HN22" s="71">
        <v>1</v>
      </c>
      <c r="HO22" s="72">
        <v>0</v>
      </c>
      <c r="HP22" s="73">
        <v>1</v>
      </c>
      <c r="HQ22" s="271"/>
      <c r="HR22" s="72">
        <v>8</v>
      </c>
      <c r="HS22" s="72">
        <v>8</v>
      </c>
      <c r="HT22" s="72">
        <v>4</v>
      </c>
      <c r="HU22" s="72">
        <v>3</v>
      </c>
      <c r="HV22" s="72">
        <v>1</v>
      </c>
      <c r="HW22" s="73">
        <v>24</v>
      </c>
      <c r="HX22" s="74">
        <v>25</v>
      </c>
      <c r="HY22" s="87">
        <v>5</v>
      </c>
      <c r="HZ22" s="72">
        <v>2</v>
      </c>
      <c r="IA22" s="73">
        <v>7</v>
      </c>
      <c r="IB22" s="271"/>
      <c r="IC22" s="72">
        <v>7</v>
      </c>
      <c r="ID22" s="72">
        <v>3</v>
      </c>
      <c r="IE22" s="72">
        <v>1</v>
      </c>
      <c r="IF22" s="72">
        <v>2</v>
      </c>
      <c r="IG22" s="72">
        <v>2</v>
      </c>
      <c r="IH22" s="73">
        <v>15</v>
      </c>
      <c r="II22" s="74">
        <v>22</v>
      </c>
      <c r="IJ22" s="71">
        <v>7</v>
      </c>
      <c r="IK22" s="72">
        <v>9</v>
      </c>
      <c r="IL22" s="73">
        <v>16</v>
      </c>
      <c r="IM22" s="271"/>
      <c r="IN22" s="72">
        <v>12</v>
      </c>
      <c r="IO22" s="72">
        <v>6</v>
      </c>
      <c r="IP22" s="72">
        <v>5</v>
      </c>
      <c r="IQ22" s="72">
        <v>4</v>
      </c>
      <c r="IR22" s="72">
        <v>1</v>
      </c>
      <c r="IS22" s="73">
        <v>28</v>
      </c>
      <c r="IT22" s="74">
        <v>44</v>
      </c>
      <c r="IU22" s="87">
        <v>11</v>
      </c>
      <c r="IV22" s="72">
        <v>9</v>
      </c>
      <c r="IW22" s="73">
        <v>20</v>
      </c>
      <c r="IX22" s="271"/>
      <c r="IY22" s="72">
        <v>16</v>
      </c>
      <c r="IZ22" s="72">
        <v>10</v>
      </c>
      <c r="JA22" s="72">
        <v>11</v>
      </c>
      <c r="JB22" s="72">
        <v>7</v>
      </c>
      <c r="JC22" s="72">
        <v>4</v>
      </c>
      <c r="JD22" s="73">
        <v>48</v>
      </c>
      <c r="JE22" s="74">
        <v>68</v>
      </c>
      <c r="JF22" s="71">
        <v>2</v>
      </c>
      <c r="JG22" s="72">
        <v>17</v>
      </c>
      <c r="JH22" s="73">
        <v>19</v>
      </c>
      <c r="JI22" s="271"/>
      <c r="JJ22" s="72">
        <v>16</v>
      </c>
      <c r="JK22" s="72">
        <v>14</v>
      </c>
      <c r="JL22" s="72">
        <v>15</v>
      </c>
      <c r="JM22" s="72">
        <v>5</v>
      </c>
      <c r="JN22" s="72">
        <v>7</v>
      </c>
      <c r="JO22" s="73">
        <v>57</v>
      </c>
      <c r="JP22" s="74">
        <v>76</v>
      </c>
      <c r="JQ22" s="71">
        <v>0</v>
      </c>
      <c r="JR22" s="72">
        <v>0</v>
      </c>
      <c r="JS22" s="73">
        <v>0</v>
      </c>
      <c r="JT22" s="271"/>
      <c r="JU22" s="72">
        <v>0</v>
      </c>
      <c r="JV22" s="72">
        <v>0</v>
      </c>
      <c r="JW22" s="72">
        <v>0</v>
      </c>
      <c r="JX22" s="72">
        <v>0</v>
      </c>
      <c r="JY22" s="72">
        <v>0</v>
      </c>
      <c r="JZ22" s="73">
        <v>0</v>
      </c>
      <c r="KA22" s="74">
        <v>0</v>
      </c>
      <c r="KB22" s="71">
        <v>27</v>
      </c>
      <c r="KC22" s="72">
        <v>38</v>
      </c>
      <c r="KD22" s="73">
        <v>65</v>
      </c>
      <c r="KE22" s="274"/>
      <c r="KF22" s="72">
        <v>61</v>
      </c>
      <c r="KG22" s="72">
        <v>43</v>
      </c>
      <c r="KH22" s="72">
        <v>37</v>
      </c>
      <c r="KI22" s="72">
        <v>21</v>
      </c>
      <c r="KJ22" s="72">
        <v>17</v>
      </c>
      <c r="KK22" s="73">
        <v>179</v>
      </c>
      <c r="KL22" s="74">
        <v>244</v>
      </c>
    </row>
    <row r="23" spans="1:298" ht="19.5" customHeight="1" x14ac:dyDescent="0.2">
      <c r="A23" s="130" t="s">
        <v>20</v>
      </c>
      <c r="B23" s="353">
        <v>31</v>
      </c>
      <c r="C23" s="83">
        <v>42</v>
      </c>
      <c r="D23" s="84">
        <v>73</v>
      </c>
      <c r="E23" s="271"/>
      <c r="F23" s="83">
        <v>65</v>
      </c>
      <c r="G23" s="83">
        <v>47</v>
      </c>
      <c r="H23" s="83">
        <v>26</v>
      </c>
      <c r="I23" s="83">
        <v>28</v>
      </c>
      <c r="J23" s="83">
        <v>11</v>
      </c>
      <c r="K23" s="85">
        <v>177</v>
      </c>
      <c r="L23" s="86">
        <v>250</v>
      </c>
      <c r="M23" s="71">
        <v>4</v>
      </c>
      <c r="N23" s="72">
        <v>0</v>
      </c>
      <c r="O23" s="73">
        <v>4</v>
      </c>
      <c r="P23" s="271"/>
      <c r="Q23" s="72">
        <v>3</v>
      </c>
      <c r="R23" s="72">
        <v>6</v>
      </c>
      <c r="S23" s="72">
        <v>0</v>
      </c>
      <c r="T23" s="72">
        <v>3</v>
      </c>
      <c r="U23" s="72">
        <v>0</v>
      </c>
      <c r="V23" s="73">
        <v>12</v>
      </c>
      <c r="W23" s="74">
        <v>16</v>
      </c>
      <c r="X23" s="71">
        <v>5</v>
      </c>
      <c r="Y23" s="72">
        <v>3</v>
      </c>
      <c r="Z23" s="73">
        <v>8</v>
      </c>
      <c r="AA23" s="271"/>
      <c r="AB23" s="72">
        <v>12</v>
      </c>
      <c r="AC23" s="72">
        <v>6</v>
      </c>
      <c r="AD23" s="72">
        <v>6</v>
      </c>
      <c r="AE23" s="72">
        <v>3</v>
      </c>
      <c r="AF23" s="72">
        <v>1</v>
      </c>
      <c r="AG23" s="73">
        <v>28</v>
      </c>
      <c r="AH23" s="74">
        <v>36</v>
      </c>
      <c r="AI23" s="71">
        <v>4</v>
      </c>
      <c r="AJ23" s="72">
        <v>4</v>
      </c>
      <c r="AK23" s="73">
        <v>8</v>
      </c>
      <c r="AL23" s="271"/>
      <c r="AM23" s="72">
        <v>11</v>
      </c>
      <c r="AN23" s="72">
        <v>5</v>
      </c>
      <c r="AO23" s="72">
        <v>7</v>
      </c>
      <c r="AP23" s="72">
        <v>6</v>
      </c>
      <c r="AQ23" s="72">
        <v>3</v>
      </c>
      <c r="AR23" s="73">
        <v>32</v>
      </c>
      <c r="AS23" s="74">
        <v>40</v>
      </c>
      <c r="AT23" s="71">
        <v>3</v>
      </c>
      <c r="AU23" s="72">
        <v>20</v>
      </c>
      <c r="AV23" s="73">
        <v>23</v>
      </c>
      <c r="AW23" s="271"/>
      <c r="AX23" s="72">
        <v>20</v>
      </c>
      <c r="AY23" s="72">
        <v>10</v>
      </c>
      <c r="AZ23" s="72">
        <v>3</v>
      </c>
      <c r="BA23" s="72">
        <v>6</v>
      </c>
      <c r="BB23" s="72">
        <v>3</v>
      </c>
      <c r="BC23" s="73">
        <v>42</v>
      </c>
      <c r="BD23" s="74">
        <v>65</v>
      </c>
      <c r="BE23" s="71">
        <v>7</v>
      </c>
      <c r="BF23" s="72">
        <v>8</v>
      </c>
      <c r="BG23" s="73">
        <v>15</v>
      </c>
      <c r="BH23" s="271"/>
      <c r="BI23" s="72">
        <v>9</v>
      </c>
      <c r="BJ23" s="72">
        <v>14</v>
      </c>
      <c r="BK23" s="72">
        <v>3</v>
      </c>
      <c r="BL23" s="72">
        <v>6</v>
      </c>
      <c r="BM23" s="72">
        <v>2</v>
      </c>
      <c r="BN23" s="73">
        <v>34</v>
      </c>
      <c r="BO23" s="74">
        <v>49</v>
      </c>
      <c r="BP23" s="71">
        <v>8</v>
      </c>
      <c r="BQ23" s="72">
        <v>7</v>
      </c>
      <c r="BR23" s="73">
        <v>15</v>
      </c>
      <c r="BS23" s="271"/>
      <c r="BT23" s="72">
        <v>10</v>
      </c>
      <c r="BU23" s="72">
        <v>6</v>
      </c>
      <c r="BV23" s="72">
        <v>7</v>
      </c>
      <c r="BW23" s="72">
        <v>4</v>
      </c>
      <c r="BX23" s="72">
        <v>2</v>
      </c>
      <c r="BY23" s="73">
        <v>29</v>
      </c>
      <c r="BZ23" s="74">
        <v>44</v>
      </c>
      <c r="CA23" s="71">
        <v>0</v>
      </c>
      <c r="CB23" s="72">
        <v>0</v>
      </c>
      <c r="CC23" s="73">
        <v>0</v>
      </c>
      <c r="CD23" s="271"/>
      <c r="CE23" s="72">
        <v>0</v>
      </c>
      <c r="CF23" s="72">
        <v>0</v>
      </c>
      <c r="CG23" s="72">
        <v>0</v>
      </c>
      <c r="CH23" s="72">
        <v>0</v>
      </c>
      <c r="CI23" s="72">
        <v>0</v>
      </c>
      <c r="CJ23" s="73">
        <v>0</v>
      </c>
      <c r="CK23" s="74">
        <v>0</v>
      </c>
      <c r="CL23" s="71">
        <v>31</v>
      </c>
      <c r="CM23" s="72">
        <v>42</v>
      </c>
      <c r="CN23" s="73">
        <v>73</v>
      </c>
      <c r="CO23" s="271"/>
      <c r="CP23" s="72">
        <v>65</v>
      </c>
      <c r="CQ23" s="72">
        <v>47</v>
      </c>
      <c r="CR23" s="72">
        <v>26</v>
      </c>
      <c r="CS23" s="72">
        <v>28</v>
      </c>
      <c r="CT23" s="72">
        <v>11</v>
      </c>
      <c r="CU23" s="73">
        <v>177</v>
      </c>
      <c r="CV23" s="74">
        <v>250</v>
      </c>
      <c r="CW23" s="127">
        <v>16</v>
      </c>
      <c r="CX23" s="83">
        <v>16</v>
      </c>
      <c r="CY23" s="84">
        <v>32</v>
      </c>
      <c r="CZ23" s="271"/>
      <c r="DA23" s="83">
        <v>30</v>
      </c>
      <c r="DB23" s="83">
        <v>11</v>
      </c>
      <c r="DC23" s="83">
        <v>7</v>
      </c>
      <c r="DD23" s="83">
        <v>10</v>
      </c>
      <c r="DE23" s="83">
        <v>5</v>
      </c>
      <c r="DF23" s="85">
        <v>63</v>
      </c>
      <c r="DG23" s="86">
        <v>95</v>
      </c>
      <c r="DH23" s="71">
        <v>0</v>
      </c>
      <c r="DI23" s="72">
        <v>0</v>
      </c>
      <c r="DJ23" s="73">
        <v>0</v>
      </c>
      <c r="DK23" s="271"/>
      <c r="DL23" s="72">
        <v>0</v>
      </c>
      <c r="DM23" s="72">
        <v>0</v>
      </c>
      <c r="DN23" s="72">
        <v>0</v>
      </c>
      <c r="DO23" s="72">
        <v>1</v>
      </c>
      <c r="DP23" s="72">
        <v>0</v>
      </c>
      <c r="DQ23" s="73">
        <v>1</v>
      </c>
      <c r="DR23" s="74">
        <v>1</v>
      </c>
      <c r="DS23" s="71">
        <v>1</v>
      </c>
      <c r="DT23" s="72">
        <v>0</v>
      </c>
      <c r="DU23" s="73">
        <v>1</v>
      </c>
      <c r="DV23" s="271"/>
      <c r="DW23" s="72">
        <v>1</v>
      </c>
      <c r="DX23" s="72">
        <v>0</v>
      </c>
      <c r="DY23" s="72">
        <v>0</v>
      </c>
      <c r="DZ23" s="72">
        <v>0</v>
      </c>
      <c r="EA23" s="72">
        <v>0</v>
      </c>
      <c r="EB23" s="73">
        <v>1</v>
      </c>
      <c r="EC23" s="74">
        <v>2</v>
      </c>
      <c r="ED23" s="71">
        <v>3</v>
      </c>
      <c r="EE23" s="72">
        <v>3</v>
      </c>
      <c r="EF23" s="73">
        <v>6</v>
      </c>
      <c r="EG23" s="271"/>
      <c r="EH23" s="72">
        <v>3</v>
      </c>
      <c r="EI23" s="72">
        <v>4</v>
      </c>
      <c r="EJ23" s="72">
        <v>0</v>
      </c>
      <c r="EK23" s="72">
        <v>0</v>
      </c>
      <c r="EL23" s="72">
        <v>2</v>
      </c>
      <c r="EM23" s="73">
        <v>9</v>
      </c>
      <c r="EN23" s="74">
        <v>15</v>
      </c>
      <c r="EO23" s="71">
        <v>2</v>
      </c>
      <c r="EP23" s="72">
        <v>5</v>
      </c>
      <c r="EQ23" s="73">
        <v>7</v>
      </c>
      <c r="ER23" s="271"/>
      <c r="ES23" s="72">
        <v>6</v>
      </c>
      <c r="ET23" s="72">
        <v>3</v>
      </c>
      <c r="EU23" s="72">
        <v>0</v>
      </c>
      <c r="EV23" s="72">
        <v>0</v>
      </c>
      <c r="EW23" s="72">
        <v>3</v>
      </c>
      <c r="EX23" s="73">
        <v>12</v>
      </c>
      <c r="EY23" s="74">
        <v>19</v>
      </c>
      <c r="EZ23" s="71">
        <v>5</v>
      </c>
      <c r="FA23" s="72">
        <v>4</v>
      </c>
      <c r="FB23" s="73">
        <v>9</v>
      </c>
      <c r="FC23" s="271"/>
      <c r="FD23" s="72">
        <v>11</v>
      </c>
      <c r="FE23" s="72">
        <v>2</v>
      </c>
      <c r="FF23" s="72">
        <v>2</v>
      </c>
      <c r="FG23" s="72">
        <v>3</v>
      </c>
      <c r="FH23" s="72">
        <v>0</v>
      </c>
      <c r="FI23" s="73">
        <v>18</v>
      </c>
      <c r="FJ23" s="74">
        <v>27</v>
      </c>
      <c r="FK23" s="71">
        <v>5</v>
      </c>
      <c r="FL23" s="72">
        <v>4</v>
      </c>
      <c r="FM23" s="73">
        <v>9</v>
      </c>
      <c r="FN23" s="271"/>
      <c r="FO23" s="72">
        <v>9</v>
      </c>
      <c r="FP23" s="72">
        <v>2</v>
      </c>
      <c r="FQ23" s="72">
        <v>5</v>
      </c>
      <c r="FR23" s="72">
        <v>6</v>
      </c>
      <c r="FS23" s="72">
        <v>0</v>
      </c>
      <c r="FT23" s="73">
        <v>22</v>
      </c>
      <c r="FU23" s="74">
        <v>31</v>
      </c>
      <c r="FV23" s="71">
        <v>0</v>
      </c>
      <c r="FW23" s="72">
        <v>0</v>
      </c>
      <c r="FX23" s="73">
        <v>0</v>
      </c>
      <c r="FY23" s="271"/>
      <c r="FZ23" s="72">
        <v>0</v>
      </c>
      <c r="GA23" s="72">
        <v>0</v>
      </c>
      <c r="GB23" s="72">
        <v>0</v>
      </c>
      <c r="GC23" s="72">
        <v>0</v>
      </c>
      <c r="GD23" s="72">
        <v>0</v>
      </c>
      <c r="GE23" s="73">
        <v>0</v>
      </c>
      <c r="GF23" s="74">
        <v>0</v>
      </c>
      <c r="GG23" s="71">
        <v>16</v>
      </c>
      <c r="GH23" s="72">
        <v>16</v>
      </c>
      <c r="GI23" s="73">
        <v>32</v>
      </c>
      <c r="GJ23" s="271"/>
      <c r="GK23" s="72">
        <v>30</v>
      </c>
      <c r="GL23" s="72">
        <v>11</v>
      </c>
      <c r="GM23" s="72">
        <v>7</v>
      </c>
      <c r="GN23" s="72">
        <v>10</v>
      </c>
      <c r="GO23" s="72">
        <v>5</v>
      </c>
      <c r="GP23" s="73">
        <v>63</v>
      </c>
      <c r="GQ23" s="74">
        <v>95</v>
      </c>
      <c r="GR23" s="127">
        <v>47</v>
      </c>
      <c r="GS23" s="83">
        <v>58</v>
      </c>
      <c r="GT23" s="84">
        <v>105</v>
      </c>
      <c r="GU23" s="271"/>
      <c r="GV23" s="83">
        <v>95</v>
      </c>
      <c r="GW23" s="83">
        <v>58</v>
      </c>
      <c r="GX23" s="83">
        <v>33</v>
      </c>
      <c r="GY23" s="83">
        <v>38</v>
      </c>
      <c r="GZ23" s="83">
        <v>16</v>
      </c>
      <c r="HA23" s="85">
        <v>240</v>
      </c>
      <c r="HB23" s="86">
        <v>345</v>
      </c>
      <c r="HC23" s="71">
        <v>4</v>
      </c>
      <c r="HD23" s="72">
        <v>0</v>
      </c>
      <c r="HE23" s="73">
        <v>4</v>
      </c>
      <c r="HF23" s="271"/>
      <c r="HG23" s="72">
        <v>3</v>
      </c>
      <c r="HH23" s="72">
        <v>6</v>
      </c>
      <c r="HI23" s="72">
        <v>0</v>
      </c>
      <c r="HJ23" s="72">
        <v>4</v>
      </c>
      <c r="HK23" s="72">
        <v>0</v>
      </c>
      <c r="HL23" s="73">
        <v>13</v>
      </c>
      <c r="HM23" s="74">
        <v>17</v>
      </c>
      <c r="HN23" s="71">
        <v>6</v>
      </c>
      <c r="HO23" s="72">
        <v>3</v>
      </c>
      <c r="HP23" s="73">
        <v>9</v>
      </c>
      <c r="HQ23" s="271"/>
      <c r="HR23" s="72">
        <v>13</v>
      </c>
      <c r="HS23" s="72">
        <v>6</v>
      </c>
      <c r="HT23" s="72">
        <v>6</v>
      </c>
      <c r="HU23" s="72">
        <v>3</v>
      </c>
      <c r="HV23" s="72">
        <v>1</v>
      </c>
      <c r="HW23" s="73">
        <v>29</v>
      </c>
      <c r="HX23" s="74">
        <v>38</v>
      </c>
      <c r="HY23" s="71">
        <v>7</v>
      </c>
      <c r="HZ23" s="72">
        <v>7</v>
      </c>
      <c r="IA23" s="73">
        <v>14</v>
      </c>
      <c r="IB23" s="271"/>
      <c r="IC23" s="72">
        <v>14</v>
      </c>
      <c r="ID23" s="72">
        <v>9</v>
      </c>
      <c r="IE23" s="72">
        <v>7</v>
      </c>
      <c r="IF23" s="72">
        <v>6</v>
      </c>
      <c r="IG23" s="72">
        <v>5</v>
      </c>
      <c r="IH23" s="73">
        <v>41</v>
      </c>
      <c r="II23" s="74">
        <v>55</v>
      </c>
      <c r="IJ23" s="71">
        <v>5</v>
      </c>
      <c r="IK23" s="72">
        <v>25</v>
      </c>
      <c r="IL23" s="73">
        <v>30</v>
      </c>
      <c r="IM23" s="271"/>
      <c r="IN23" s="72">
        <v>26</v>
      </c>
      <c r="IO23" s="72">
        <v>13</v>
      </c>
      <c r="IP23" s="72">
        <v>3</v>
      </c>
      <c r="IQ23" s="72">
        <v>6</v>
      </c>
      <c r="IR23" s="72">
        <v>6</v>
      </c>
      <c r="IS23" s="73">
        <v>54</v>
      </c>
      <c r="IT23" s="74">
        <v>84</v>
      </c>
      <c r="IU23" s="71">
        <v>12</v>
      </c>
      <c r="IV23" s="72">
        <v>12</v>
      </c>
      <c r="IW23" s="73">
        <v>24</v>
      </c>
      <c r="IX23" s="271"/>
      <c r="IY23" s="72">
        <v>20</v>
      </c>
      <c r="IZ23" s="72">
        <v>16</v>
      </c>
      <c r="JA23" s="72">
        <v>5</v>
      </c>
      <c r="JB23" s="72">
        <v>9</v>
      </c>
      <c r="JC23" s="72">
        <v>2</v>
      </c>
      <c r="JD23" s="73">
        <v>52</v>
      </c>
      <c r="JE23" s="74">
        <v>76</v>
      </c>
      <c r="JF23" s="71">
        <v>13</v>
      </c>
      <c r="JG23" s="72">
        <v>11</v>
      </c>
      <c r="JH23" s="73">
        <v>24</v>
      </c>
      <c r="JI23" s="271"/>
      <c r="JJ23" s="72">
        <v>19</v>
      </c>
      <c r="JK23" s="72">
        <v>8</v>
      </c>
      <c r="JL23" s="72">
        <v>12</v>
      </c>
      <c r="JM23" s="72">
        <v>10</v>
      </c>
      <c r="JN23" s="72">
        <v>2</v>
      </c>
      <c r="JO23" s="73">
        <v>51</v>
      </c>
      <c r="JP23" s="74">
        <v>75</v>
      </c>
      <c r="JQ23" s="71">
        <v>0</v>
      </c>
      <c r="JR23" s="72">
        <v>0</v>
      </c>
      <c r="JS23" s="73">
        <v>0</v>
      </c>
      <c r="JT23" s="271"/>
      <c r="JU23" s="72">
        <v>0</v>
      </c>
      <c r="JV23" s="72">
        <v>0</v>
      </c>
      <c r="JW23" s="72">
        <v>0</v>
      </c>
      <c r="JX23" s="72">
        <v>0</v>
      </c>
      <c r="JY23" s="72">
        <v>0</v>
      </c>
      <c r="JZ23" s="73">
        <v>0</v>
      </c>
      <c r="KA23" s="74">
        <v>0</v>
      </c>
      <c r="KB23" s="71">
        <v>47</v>
      </c>
      <c r="KC23" s="72">
        <v>58</v>
      </c>
      <c r="KD23" s="73">
        <v>105</v>
      </c>
      <c r="KE23" s="274"/>
      <c r="KF23" s="72">
        <v>95</v>
      </c>
      <c r="KG23" s="72">
        <v>58</v>
      </c>
      <c r="KH23" s="72">
        <v>33</v>
      </c>
      <c r="KI23" s="72">
        <v>38</v>
      </c>
      <c r="KJ23" s="72">
        <v>16</v>
      </c>
      <c r="KK23" s="73">
        <v>240</v>
      </c>
      <c r="KL23" s="74">
        <v>345</v>
      </c>
    </row>
    <row r="24" spans="1:298" ht="19.5" customHeight="1" x14ac:dyDescent="0.2">
      <c r="A24" s="130" t="s">
        <v>21</v>
      </c>
      <c r="B24" s="353">
        <v>30</v>
      </c>
      <c r="C24" s="83">
        <v>19</v>
      </c>
      <c r="D24" s="84">
        <v>49</v>
      </c>
      <c r="E24" s="271"/>
      <c r="F24" s="83">
        <v>58</v>
      </c>
      <c r="G24" s="83">
        <v>33</v>
      </c>
      <c r="H24" s="83">
        <v>19</v>
      </c>
      <c r="I24" s="83">
        <v>17</v>
      </c>
      <c r="J24" s="83">
        <v>8</v>
      </c>
      <c r="K24" s="85">
        <v>135</v>
      </c>
      <c r="L24" s="86">
        <v>184</v>
      </c>
      <c r="M24" s="71">
        <v>0</v>
      </c>
      <c r="N24" s="72">
        <v>1</v>
      </c>
      <c r="O24" s="73">
        <v>1</v>
      </c>
      <c r="P24" s="271"/>
      <c r="Q24" s="72">
        <v>0</v>
      </c>
      <c r="R24" s="72">
        <v>2</v>
      </c>
      <c r="S24" s="72">
        <v>2</v>
      </c>
      <c r="T24" s="72">
        <v>1</v>
      </c>
      <c r="U24" s="72">
        <v>0</v>
      </c>
      <c r="V24" s="73">
        <v>5</v>
      </c>
      <c r="W24" s="74">
        <v>6</v>
      </c>
      <c r="X24" s="71">
        <v>3</v>
      </c>
      <c r="Y24" s="72">
        <v>2</v>
      </c>
      <c r="Z24" s="73">
        <v>5</v>
      </c>
      <c r="AA24" s="271"/>
      <c r="AB24" s="72">
        <v>6</v>
      </c>
      <c r="AC24" s="72">
        <v>4</v>
      </c>
      <c r="AD24" s="72">
        <v>2</v>
      </c>
      <c r="AE24" s="72">
        <v>1</v>
      </c>
      <c r="AF24" s="72">
        <v>2</v>
      </c>
      <c r="AG24" s="73">
        <v>15</v>
      </c>
      <c r="AH24" s="74">
        <v>20</v>
      </c>
      <c r="AI24" s="71">
        <v>3</v>
      </c>
      <c r="AJ24" s="72">
        <v>1</v>
      </c>
      <c r="AK24" s="73">
        <v>4</v>
      </c>
      <c r="AL24" s="271"/>
      <c r="AM24" s="72">
        <v>8</v>
      </c>
      <c r="AN24" s="72">
        <v>4</v>
      </c>
      <c r="AO24" s="72">
        <v>1</v>
      </c>
      <c r="AP24" s="72">
        <v>3</v>
      </c>
      <c r="AQ24" s="72">
        <v>0</v>
      </c>
      <c r="AR24" s="73">
        <v>16</v>
      </c>
      <c r="AS24" s="74">
        <v>20</v>
      </c>
      <c r="AT24" s="71">
        <v>7</v>
      </c>
      <c r="AU24" s="72">
        <v>6</v>
      </c>
      <c r="AV24" s="73">
        <v>13</v>
      </c>
      <c r="AW24" s="271"/>
      <c r="AX24" s="72">
        <v>14</v>
      </c>
      <c r="AY24" s="72">
        <v>7</v>
      </c>
      <c r="AZ24" s="72">
        <v>2</v>
      </c>
      <c r="BA24" s="72">
        <v>3</v>
      </c>
      <c r="BB24" s="72">
        <v>1</v>
      </c>
      <c r="BC24" s="73">
        <v>27</v>
      </c>
      <c r="BD24" s="74">
        <v>40</v>
      </c>
      <c r="BE24" s="71">
        <v>12</v>
      </c>
      <c r="BF24" s="72">
        <v>4</v>
      </c>
      <c r="BG24" s="73">
        <v>16</v>
      </c>
      <c r="BH24" s="271"/>
      <c r="BI24" s="72">
        <v>22</v>
      </c>
      <c r="BJ24" s="72">
        <v>11</v>
      </c>
      <c r="BK24" s="72">
        <v>8</v>
      </c>
      <c r="BL24" s="72">
        <v>5</v>
      </c>
      <c r="BM24" s="72">
        <v>3</v>
      </c>
      <c r="BN24" s="73">
        <v>49</v>
      </c>
      <c r="BO24" s="74">
        <v>65</v>
      </c>
      <c r="BP24" s="71">
        <v>5</v>
      </c>
      <c r="BQ24" s="72">
        <v>5</v>
      </c>
      <c r="BR24" s="73">
        <v>10</v>
      </c>
      <c r="BS24" s="271"/>
      <c r="BT24" s="72">
        <v>8</v>
      </c>
      <c r="BU24" s="72">
        <v>5</v>
      </c>
      <c r="BV24" s="72">
        <v>4</v>
      </c>
      <c r="BW24" s="72">
        <v>4</v>
      </c>
      <c r="BX24" s="72">
        <v>2</v>
      </c>
      <c r="BY24" s="73">
        <v>23</v>
      </c>
      <c r="BZ24" s="74">
        <v>33</v>
      </c>
      <c r="CA24" s="71">
        <v>0</v>
      </c>
      <c r="CB24" s="72">
        <v>0</v>
      </c>
      <c r="CC24" s="73">
        <v>0</v>
      </c>
      <c r="CD24" s="271"/>
      <c r="CE24" s="72">
        <v>0</v>
      </c>
      <c r="CF24" s="72">
        <v>0</v>
      </c>
      <c r="CG24" s="72">
        <v>0</v>
      </c>
      <c r="CH24" s="72">
        <v>0</v>
      </c>
      <c r="CI24" s="72">
        <v>0</v>
      </c>
      <c r="CJ24" s="73">
        <v>0</v>
      </c>
      <c r="CK24" s="74">
        <v>0</v>
      </c>
      <c r="CL24" s="71">
        <v>30</v>
      </c>
      <c r="CM24" s="72">
        <v>19</v>
      </c>
      <c r="CN24" s="73">
        <v>49</v>
      </c>
      <c r="CO24" s="271"/>
      <c r="CP24" s="72">
        <v>58</v>
      </c>
      <c r="CQ24" s="72">
        <v>33</v>
      </c>
      <c r="CR24" s="72">
        <v>19</v>
      </c>
      <c r="CS24" s="72">
        <v>17</v>
      </c>
      <c r="CT24" s="72">
        <v>8</v>
      </c>
      <c r="CU24" s="73">
        <v>135</v>
      </c>
      <c r="CV24" s="74">
        <v>184</v>
      </c>
      <c r="CW24" s="127">
        <v>8</v>
      </c>
      <c r="CX24" s="83">
        <v>11</v>
      </c>
      <c r="CY24" s="84">
        <v>19</v>
      </c>
      <c r="CZ24" s="271"/>
      <c r="DA24" s="83">
        <v>9</v>
      </c>
      <c r="DB24" s="83">
        <v>19</v>
      </c>
      <c r="DC24" s="83">
        <v>11</v>
      </c>
      <c r="DD24" s="83">
        <v>5</v>
      </c>
      <c r="DE24" s="83">
        <v>5</v>
      </c>
      <c r="DF24" s="85">
        <v>49</v>
      </c>
      <c r="DG24" s="86">
        <v>68</v>
      </c>
      <c r="DH24" s="71">
        <v>0</v>
      </c>
      <c r="DI24" s="72">
        <v>1</v>
      </c>
      <c r="DJ24" s="73">
        <v>1</v>
      </c>
      <c r="DK24" s="271"/>
      <c r="DL24" s="72">
        <v>0</v>
      </c>
      <c r="DM24" s="72">
        <v>1</v>
      </c>
      <c r="DN24" s="72">
        <v>0</v>
      </c>
      <c r="DO24" s="72">
        <v>0</v>
      </c>
      <c r="DP24" s="72">
        <v>0</v>
      </c>
      <c r="DQ24" s="73">
        <v>1</v>
      </c>
      <c r="DR24" s="74">
        <v>2</v>
      </c>
      <c r="DS24" s="71">
        <v>2</v>
      </c>
      <c r="DT24" s="72">
        <v>1</v>
      </c>
      <c r="DU24" s="73">
        <v>3</v>
      </c>
      <c r="DV24" s="271"/>
      <c r="DW24" s="72">
        <v>0</v>
      </c>
      <c r="DX24" s="72">
        <v>0</v>
      </c>
      <c r="DY24" s="72">
        <v>2</v>
      </c>
      <c r="DZ24" s="72">
        <v>0</v>
      </c>
      <c r="EA24" s="72">
        <v>1</v>
      </c>
      <c r="EB24" s="73">
        <v>3</v>
      </c>
      <c r="EC24" s="74">
        <v>6</v>
      </c>
      <c r="ED24" s="71">
        <v>1</v>
      </c>
      <c r="EE24" s="72">
        <v>1</v>
      </c>
      <c r="EF24" s="73">
        <v>2</v>
      </c>
      <c r="EG24" s="271"/>
      <c r="EH24" s="72">
        <v>2</v>
      </c>
      <c r="EI24" s="72">
        <v>3</v>
      </c>
      <c r="EJ24" s="72">
        <v>0</v>
      </c>
      <c r="EK24" s="72">
        <v>0</v>
      </c>
      <c r="EL24" s="72">
        <v>1</v>
      </c>
      <c r="EM24" s="73">
        <v>6</v>
      </c>
      <c r="EN24" s="74">
        <v>8</v>
      </c>
      <c r="EO24" s="71">
        <v>4</v>
      </c>
      <c r="EP24" s="72">
        <v>3</v>
      </c>
      <c r="EQ24" s="73">
        <v>7</v>
      </c>
      <c r="ER24" s="271"/>
      <c r="ES24" s="72">
        <v>1</v>
      </c>
      <c r="ET24" s="72">
        <v>2</v>
      </c>
      <c r="EU24" s="72">
        <v>2</v>
      </c>
      <c r="EV24" s="72">
        <v>0</v>
      </c>
      <c r="EW24" s="72">
        <v>1</v>
      </c>
      <c r="EX24" s="73">
        <v>6</v>
      </c>
      <c r="EY24" s="74">
        <v>13</v>
      </c>
      <c r="EZ24" s="71">
        <v>0</v>
      </c>
      <c r="FA24" s="72">
        <v>3</v>
      </c>
      <c r="FB24" s="73">
        <v>3</v>
      </c>
      <c r="FC24" s="271"/>
      <c r="FD24" s="72">
        <v>1</v>
      </c>
      <c r="FE24" s="72">
        <v>4</v>
      </c>
      <c r="FF24" s="72">
        <v>1</v>
      </c>
      <c r="FG24" s="72">
        <v>1</v>
      </c>
      <c r="FH24" s="72">
        <v>0</v>
      </c>
      <c r="FI24" s="73">
        <v>7</v>
      </c>
      <c r="FJ24" s="74">
        <v>10</v>
      </c>
      <c r="FK24" s="71">
        <v>1</v>
      </c>
      <c r="FL24" s="72">
        <v>2</v>
      </c>
      <c r="FM24" s="73">
        <v>3</v>
      </c>
      <c r="FN24" s="271"/>
      <c r="FO24" s="72">
        <v>5</v>
      </c>
      <c r="FP24" s="72">
        <v>9</v>
      </c>
      <c r="FQ24" s="72">
        <v>6</v>
      </c>
      <c r="FR24" s="72">
        <v>4</v>
      </c>
      <c r="FS24" s="72">
        <v>2</v>
      </c>
      <c r="FT24" s="73">
        <v>26</v>
      </c>
      <c r="FU24" s="74">
        <v>29</v>
      </c>
      <c r="FV24" s="71">
        <v>0</v>
      </c>
      <c r="FW24" s="72">
        <v>0</v>
      </c>
      <c r="FX24" s="73">
        <v>0</v>
      </c>
      <c r="FY24" s="271"/>
      <c r="FZ24" s="72">
        <v>0</v>
      </c>
      <c r="GA24" s="72">
        <v>0</v>
      </c>
      <c r="GB24" s="72">
        <v>0</v>
      </c>
      <c r="GC24" s="72">
        <v>0</v>
      </c>
      <c r="GD24" s="72">
        <v>0</v>
      </c>
      <c r="GE24" s="73">
        <v>0</v>
      </c>
      <c r="GF24" s="74">
        <v>0</v>
      </c>
      <c r="GG24" s="71">
        <v>8</v>
      </c>
      <c r="GH24" s="72">
        <v>11</v>
      </c>
      <c r="GI24" s="73">
        <v>19</v>
      </c>
      <c r="GJ24" s="271"/>
      <c r="GK24" s="72">
        <v>9</v>
      </c>
      <c r="GL24" s="72">
        <v>19</v>
      </c>
      <c r="GM24" s="72">
        <v>11</v>
      </c>
      <c r="GN24" s="72">
        <v>5</v>
      </c>
      <c r="GO24" s="72">
        <v>5</v>
      </c>
      <c r="GP24" s="73">
        <v>49</v>
      </c>
      <c r="GQ24" s="74">
        <v>68</v>
      </c>
      <c r="GR24" s="127">
        <v>38</v>
      </c>
      <c r="GS24" s="83">
        <v>30</v>
      </c>
      <c r="GT24" s="84">
        <v>68</v>
      </c>
      <c r="GU24" s="271"/>
      <c r="GV24" s="83">
        <v>67</v>
      </c>
      <c r="GW24" s="83">
        <v>52</v>
      </c>
      <c r="GX24" s="83">
        <v>30</v>
      </c>
      <c r="GY24" s="83">
        <v>22</v>
      </c>
      <c r="GZ24" s="83">
        <v>13</v>
      </c>
      <c r="HA24" s="85">
        <v>184</v>
      </c>
      <c r="HB24" s="86">
        <v>252</v>
      </c>
      <c r="HC24" s="71">
        <v>0</v>
      </c>
      <c r="HD24" s="72">
        <v>2</v>
      </c>
      <c r="HE24" s="73">
        <v>2</v>
      </c>
      <c r="HF24" s="271"/>
      <c r="HG24" s="72">
        <v>0</v>
      </c>
      <c r="HH24" s="72">
        <v>3</v>
      </c>
      <c r="HI24" s="72">
        <v>2</v>
      </c>
      <c r="HJ24" s="72">
        <v>1</v>
      </c>
      <c r="HK24" s="72">
        <v>0</v>
      </c>
      <c r="HL24" s="73">
        <v>6</v>
      </c>
      <c r="HM24" s="74">
        <v>8</v>
      </c>
      <c r="HN24" s="71">
        <v>5</v>
      </c>
      <c r="HO24" s="72">
        <v>3</v>
      </c>
      <c r="HP24" s="73">
        <v>8</v>
      </c>
      <c r="HQ24" s="271"/>
      <c r="HR24" s="72">
        <v>6</v>
      </c>
      <c r="HS24" s="72">
        <v>4</v>
      </c>
      <c r="HT24" s="72">
        <v>4</v>
      </c>
      <c r="HU24" s="72">
        <v>1</v>
      </c>
      <c r="HV24" s="72">
        <v>3</v>
      </c>
      <c r="HW24" s="73">
        <v>18</v>
      </c>
      <c r="HX24" s="74">
        <v>26</v>
      </c>
      <c r="HY24" s="71">
        <v>4</v>
      </c>
      <c r="HZ24" s="72">
        <v>2</v>
      </c>
      <c r="IA24" s="73">
        <v>6</v>
      </c>
      <c r="IB24" s="271"/>
      <c r="IC24" s="72">
        <v>10</v>
      </c>
      <c r="ID24" s="72">
        <v>7</v>
      </c>
      <c r="IE24" s="72">
        <v>1</v>
      </c>
      <c r="IF24" s="72">
        <v>3</v>
      </c>
      <c r="IG24" s="72">
        <v>1</v>
      </c>
      <c r="IH24" s="73">
        <v>22</v>
      </c>
      <c r="II24" s="74">
        <v>28</v>
      </c>
      <c r="IJ24" s="71">
        <v>11</v>
      </c>
      <c r="IK24" s="72">
        <v>9</v>
      </c>
      <c r="IL24" s="73">
        <v>20</v>
      </c>
      <c r="IM24" s="271"/>
      <c r="IN24" s="72">
        <v>15</v>
      </c>
      <c r="IO24" s="72">
        <v>9</v>
      </c>
      <c r="IP24" s="72">
        <v>4</v>
      </c>
      <c r="IQ24" s="72">
        <v>3</v>
      </c>
      <c r="IR24" s="72">
        <v>2</v>
      </c>
      <c r="IS24" s="73">
        <v>33</v>
      </c>
      <c r="IT24" s="74">
        <v>53</v>
      </c>
      <c r="IU24" s="71">
        <v>12</v>
      </c>
      <c r="IV24" s="72">
        <v>7</v>
      </c>
      <c r="IW24" s="73">
        <v>19</v>
      </c>
      <c r="IX24" s="271"/>
      <c r="IY24" s="72">
        <v>23</v>
      </c>
      <c r="IZ24" s="72">
        <v>15</v>
      </c>
      <c r="JA24" s="72">
        <v>9</v>
      </c>
      <c r="JB24" s="72">
        <v>6</v>
      </c>
      <c r="JC24" s="72">
        <v>3</v>
      </c>
      <c r="JD24" s="73">
        <v>56</v>
      </c>
      <c r="JE24" s="74">
        <v>75</v>
      </c>
      <c r="JF24" s="71">
        <v>6</v>
      </c>
      <c r="JG24" s="72">
        <v>7</v>
      </c>
      <c r="JH24" s="73">
        <v>13</v>
      </c>
      <c r="JI24" s="271"/>
      <c r="JJ24" s="72">
        <v>13</v>
      </c>
      <c r="JK24" s="72">
        <v>14</v>
      </c>
      <c r="JL24" s="72">
        <v>10</v>
      </c>
      <c r="JM24" s="72">
        <v>8</v>
      </c>
      <c r="JN24" s="72">
        <v>4</v>
      </c>
      <c r="JO24" s="73">
        <v>49</v>
      </c>
      <c r="JP24" s="74">
        <v>62</v>
      </c>
      <c r="JQ24" s="71">
        <v>0</v>
      </c>
      <c r="JR24" s="72">
        <v>0</v>
      </c>
      <c r="JS24" s="73">
        <v>0</v>
      </c>
      <c r="JT24" s="271"/>
      <c r="JU24" s="72">
        <v>0</v>
      </c>
      <c r="JV24" s="72">
        <v>0</v>
      </c>
      <c r="JW24" s="72">
        <v>0</v>
      </c>
      <c r="JX24" s="72">
        <v>0</v>
      </c>
      <c r="JY24" s="72">
        <v>0</v>
      </c>
      <c r="JZ24" s="73">
        <v>0</v>
      </c>
      <c r="KA24" s="74">
        <v>0</v>
      </c>
      <c r="KB24" s="71">
        <v>38</v>
      </c>
      <c r="KC24" s="72">
        <v>30</v>
      </c>
      <c r="KD24" s="73">
        <v>68</v>
      </c>
      <c r="KE24" s="274"/>
      <c r="KF24" s="72">
        <v>67</v>
      </c>
      <c r="KG24" s="72">
        <v>52</v>
      </c>
      <c r="KH24" s="72">
        <v>30</v>
      </c>
      <c r="KI24" s="72">
        <v>22</v>
      </c>
      <c r="KJ24" s="72">
        <v>13</v>
      </c>
      <c r="KK24" s="73">
        <v>184</v>
      </c>
      <c r="KL24" s="74">
        <v>252</v>
      </c>
    </row>
    <row r="25" spans="1:298" ht="19.5" customHeight="1" x14ac:dyDescent="0.2">
      <c r="A25" s="130" t="s">
        <v>22</v>
      </c>
      <c r="B25" s="353">
        <v>16</v>
      </c>
      <c r="C25" s="83">
        <v>6</v>
      </c>
      <c r="D25" s="84">
        <v>22</v>
      </c>
      <c r="E25" s="271"/>
      <c r="F25" s="83">
        <v>24</v>
      </c>
      <c r="G25" s="83">
        <v>18</v>
      </c>
      <c r="H25" s="83">
        <v>9</v>
      </c>
      <c r="I25" s="83">
        <v>11</v>
      </c>
      <c r="J25" s="83">
        <v>4</v>
      </c>
      <c r="K25" s="85">
        <v>66</v>
      </c>
      <c r="L25" s="86">
        <v>88</v>
      </c>
      <c r="M25" s="71">
        <v>0</v>
      </c>
      <c r="N25" s="72">
        <v>0</v>
      </c>
      <c r="O25" s="73">
        <v>0</v>
      </c>
      <c r="P25" s="271"/>
      <c r="Q25" s="72">
        <v>2</v>
      </c>
      <c r="R25" s="72">
        <v>0</v>
      </c>
      <c r="S25" s="72">
        <v>0</v>
      </c>
      <c r="T25" s="72">
        <v>0</v>
      </c>
      <c r="U25" s="72">
        <v>0</v>
      </c>
      <c r="V25" s="73">
        <v>2</v>
      </c>
      <c r="W25" s="74">
        <v>2</v>
      </c>
      <c r="X25" s="71">
        <v>0</v>
      </c>
      <c r="Y25" s="72">
        <v>0</v>
      </c>
      <c r="Z25" s="73">
        <v>0</v>
      </c>
      <c r="AA25" s="271"/>
      <c r="AB25" s="72">
        <v>3</v>
      </c>
      <c r="AC25" s="72">
        <v>0</v>
      </c>
      <c r="AD25" s="72">
        <v>0</v>
      </c>
      <c r="AE25" s="72">
        <v>1</v>
      </c>
      <c r="AF25" s="72">
        <v>1</v>
      </c>
      <c r="AG25" s="73">
        <v>5</v>
      </c>
      <c r="AH25" s="74">
        <v>5</v>
      </c>
      <c r="AI25" s="71">
        <v>3</v>
      </c>
      <c r="AJ25" s="72">
        <v>1</v>
      </c>
      <c r="AK25" s="73">
        <v>4</v>
      </c>
      <c r="AL25" s="271"/>
      <c r="AM25" s="72">
        <v>4</v>
      </c>
      <c r="AN25" s="72">
        <v>1</v>
      </c>
      <c r="AO25" s="72">
        <v>1</v>
      </c>
      <c r="AP25" s="72">
        <v>1</v>
      </c>
      <c r="AQ25" s="72">
        <v>1</v>
      </c>
      <c r="AR25" s="73">
        <v>8</v>
      </c>
      <c r="AS25" s="74">
        <v>12</v>
      </c>
      <c r="AT25" s="71">
        <v>5</v>
      </c>
      <c r="AU25" s="72">
        <v>3</v>
      </c>
      <c r="AV25" s="73">
        <v>8</v>
      </c>
      <c r="AW25" s="271"/>
      <c r="AX25" s="72">
        <v>5</v>
      </c>
      <c r="AY25" s="72">
        <v>4</v>
      </c>
      <c r="AZ25" s="72">
        <v>2</v>
      </c>
      <c r="BA25" s="72">
        <v>1</v>
      </c>
      <c r="BB25" s="72">
        <v>1</v>
      </c>
      <c r="BC25" s="73">
        <v>13</v>
      </c>
      <c r="BD25" s="74">
        <v>21</v>
      </c>
      <c r="BE25" s="71">
        <v>4</v>
      </c>
      <c r="BF25" s="72">
        <v>2</v>
      </c>
      <c r="BG25" s="73">
        <v>6</v>
      </c>
      <c r="BH25" s="271"/>
      <c r="BI25" s="72">
        <v>2</v>
      </c>
      <c r="BJ25" s="72">
        <v>6</v>
      </c>
      <c r="BK25" s="72">
        <v>2</v>
      </c>
      <c r="BL25" s="72">
        <v>4</v>
      </c>
      <c r="BM25" s="72">
        <v>1</v>
      </c>
      <c r="BN25" s="73">
        <v>15</v>
      </c>
      <c r="BO25" s="74">
        <v>21</v>
      </c>
      <c r="BP25" s="71">
        <v>4</v>
      </c>
      <c r="BQ25" s="72">
        <v>0</v>
      </c>
      <c r="BR25" s="73">
        <v>4</v>
      </c>
      <c r="BS25" s="271"/>
      <c r="BT25" s="72">
        <v>8</v>
      </c>
      <c r="BU25" s="72">
        <v>7</v>
      </c>
      <c r="BV25" s="72">
        <v>4</v>
      </c>
      <c r="BW25" s="72">
        <v>4</v>
      </c>
      <c r="BX25" s="72">
        <v>0</v>
      </c>
      <c r="BY25" s="73">
        <v>23</v>
      </c>
      <c r="BZ25" s="74">
        <v>27</v>
      </c>
      <c r="CA25" s="71">
        <v>0</v>
      </c>
      <c r="CB25" s="72">
        <v>0</v>
      </c>
      <c r="CC25" s="73">
        <v>0</v>
      </c>
      <c r="CD25" s="271"/>
      <c r="CE25" s="72">
        <v>0</v>
      </c>
      <c r="CF25" s="72">
        <v>0</v>
      </c>
      <c r="CG25" s="72">
        <v>0</v>
      </c>
      <c r="CH25" s="72">
        <v>0</v>
      </c>
      <c r="CI25" s="72">
        <v>0</v>
      </c>
      <c r="CJ25" s="73">
        <v>0</v>
      </c>
      <c r="CK25" s="74">
        <v>0</v>
      </c>
      <c r="CL25" s="71">
        <v>16</v>
      </c>
      <c r="CM25" s="72">
        <v>6</v>
      </c>
      <c r="CN25" s="73">
        <v>22</v>
      </c>
      <c r="CO25" s="271"/>
      <c r="CP25" s="72">
        <v>24</v>
      </c>
      <c r="CQ25" s="72">
        <v>18</v>
      </c>
      <c r="CR25" s="72">
        <v>9</v>
      </c>
      <c r="CS25" s="72">
        <v>11</v>
      </c>
      <c r="CT25" s="72">
        <v>4</v>
      </c>
      <c r="CU25" s="73">
        <v>66</v>
      </c>
      <c r="CV25" s="74">
        <v>88</v>
      </c>
      <c r="CW25" s="127">
        <v>2</v>
      </c>
      <c r="CX25" s="83">
        <v>6</v>
      </c>
      <c r="CY25" s="84">
        <v>8</v>
      </c>
      <c r="CZ25" s="271"/>
      <c r="DA25" s="83">
        <v>9</v>
      </c>
      <c r="DB25" s="83">
        <v>2</v>
      </c>
      <c r="DC25" s="83">
        <v>1</v>
      </c>
      <c r="DD25" s="83">
        <v>3</v>
      </c>
      <c r="DE25" s="83">
        <v>3</v>
      </c>
      <c r="DF25" s="85">
        <v>18</v>
      </c>
      <c r="DG25" s="86">
        <v>26</v>
      </c>
      <c r="DH25" s="71">
        <v>0</v>
      </c>
      <c r="DI25" s="72">
        <v>0</v>
      </c>
      <c r="DJ25" s="73">
        <v>0</v>
      </c>
      <c r="DK25" s="271"/>
      <c r="DL25" s="72">
        <v>0</v>
      </c>
      <c r="DM25" s="72">
        <v>0</v>
      </c>
      <c r="DN25" s="72">
        <v>0</v>
      </c>
      <c r="DO25" s="72">
        <v>0</v>
      </c>
      <c r="DP25" s="72">
        <v>0</v>
      </c>
      <c r="DQ25" s="73">
        <v>0</v>
      </c>
      <c r="DR25" s="74">
        <v>0</v>
      </c>
      <c r="DS25" s="71">
        <v>0</v>
      </c>
      <c r="DT25" s="72">
        <v>0</v>
      </c>
      <c r="DU25" s="73">
        <v>0</v>
      </c>
      <c r="DV25" s="271"/>
      <c r="DW25" s="72">
        <v>0</v>
      </c>
      <c r="DX25" s="72">
        <v>0</v>
      </c>
      <c r="DY25" s="72">
        <v>0</v>
      </c>
      <c r="DZ25" s="72">
        <v>0</v>
      </c>
      <c r="EA25" s="72">
        <v>0</v>
      </c>
      <c r="EB25" s="73">
        <v>0</v>
      </c>
      <c r="EC25" s="74">
        <v>0</v>
      </c>
      <c r="ED25" s="71">
        <v>0</v>
      </c>
      <c r="EE25" s="72">
        <v>3</v>
      </c>
      <c r="EF25" s="73">
        <v>3</v>
      </c>
      <c r="EG25" s="271"/>
      <c r="EH25" s="72">
        <v>2</v>
      </c>
      <c r="EI25" s="72">
        <v>0</v>
      </c>
      <c r="EJ25" s="72">
        <v>0</v>
      </c>
      <c r="EK25" s="72">
        <v>0</v>
      </c>
      <c r="EL25" s="72">
        <v>0</v>
      </c>
      <c r="EM25" s="73">
        <v>2</v>
      </c>
      <c r="EN25" s="74">
        <v>5</v>
      </c>
      <c r="EO25" s="71">
        <v>1</v>
      </c>
      <c r="EP25" s="72">
        <v>0</v>
      </c>
      <c r="EQ25" s="73">
        <v>1</v>
      </c>
      <c r="ER25" s="271"/>
      <c r="ES25" s="72">
        <v>3</v>
      </c>
      <c r="ET25" s="72">
        <v>0</v>
      </c>
      <c r="EU25" s="72">
        <v>1</v>
      </c>
      <c r="EV25" s="72">
        <v>1</v>
      </c>
      <c r="EW25" s="72">
        <v>0</v>
      </c>
      <c r="EX25" s="73">
        <v>5</v>
      </c>
      <c r="EY25" s="74">
        <v>6</v>
      </c>
      <c r="EZ25" s="71">
        <v>1</v>
      </c>
      <c r="FA25" s="72">
        <v>0</v>
      </c>
      <c r="FB25" s="73">
        <v>1</v>
      </c>
      <c r="FC25" s="271"/>
      <c r="FD25" s="72">
        <v>2</v>
      </c>
      <c r="FE25" s="72">
        <v>0</v>
      </c>
      <c r="FF25" s="72">
        <v>0</v>
      </c>
      <c r="FG25" s="72">
        <v>0</v>
      </c>
      <c r="FH25" s="72">
        <v>1</v>
      </c>
      <c r="FI25" s="73">
        <v>3</v>
      </c>
      <c r="FJ25" s="74">
        <v>4</v>
      </c>
      <c r="FK25" s="71">
        <v>0</v>
      </c>
      <c r="FL25" s="72">
        <v>3</v>
      </c>
      <c r="FM25" s="73">
        <v>3</v>
      </c>
      <c r="FN25" s="271"/>
      <c r="FO25" s="72">
        <v>2</v>
      </c>
      <c r="FP25" s="72">
        <v>2</v>
      </c>
      <c r="FQ25" s="72">
        <v>0</v>
      </c>
      <c r="FR25" s="72">
        <v>2</v>
      </c>
      <c r="FS25" s="72">
        <v>2</v>
      </c>
      <c r="FT25" s="73">
        <v>8</v>
      </c>
      <c r="FU25" s="74">
        <v>11</v>
      </c>
      <c r="FV25" s="71">
        <v>0</v>
      </c>
      <c r="FW25" s="72">
        <v>0</v>
      </c>
      <c r="FX25" s="73">
        <v>0</v>
      </c>
      <c r="FY25" s="271"/>
      <c r="FZ25" s="72">
        <v>0</v>
      </c>
      <c r="GA25" s="72">
        <v>0</v>
      </c>
      <c r="GB25" s="72">
        <v>0</v>
      </c>
      <c r="GC25" s="72">
        <v>0</v>
      </c>
      <c r="GD25" s="72">
        <v>0</v>
      </c>
      <c r="GE25" s="73">
        <v>0</v>
      </c>
      <c r="GF25" s="74">
        <v>0</v>
      </c>
      <c r="GG25" s="71">
        <v>2</v>
      </c>
      <c r="GH25" s="72">
        <v>6</v>
      </c>
      <c r="GI25" s="73">
        <v>8</v>
      </c>
      <c r="GJ25" s="271"/>
      <c r="GK25" s="72">
        <v>9</v>
      </c>
      <c r="GL25" s="72">
        <v>2</v>
      </c>
      <c r="GM25" s="72">
        <v>1</v>
      </c>
      <c r="GN25" s="72">
        <v>3</v>
      </c>
      <c r="GO25" s="72">
        <v>3</v>
      </c>
      <c r="GP25" s="73">
        <v>18</v>
      </c>
      <c r="GQ25" s="74">
        <v>26</v>
      </c>
      <c r="GR25" s="127">
        <v>18</v>
      </c>
      <c r="GS25" s="83">
        <v>12</v>
      </c>
      <c r="GT25" s="84">
        <v>30</v>
      </c>
      <c r="GU25" s="271"/>
      <c r="GV25" s="83">
        <v>33</v>
      </c>
      <c r="GW25" s="83">
        <v>20</v>
      </c>
      <c r="GX25" s="83">
        <v>10</v>
      </c>
      <c r="GY25" s="83">
        <v>14</v>
      </c>
      <c r="GZ25" s="83">
        <v>7</v>
      </c>
      <c r="HA25" s="85">
        <v>84</v>
      </c>
      <c r="HB25" s="86">
        <v>114</v>
      </c>
      <c r="HC25" s="71">
        <v>0</v>
      </c>
      <c r="HD25" s="72">
        <v>0</v>
      </c>
      <c r="HE25" s="73">
        <v>0</v>
      </c>
      <c r="HF25" s="271"/>
      <c r="HG25" s="72">
        <v>2</v>
      </c>
      <c r="HH25" s="72">
        <v>0</v>
      </c>
      <c r="HI25" s="72">
        <v>0</v>
      </c>
      <c r="HJ25" s="72">
        <v>0</v>
      </c>
      <c r="HK25" s="72">
        <v>0</v>
      </c>
      <c r="HL25" s="73">
        <v>2</v>
      </c>
      <c r="HM25" s="74">
        <v>2</v>
      </c>
      <c r="HN25" s="71">
        <v>0</v>
      </c>
      <c r="HO25" s="72">
        <v>0</v>
      </c>
      <c r="HP25" s="73">
        <v>0</v>
      </c>
      <c r="HQ25" s="271"/>
      <c r="HR25" s="72">
        <v>3</v>
      </c>
      <c r="HS25" s="72">
        <v>0</v>
      </c>
      <c r="HT25" s="72">
        <v>0</v>
      </c>
      <c r="HU25" s="72">
        <v>1</v>
      </c>
      <c r="HV25" s="72">
        <v>1</v>
      </c>
      <c r="HW25" s="73">
        <v>5</v>
      </c>
      <c r="HX25" s="74">
        <v>5</v>
      </c>
      <c r="HY25" s="71">
        <v>3</v>
      </c>
      <c r="HZ25" s="72">
        <v>4</v>
      </c>
      <c r="IA25" s="73">
        <v>7</v>
      </c>
      <c r="IB25" s="271"/>
      <c r="IC25" s="72">
        <v>6</v>
      </c>
      <c r="ID25" s="72">
        <v>1</v>
      </c>
      <c r="IE25" s="72">
        <v>1</v>
      </c>
      <c r="IF25" s="72">
        <v>1</v>
      </c>
      <c r="IG25" s="72">
        <v>1</v>
      </c>
      <c r="IH25" s="73">
        <v>10</v>
      </c>
      <c r="II25" s="74">
        <v>17</v>
      </c>
      <c r="IJ25" s="71">
        <v>6</v>
      </c>
      <c r="IK25" s="72">
        <v>3</v>
      </c>
      <c r="IL25" s="73">
        <v>9</v>
      </c>
      <c r="IM25" s="271"/>
      <c r="IN25" s="72">
        <v>8</v>
      </c>
      <c r="IO25" s="72">
        <v>4</v>
      </c>
      <c r="IP25" s="72">
        <v>3</v>
      </c>
      <c r="IQ25" s="72">
        <v>2</v>
      </c>
      <c r="IR25" s="72">
        <v>1</v>
      </c>
      <c r="IS25" s="73">
        <v>18</v>
      </c>
      <c r="IT25" s="74">
        <v>27</v>
      </c>
      <c r="IU25" s="71">
        <v>5</v>
      </c>
      <c r="IV25" s="72">
        <v>2</v>
      </c>
      <c r="IW25" s="73">
        <v>7</v>
      </c>
      <c r="IX25" s="271"/>
      <c r="IY25" s="72">
        <v>4</v>
      </c>
      <c r="IZ25" s="72">
        <v>6</v>
      </c>
      <c r="JA25" s="72">
        <v>2</v>
      </c>
      <c r="JB25" s="72">
        <v>4</v>
      </c>
      <c r="JC25" s="72">
        <v>2</v>
      </c>
      <c r="JD25" s="73">
        <v>18</v>
      </c>
      <c r="JE25" s="74">
        <v>25</v>
      </c>
      <c r="JF25" s="71">
        <v>4</v>
      </c>
      <c r="JG25" s="72">
        <v>3</v>
      </c>
      <c r="JH25" s="73">
        <v>7</v>
      </c>
      <c r="JI25" s="271"/>
      <c r="JJ25" s="72">
        <v>10</v>
      </c>
      <c r="JK25" s="72">
        <v>9</v>
      </c>
      <c r="JL25" s="72">
        <v>4</v>
      </c>
      <c r="JM25" s="72">
        <v>6</v>
      </c>
      <c r="JN25" s="72">
        <v>2</v>
      </c>
      <c r="JO25" s="73">
        <v>31</v>
      </c>
      <c r="JP25" s="74">
        <v>38</v>
      </c>
      <c r="JQ25" s="71">
        <v>0</v>
      </c>
      <c r="JR25" s="72">
        <v>0</v>
      </c>
      <c r="JS25" s="73">
        <v>0</v>
      </c>
      <c r="JT25" s="271"/>
      <c r="JU25" s="72">
        <v>0</v>
      </c>
      <c r="JV25" s="72">
        <v>0</v>
      </c>
      <c r="JW25" s="72">
        <v>0</v>
      </c>
      <c r="JX25" s="72">
        <v>0</v>
      </c>
      <c r="JY25" s="72">
        <v>0</v>
      </c>
      <c r="JZ25" s="73">
        <v>0</v>
      </c>
      <c r="KA25" s="74">
        <v>0</v>
      </c>
      <c r="KB25" s="71">
        <v>18</v>
      </c>
      <c r="KC25" s="72">
        <v>12</v>
      </c>
      <c r="KD25" s="73">
        <v>30</v>
      </c>
      <c r="KE25" s="274"/>
      <c r="KF25" s="72">
        <v>33</v>
      </c>
      <c r="KG25" s="72">
        <v>20</v>
      </c>
      <c r="KH25" s="72">
        <v>10</v>
      </c>
      <c r="KI25" s="72">
        <v>14</v>
      </c>
      <c r="KJ25" s="72">
        <v>7</v>
      </c>
      <c r="KK25" s="73">
        <v>84</v>
      </c>
      <c r="KL25" s="74">
        <v>114</v>
      </c>
    </row>
    <row r="26" spans="1:298" ht="19.5" customHeight="1" x14ac:dyDescent="0.2">
      <c r="A26" s="130" t="s">
        <v>23</v>
      </c>
      <c r="B26" s="353">
        <v>10</v>
      </c>
      <c r="C26" s="83">
        <v>14</v>
      </c>
      <c r="D26" s="84">
        <v>24</v>
      </c>
      <c r="E26" s="271"/>
      <c r="F26" s="83">
        <v>31</v>
      </c>
      <c r="G26" s="83">
        <v>24</v>
      </c>
      <c r="H26" s="83">
        <v>18</v>
      </c>
      <c r="I26" s="83">
        <v>17</v>
      </c>
      <c r="J26" s="83">
        <v>7</v>
      </c>
      <c r="K26" s="85">
        <v>97</v>
      </c>
      <c r="L26" s="86">
        <v>121</v>
      </c>
      <c r="M26" s="71">
        <v>0</v>
      </c>
      <c r="N26" s="72">
        <v>0</v>
      </c>
      <c r="O26" s="73">
        <v>0</v>
      </c>
      <c r="P26" s="271"/>
      <c r="Q26" s="72">
        <v>1</v>
      </c>
      <c r="R26" s="72">
        <v>1</v>
      </c>
      <c r="S26" s="72">
        <v>0</v>
      </c>
      <c r="T26" s="72">
        <v>1</v>
      </c>
      <c r="U26" s="72">
        <v>0</v>
      </c>
      <c r="V26" s="73">
        <v>3</v>
      </c>
      <c r="W26" s="74">
        <v>3</v>
      </c>
      <c r="X26" s="71">
        <v>3</v>
      </c>
      <c r="Y26" s="72">
        <v>2</v>
      </c>
      <c r="Z26" s="73">
        <v>5</v>
      </c>
      <c r="AA26" s="271"/>
      <c r="AB26" s="72">
        <v>1</v>
      </c>
      <c r="AC26" s="72">
        <v>3</v>
      </c>
      <c r="AD26" s="72">
        <v>0</v>
      </c>
      <c r="AE26" s="72">
        <v>1</v>
      </c>
      <c r="AF26" s="72">
        <v>0</v>
      </c>
      <c r="AG26" s="73">
        <v>5</v>
      </c>
      <c r="AH26" s="74">
        <v>10</v>
      </c>
      <c r="AI26" s="71">
        <v>1</v>
      </c>
      <c r="AJ26" s="72">
        <v>1</v>
      </c>
      <c r="AK26" s="73">
        <v>2</v>
      </c>
      <c r="AL26" s="271"/>
      <c r="AM26" s="72">
        <v>6</v>
      </c>
      <c r="AN26" s="72">
        <v>4</v>
      </c>
      <c r="AO26" s="72">
        <v>3</v>
      </c>
      <c r="AP26" s="72">
        <v>2</v>
      </c>
      <c r="AQ26" s="72">
        <v>1</v>
      </c>
      <c r="AR26" s="73">
        <v>16</v>
      </c>
      <c r="AS26" s="74">
        <v>18</v>
      </c>
      <c r="AT26" s="71">
        <v>1</v>
      </c>
      <c r="AU26" s="72">
        <v>6</v>
      </c>
      <c r="AV26" s="73">
        <v>7</v>
      </c>
      <c r="AW26" s="271"/>
      <c r="AX26" s="72">
        <v>8</v>
      </c>
      <c r="AY26" s="72">
        <v>7</v>
      </c>
      <c r="AZ26" s="72">
        <v>9</v>
      </c>
      <c r="BA26" s="72">
        <v>2</v>
      </c>
      <c r="BB26" s="72">
        <v>2</v>
      </c>
      <c r="BC26" s="73">
        <v>28</v>
      </c>
      <c r="BD26" s="74">
        <v>35</v>
      </c>
      <c r="BE26" s="71">
        <v>3</v>
      </c>
      <c r="BF26" s="72">
        <v>4</v>
      </c>
      <c r="BG26" s="73">
        <v>7</v>
      </c>
      <c r="BH26" s="271"/>
      <c r="BI26" s="72">
        <v>8</v>
      </c>
      <c r="BJ26" s="72">
        <v>5</v>
      </c>
      <c r="BK26" s="72">
        <v>2</v>
      </c>
      <c r="BL26" s="72">
        <v>4</v>
      </c>
      <c r="BM26" s="72">
        <v>3</v>
      </c>
      <c r="BN26" s="73">
        <v>22</v>
      </c>
      <c r="BO26" s="74">
        <v>29</v>
      </c>
      <c r="BP26" s="71">
        <v>2</v>
      </c>
      <c r="BQ26" s="72">
        <v>1</v>
      </c>
      <c r="BR26" s="73">
        <v>3</v>
      </c>
      <c r="BS26" s="271"/>
      <c r="BT26" s="72">
        <v>7</v>
      </c>
      <c r="BU26" s="72">
        <v>4</v>
      </c>
      <c r="BV26" s="72">
        <v>4</v>
      </c>
      <c r="BW26" s="72">
        <v>7</v>
      </c>
      <c r="BX26" s="72">
        <v>1</v>
      </c>
      <c r="BY26" s="73">
        <v>23</v>
      </c>
      <c r="BZ26" s="74">
        <v>26</v>
      </c>
      <c r="CA26" s="71">
        <v>0</v>
      </c>
      <c r="CB26" s="72">
        <v>0</v>
      </c>
      <c r="CC26" s="73">
        <v>0</v>
      </c>
      <c r="CD26" s="271"/>
      <c r="CE26" s="72">
        <v>0</v>
      </c>
      <c r="CF26" s="72">
        <v>0</v>
      </c>
      <c r="CG26" s="72">
        <v>0</v>
      </c>
      <c r="CH26" s="72">
        <v>0</v>
      </c>
      <c r="CI26" s="72">
        <v>0</v>
      </c>
      <c r="CJ26" s="73">
        <v>0</v>
      </c>
      <c r="CK26" s="74">
        <v>0</v>
      </c>
      <c r="CL26" s="71">
        <v>10</v>
      </c>
      <c r="CM26" s="72">
        <v>14</v>
      </c>
      <c r="CN26" s="73">
        <v>24</v>
      </c>
      <c r="CO26" s="271"/>
      <c r="CP26" s="72">
        <v>31</v>
      </c>
      <c r="CQ26" s="72">
        <v>24</v>
      </c>
      <c r="CR26" s="72">
        <v>18</v>
      </c>
      <c r="CS26" s="72">
        <v>17</v>
      </c>
      <c r="CT26" s="72">
        <v>7</v>
      </c>
      <c r="CU26" s="73">
        <v>97</v>
      </c>
      <c r="CV26" s="74">
        <v>121</v>
      </c>
      <c r="CW26" s="127">
        <v>6</v>
      </c>
      <c r="CX26" s="83">
        <v>8</v>
      </c>
      <c r="CY26" s="84">
        <v>14</v>
      </c>
      <c r="CZ26" s="271"/>
      <c r="DA26" s="83">
        <v>9</v>
      </c>
      <c r="DB26" s="83">
        <v>11</v>
      </c>
      <c r="DC26" s="83">
        <v>5</v>
      </c>
      <c r="DD26" s="83">
        <v>10</v>
      </c>
      <c r="DE26" s="83">
        <v>2</v>
      </c>
      <c r="DF26" s="85">
        <v>37</v>
      </c>
      <c r="DG26" s="86">
        <v>51</v>
      </c>
      <c r="DH26" s="71">
        <v>0</v>
      </c>
      <c r="DI26" s="72">
        <v>0</v>
      </c>
      <c r="DJ26" s="73">
        <v>0</v>
      </c>
      <c r="DK26" s="271"/>
      <c r="DL26" s="72">
        <v>0</v>
      </c>
      <c r="DM26" s="72">
        <v>1</v>
      </c>
      <c r="DN26" s="72">
        <v>1</v>
      </c>
      <c r="DO26" s="72">
        <v>0</v>
      </c>
      <c r="DP26" s="72">
        <v>0</v>
      </c>
      <c r="DQ26" s="73">
        <v>2</v>
      </c>
      <c r="DR26" s="74">
        <v>2</v>
      </c>
      <c r="DS26" s="71">
        <v>1</v>
      </c>
      <c r="DT26" s="72">
        <v>0</v>
      </c>
      <c r="DU26" s="73">
        <v>1</v>
      </c>
      <c r="DV26" s="271"/>
      <c r="DW26" s="72">
        <v>0</v>
      </c>
      <c r="DX26" s="72">
        <v>1</v>
      </c>
      <c r="DY26" s="72">
        <v>0</v>
      </c>
      <c r="DZ26" s="72">
        <v>0</v>
      </c>
      <c r="EA26" s="72">
        <v>0</v>
      </c>
      <c r="EB26" s="73">
        <v>1</v>
      </c>
      <c r="EC26" s="74">
        <v>2</v>
      </c>
      <c r="ED26" s="71">
        <v>1</v>
      </c>
      <c r="EE26" s="72">
        <v>3</v>
      </c>
      <c r="EF26" s="73">
        <v>4</v>
      </c>
      <c r="EG26" s="271"/>
      <c r="EH26" s="72">
        <v>0</v>
      </c>
      <c r="EI26" s="72">
        <v>0</v>
      </c>
      <c r="EJ26" s="72">
        <v>0</v>
      </c>
      <c r="EK26" s="72">
        <v>0</v>
      </c>
      <c r="EL26" s="72">
        <v>0</v>
      </c>
      <c r="EM26" s="73">
        <v>0</v>
      </c>
      <c r="EN26" s="74">
        <v>4</v>
      </c>
      <c r="EO26" s="71">
        <v>1</v>
      </c>
      <c r="EP26" s="72">
        <v>3</v>
      </c>
      <c r="EQ26" s="73">
        <v>4</v>
      </c>
      <c r="ER26" s="271"/>
      <c r="ES26" s="72">
        <v>0</v>
      </c>
      <c r="ET26" s="72">
        <v>1</v>
      </c>
      <c r="EU26" s="72">
        <v>1</v>
      </c>
      <c r="EV26" s="72">
        <v>0</v>
      </c>
      <c r="EW26" s="72">
        <v>0</v>
      </c>
      <c r="EX26" s="73">
        <v>2</v>
      </c>
      <c r="EY26" s="74">
        <v>6</v>
      </c>
      <c r="EZ26" s="71">
        <v>2</v>
      </c>
      <c r="FA26" s="72">
        <v>1</v>
      </c>
      <c r="FB26" s="73">
        <v>3</v>
      </c>
      <c r="FC26" s="271"/>
      <c r="FD26" s="72">
        <v>3</v>
      </c>
      <c r="FE26" s="72">
        <v>4</v>
      </c>
      <c r="FF26" s="72">
        <v>0</v>
      </c>
      <c r="FG26" s="72">
        <v>2</v>
      </c>
      <c r="FH26" s="72">
        <v>0</v>
      </c>
      <c r="FI26" s="73">
        <v>9</v>
      </c>
      <c r="FJ26" s="74">
        <v>12</v>
      </c>
      <c r="FK26" s="71">
        <v>1</v>
      </c>
      <c r="FL26" s="72">
        <v>1</v>
      </c>
      <c r="FM26" s="73">
        <v>2</v>
      </c>
      <c r="FN26" s="271"/>
      <c r="FO26" s="72">
        <v>6</v>
      </c>
      <c r="FP26" s="72">
        <v>4</v>
      </c>
      <c r="FQ26" s="72">
        <v>3</v>
      </c>
      <c r="FR26" s="72">
        <v>8</v>
      </c>
      <c r="FS26" s="72">
        <v>2</v>
      </c>
      <c r="FT26" s="73">
        <v>23</v>
      </c>
      <c r="FU26" s="74">
        <v>25</v>
      </c>
      <c r="FV26" s="71">
        <v>0</v>
      </c>
      <c r="FW26" s="72">
        <v>0</v>
      </c>
      <c r="FX26" s="73">
        <v>0</v>
      </c>
      <c r="FY26" s="271"/>
      <c r="FZ26" s="72">
        <v>0</v>
      </c>
      <c r="GA26" s="72">
        <v>0</v>
      </c>
      <c r="GB26" s="72">
        <v>0</v>
      </c>
      <c r="GC26" s="72">
        <v>0</v>
      </c>
      <c r="GD26" s="72">
        <v>0</v>
      </c>
      <c r="GE26" s="73">
        <v>0</v>
      </c>
      <c r="GF26" s="74">
        <v>0</v>
      </c>
      <c r="GG26" s="71">
        <v>6</v>
      </c>
      <c r="GH26" s="72">
        <v>8</v>
      </c>
      <c r="GI26" s="73">
        <v>14</v>
      </c>
      <c r="GJ26" s="271"/>
      <c r="GK26" s="72">
        <v>9</v>
      </c>
      <c r="GL26" s="72">
        <v>11</v>
      </c>
      <c r="GM26" s="72">
        <v>5</v>
      </c>
      <c r="GN26" s="72">
        <v>10</v>
      </c>
      <c r="GO26" s="72">
        <v>2</v>
      </c>
      <c r="GP26" s="73">
        <v>37</v>
      </c>
      <c r="GQ26" s="74">
        <v>51</v>
      </c>
      <c r="GR26" s="127">
        <v>16</v>
      </c>
      <c r="GS26" s="83">
        <v>22</v>
      </c>
      <c r="GT26" s="84">
        <v>38</v>
      </c>
      <c r="GU26" s="271"/>
      <c r="GV26" s="83">
        <v>40</v>
      </c>
      <c r="GW26" s="83">
        <v>35</v>
      </c>
      <c r="GX26" s="83">
        <v>23</v>
      </c>
      <c r="GY26" s="83">
        <v>27</v>
      </c>
      <c r="GZ26" s="83">
        <v>9</v>
      </c>
      <c r="HA26" s="85">
        <v>134</v>
      </c>
      <c r="HB26" s="86">
        <v>172</v>
      </c>
      <c r="HC26" s="71">
        <v>0</v>
      </c>
      <c r="HD26" s="72">
        <v>0</v>
      </c>
      <c r="HE26" s="73">
        <v>0</v>
      </c>
      <c r="HF26" s="271"/>
      <c r="HG26" s="72">
        <v>1</v>
      </c>
      <c r="HH26" s="72">
        <v>2</v>
      </c>
      <c r="HI26" s="72">
        <v>1</v>
      </c>
      <c r="HJ26" s="72">
        <v>1</v>
      </c>
      <c r="HK26" s="72">
        <v>0</v>
      </c>
      <c r="HL26" s="73">
        <v>5</v>
      </c>
      <c r="HM26" s="74">
        <v>5</v>
      </c>
      <c r="HN26" s="71">
        <v>4</v>
      </c>
      <c r="HO26" s="72">
        <v>2</v>
      </c>
      <c r="HP26" s="73">
        <v>6</v>
      </c>
      <c r="HQ26" s="271"/>
      <c r="HR26" s="72">
        <v>1</v>
      </c>
      <c r="HS26" s="72">
        <v>4</v>
      </c>
      <c r="HT26" s="72">
        <v>0</v>
      </c>
      <c r="HU26" s="72">
        <v>1</v>
      </c>
      <c r="HV26" s="72">
        <v>0</v>
      </c>
      <c r="HW26" s="73">
        <v>6</v>
      </c>
      <c r="HX26" s="74">
        <v>12</v>
      </c>
      <c r="HY26" s="71">
        <v>2</v>
      </c>
      <c r="HZ26" s="72">
        <v>4</v>
      </c>
      <c r="IA26" s="73">
        <v>6</v>
      </c>
      <c r="IB26" s="271"/>
      <c r="IC26" s="72">
        <v>6</v>
      </c>
      <c r="ID26" s="72">
        <v>4</v>
      </c>
      <c r="IE26" s="72">
        <v>3</v>
      </c>
      <c r="IF26" s="72">
        <v>2</v>
      </c>
      <c r="IG26" s="72">
        <v>1</v>
      </c>
      <c r="IH26" s="73">
        <v>16</v>
      </c>
      <c r="II26" s="74">
        <v>22</v>
      </c>
      <c r="IJ26" s="71">
        <v>2</v>
      </c>
      <c r="IK26" s="72">
        <v>9</v>
      </c>
      <c r="IL26" s="73">
        <v>11</v>
      </c>
      <c r="IM26" s="271"/>
      <c r="IN26" s="72">
        <v>8</v>
      </c>
      <c r="IO26" s="72">
        <v>8</v>
      </c>
      <c r="IP26" s="72">
        <v>10</v>
      </c>
      <c r="IQ26" s="72">
        <v>2</v>
      </c>
      <c r="IR26" s="72">
        <v>2</v>
      </c>
      <c r="IS26" s="73">
        <v>30</v>
      </c>
      <c r="IT26" s="74">
        <v>41</v>
      </c>
      <c r="IU26" s="71">
        <v>5</v>
      </c>
      <c r="IV26" s="72">
        <v>5</v>
      </c>
      <c r="IW26" s="73">
        <v>10</v>
      </c>
      <c r="IX26" s="271"/>
      <c r="IY26" s="72">
        <v>11</v>
      </c>
      <c r="IZ26" s="72">
        <v>9</v>
      </c>
      <c r="JA26" s="72">
        <v>2</v>
      </c>
      <c r="JB26" s="72">
        <v>6</v>
      </c>
      <c r="JC26" s="72">
        <v>3</v>
      </c>
      <c r="JD26" s="73">
        <v>31</v>
      </c>
      <c r="JE26" s="74">
        <v>41</v>
      </c>
      <c r="JF26" s="71">
        <v>3</v>
      </c>
      <c r="JG26" s="72">
        <v>2</v>
      </c>
      <c r="JH26" s="73">
        <v>5</v>
      </c>
      <c r="JI26" s="271"/>
      <c r="JJ26" s="72">
        <v>13</v>
      </c>
      <c r="JK26" s="72">
        <v>8</v>
      </c>
      <c r="JL26" s="72">
        <v>7</v>
      </c>
      <c r="JM26" s="72">
        <v>15</v>
      </c>
      <c r="JN26" s="72">
        <v>3</v>
      </c>
      <c r="JO26" s="73">
        <v>46</v>
      </c>
      <c r="JP26" s="74">
        <v>51</v>
      </c>
      <c r="JQ26" s="71">
        <v>0</v>
      </c>
      <c r="JR26" s="72">
        <v>0</v>
      </c>
      <c r="JS26" s="73">
        <v>0</v>
      </c>
      <c r="JT26" s="271"/>
      <c r="JU26" s="72">
        <v>0</v>
      </c>
      <c r="JV26" s="72">
        <v>0</v>
      </c>
      <c r="JW26" s="72">
        <v>0</v>
      </c>
      <c r="JX26" s="72">
        <v>0</v>
      </c>
      <c r="JY26" s="72">
        <v>0</v>
      </c>
      <c r="JZ26" s="73">
        <v>0</v>
      </c>
      <c r="KA26" s="74">
        <v>0</v>
      </c>
      <c r="KB26" s="71">
        <v>16</v>
      </c>
      <c r="KC26" s="72">
        <v>22</v>
      </c>
      <c r="KD26" s="73">
        <v>38</v>
      </c>
      <c r="KE26" s="274"/>
      <c r="KF26" s="72">
        <v>40</v>
      </c>
      <c r="KG26" s="72">
        <v>35</v>
      </c>
      <c r="KH26" s="72">
        <v>23</v>
      </c>
      <c r="KI26" s="72">
        <v>27</v>
      </c>
      <c r="KJ26" s="72">
        <v>9</v>
      </c>
      <c r="KK26" s="73">
        <v>134</v>
      </c>
      <c r="KL26" s="74">
        <v>172</v>
      </c>
    </row>
    <row r="27" spans="1:298" ht="19.5" customHeight="1" x14ac:dyDescent="0.2">
      <c r="A27" s="130" t="s">
        <v>24</v>
      </c>
      <c r="B27" s="353">
        <v>23</v>
      </c>
      <c r="C27" s="83">
        <v>15</v>
      </c>
      <c r="D27" s="84">
        <v>38</v>
      </c>
      <c r="E27" s="271"/>
      <c r="F27" s="83">
        <v>30</v>
      </c>
      <c r="G27" s="83">
        <v>16</v>
      </c>
      <c r="H27" s="83">
        <v>11</v>
      </c>
      <c r="I27" s="83">
        <v>20</v>
      </c>
      <c r="J27" s="83">
        <v>10</v>
      </c>
      <c r="K27" s="85">
        <v>87</v>
      </c>
      <c r="L27" s="86">
        <v>125</v>
      </c>
      <c r="M27" s="71">
        <v>0</v>
      </c>
      <c r="N27" s="72">
        <v>0</v>
      </c>
      <c r="O27" s="73">
        <v>0</v>
      </c>
      <c r="P27" s="271"/>
      <c r="Q27" s="72">
        <v>0</v>
      </c>
      <c r="R27" s="72">
        <v>0</v>
      </c>
      <c r="S27" s="72">
        <v>0</v>
      </c>
      <c r="T27" s="72">
        <v>0</v>
      </c>
      <c r="U27" s="72">
        <v>1</v>
      </c>
      <c r="V27" s="73">
        <v>1</v>
      </c>
      <c r="W27" s="74">
        <v>1</v>
      </c>
      <c r="X27" s="71">
        <v>1</v>
      </c>
      <c r="Y27" s="72">
        <v>0</v>
      </c>
      <c r="Z27" s="73">
        <v>1</v>
      </c>
      <c r="AA27" s="271"/>
      <c r="AB27" s="72">
        <v>0</v>
      </c>
      <c r="AC27" s="72">
        <v>0</v>
      </c>
      <c r="AD27" s="72">
        <v>2</v>
      </c>
      <c r="AE27" s="72">
        <v>0</v>
      </c>
      <c r="AF27" s="72">
        <v>0</v>
      </c>
      <c r="AG27" s="73">
        <v>2</v>
      </c>
      <c r="AH27" s="74">
        <v>3</v>
      </c>
      <c r="AI27" s="71">
        <v>2</v>
      </c>
      <c r="AJ27" s="72">
        <v>0</v>
      </c>
      <c r="AK27" s="73">
        <v>2</v>
      </c>
      <c r="AL27" s="271"/>
      <c r="AM27" s="72">
        <v>2</v>
      </c>
      <c r="AN27" s="72">
        <v>2</v>
      </c>
      <c r="AO27" s="72">
        <v>1</v>
      </c>
      <c r="AP27" s="72">
        <v>2</v>
      </c>
      <c r="AQ27" s="72">
        <v>2</v>
      </c>
      <c r="AR27" s="73">
        <v>9</v>
      </c>
      <c r="AS27" s="74">
        <v>11</v>
      </c>
      <c r="AT27" s="71">
        <v>9</v>
      </c>
      <c r="AU27" s="72">
        <v>7</v>
      </c>
      <c r="AV27" s="73">
        <v>16</v>
      </c>
      <c r="AW27" s="271"/>
      <c r="AX27" s="72">
        <v>10</v>
      </c>
      <c r="AY27" s="72">
        <v>6</v>
      </c>
      <c r="AZ27" s="72">
        <v>4</v>
      </c>
      <c r="BA27" s="72">
        <v>5</v>
      </c>
      <c r="BB27" s="72">
        <v>1</v>
      </c>
      <c r="BC27" s="73">
        <v>26</v>
      </c>
      <c r="BD27" s="74">
        <v>42</v>
      </c>
      <c r="BE27" s="71">
        <v>7</v>
      </c>
      <c r="BF27" s="72">
        <v>3</v>
      </c>
      <c r="BG27" s="73">
        <v>10</v>
      </c>
      <c r="BH27" s="271"/>
      <c r="BI27" s="72">
        <v>11</v>
      </c>
      <c r="BJ27" s="72">
        <v>4</v>
      </c>
      <c r="BK27" s="72">
        <v>3</v>
      </c>
      <c r="BL27" s="72">
        <v>5</v>
      </c>
      <c r="BM27" s="72">
        <v>3</v>
      </c>
      <c r="BN27" s="73">
        <v>26</v>
      </c>
      <c r="BO27" s="74">
        <v>36</v>
      </c>
      <c r="BP27" s="71">
        <v>4</v>
      </c>
      <c r="BQ27" s="72">
        <v>5</v>
      </c>
      <c r="BR27" s="73">
        <v>9</v>
      </c>
      <c r="BS27" s="271"/>
      <c r="BT27" s="72">
        <v>7</v>
      </c>
      <c r="BU27" s="72">
        <v>4</v>
      </c>
      <c r="BV27" s="72">
        <v>1</v>
      </c>
      <c r="BW27" s="72">
        <v>8</v>
      </c>
      <c r="BX27" s="72">
        <v>3</v>
      </c>
      <c r="BY27" s="73">
        <v>23</v>
      </c>
      <c r="BZ27" s="74">
        <v>32</v>
      </c>
      <c r="CA27" s="71">
        <v>0</v>
      </c>
      <c r="CB27" s="72">
        <v>0</v>
      </c>
      <c r="CC27" s="73">
        <v>0</v>
      </c>
      <c r="CD27" s="271"/>
      <c r="CE27" s="72">
        <v>0</v>
      </c>
      <c r="CF27" s="72">
        <v>0</v>
      </c>
      <c r="CG27" s="72">
        <v>0</v>
      </c>
      <c r="CH27" s="72">
        <v>0</v>
      </c>
      <c r="CI27" s="72">
        <v>0</v>
      </c>
      <c r="CJ27" s="73">
        <v>0</v>
      </c>
      <c r="CK27" s="74">
        <v>0</v>
      </c>
      <c r="CL27" s="71">
        <v>23</v>
      </c>
      <c r="CM27" s="72">
        <v>15</v>
      </c>
      <c r="CN27" s="73">
        <v>38</v>
      </c>
      <c r="CO27" s="271"/>
      <c r="CP27" s="72">
        <v>30</v>
      </c>
      <c r="CQ27" s="72">
        <v>16</v>
      </c>
      <c r="CR27" s="72">
        <v>11</v>
      </c>
      <c r="CS27" s="72">
        <v>20</v>
      </c>
      <c r="CT27" s="72">
        <v>10</v>
      </c>
      <c r="CU27" s="73">
        <v>87</v>
      </c>
      <c r="CV27" s="74">
        <v>125</v>
      </c>
      <c r="CW27" s="127">
        <v>8</v>
      </c>
      <c r="CX27" s="83">
        <v>5</v>
      </c>
      <c r="CY27" s="84">
        <v>13</v>
      </c>
      <c r="CZ27" s="271"/>
      <c r="DA27" s="83">
        <v>9</v>
      </c>
      <c r="DB27" s="83">
        <v>9</v>
      </c>
      <c r="DC27" s="83">
        <v>3</v>
      </c>
      <c r="DD27" s="83">
        <v>3</v>
      </c>
      <c r="DE27" s="83">
        <v>2</v>
      </c>
      <c r="DF27" s="85">
        <v>26</v>
      </c>
      <c r="DG27" s="86">
        <v>39</v>
      </c>
      <c r="DH27" s="71">
        <v>0</v>
      </c>
      <c r="DI27" s="72">
        <v>0</v>
      </c>
      <c r="DJ27" s="73">
        <v>0</v>
      </c>
      <c r="DK27" s="271"/>
      <c r="DL27" s="72">
        <v>0</v>
      </c>
      <c r="DM27" s="72">
        <v>0</v>
      </c>
      <c r="DN27" s="72">
        <v>0</v>
      </c>
      <c r="DO27" s="72">
        <v>0</v>
      </c>
      <c r="DP27" s="72">
        <v>0</v>
      </c>
      <c r="DQ27" s="73">
        <v>0</v>
      </c>
      <c r="DR27" s="74">
        <v>0</v>
      </c>
      <c r="DS27" s="71">
        <v>0</v>
      </c>
      <c r="DT27" s="72">
        <v>0</v>
      </c>
      <c r="DU27" s="73">
        <v>0</v>
      </c>
      <c r="DV27" s="271"/>
      <c r="DW27" s="72">
        <v>1</v>
      </c>
      <c r="DX27" s="72">
        <v>0</v>
      </c>
      <c r="DY27" s="72">
        <v>0</v>
      </c>
      <c r="DZ27" s="72">
        <v>2</v>
      </c>
      <c r="EA27" s="72">
        <v>0</v>
      </c>
      <c r="EB27" s="73">
        <v>3</v>
      </c>
      <c r="EC27" s="74">
        <v>3</v>
      </c>
      <c r="ED27" s="71">
        <v>1</v>
      </c>
      <c r="EE27" s="72">
        <v>0</v>
      </c>
      <c r="EF27" s="73">
        <v>1</v>
      </c>
      <c r="EG27" s="271"/>
      <c r="EH27" s="72">
        <v>2</v>
      </c>
      <c r="EI27" s="72">
        <v>0</v>
      </c>
      <c r="EJ27" s="72">
        <v>0</v>
      </c>
      <c r="EK27" s="72">
        <v>0</v>
      </c>
      <c r="EL27" s="72">
        <v>0</v>
      </c>
      <c r="EM27" s="73">
        <v>2</v>
      </c>
      <c r="EN27" s="74">
        <v>3</v>
      </c>
      <c r="EO27" s="71">
        <v>0</v>
      </c>
      <c r="EP27" s="72">
        <v>2</v>
      </c>
      <c r="EQ27" s="73">
        <v>2</v>
      </c>
      <c r="ER27" s="271"/>
      <c r="ES27" s="72">
        <v>1</v>
      </c>
      <c r="ET27" s="72">
        <v>2</v>
      </c>
      <c r="EU27" s="72">
        <v>2</v>
      </c>
      <c r="EV27" s="72">
        <v>0</v>
      </c>
      <c r="EW27" s="72">
        <v>1</v>
      </c>
      <c r="EX27" s="73">
        <v>6</v>
      </c>
      <c r="EY27" s="74">
        <v>8</v>
      </c>
      <c r="EZ27" s="71">
        <v>5</v>
      </c>
      <c r="FA27" s="72">
        <v>2</v>
      </c>
      <c r="FB27" s="73">
        <v>7</v>
      </c>
      <c r="FC27" s="271"/>
      <c r="FD27" s="72">
        <v>3</v>
      </c>
      <c r="FE27" s="72">
        <v>3</v>
      </c>
      <c r="FF27" s="72">
        <v>1</v>
      </c>
      <c r="FG27" s="72">
        <v>0</v>
      </c>
      <c r="FH27" s="72">
        <v>1</v>
      </c>
      <c r="FI27" s="73">
        <v>8</v>
      </c>
      <c r="FJ27" s="74">
        <v>15</v>
      </c>
      <c r="FK27" s="71">
        <v>2</v>
      </c>
      <c r="FL27" s="72">
        <v>1</v>
      </c>
      <c r="FM27" s="73">
        <v>3</v>
      </c>
      <c r="FN27" s="271"/>
      <c r="FO27" s="72">
        <v>2</v>
      </c>
      <c r="FP27" s="72">
        <v>4</v>
      </c>
      <c r="FQ27" s="72">
        <v>0</v>
      </c>
      <c r="FR27" s="72">
        <v>1</v>
      </c>
      <c r="FS27" s="72">
        <v>0</v>
      </c>
      <c r="FT27" s="73">
        <v>7</v>
      </c>
      <c r="FU27" s="74">
        <v>10</v>
      </c>
      <c r="FV27" s="71">
        <v>0</v>
      </c>
      <c r="FW27" s="72">
        <v>0</v>
      </c>
      <c r="FX27" s="73">
        <v>0</v>
      </c>
      <c r="FY27" s="271"/>
      <c r="FZ27" s="72">
        <v>0</v>
      </c>
      <c r="GA27" s="72">
        <v>0</v>
      </c>
      <c r="GB27" s="72">
        <v>0</v>
      </c>
      <c r="GC27" s="72">
        <v>0</v>
      </c>
      <c r="GD27" s="72">
        <v>0</v>
      </c>
      <c r="GE27" s="73">
        <v>0</v>
      </c>
      <c r="GF27" s="74">
        <v>0</v>
      </c>
      <c r="GG27" s="71">
        <v>8</v>
      </c>
      <c r="GH27" s="72">
        <v>5</v>
      </c>
      <c r="GI27" s="73">
        <v>13</v>
      </c>
      <c r="GJ27" s="271"/>
      <c r="GK27" s="72">
        <v>9</v>
      </c>
      <c r="GL27" s="72">
        <v>9</v>
      </c>
      <c r="GM27" s="72">
        <v>3</v>
      </c>
      <c r="GN27" s="72">
        <v>3</v>
      </c>
      <c r="GO27" s="72">
        <v>2</v>
      </c>
      <c r="GP27" s="73">
        <v>26</v>
      </c>
      <c r="GQ27" s="74">
        <v>39</v>
      </c>
      <c r="GR27" s="127">
        <v>31</v>
      </c>
      <c r="GS27" s="83">
        <v>20</v>
      </c>
      <c r="GT27" s="84">
        <v>51</v>
      </c>
      <c r="GU27" s="271"/>
      <c r="GV27" s="83">
        <v>39</v>
      </c>
      <c r="GW27" s="83">
        <v>25</v>
      </c>
      <c r="GX27" s="83">
        <v>14</v>
      </c>
      <c r="GY27" s="83">
        <v>23</v>
      </c>
      <c r="GZ27" s="83">
        <v>12</v>
      </c>
      <c r="HA27" s="85">
        <v>113</v>
      </c>
      <c r="HB27" s="86">
        <v>164</v>
      </c>
      <c r="HC27" s="71">
        <v>0</v>
      </c>
      <c r="HD27" s="72">
        <v>0</v>
      </c>
      <c r="HE27" s="73">
        <v>0</v>
      </c>
      <c r="HF27" s="271"/>
      <c r="HG27" s="72">
        <v>0</v>
      </c>
      <c r="HH27" s="72">
        <v>0</v>
      </c>
      <c r="HI27" s="72">
        <v>0</v>
      </c>
      <c r="HJ27" s="72">
        <v>0</v>
      </c>
      <c r="HK27" s="72">
        <v>1</v>
      </c>
      <c r="HL27" s="73">
        <v>1</v>
      </c>
      <c r="HM27" s="74">
        <v>1</v>
      </c>
      <c r="HN27" s="71">
        <v>1</v>
      </c>
      <c r="HO27" s="72">
        <v>0</v>
      </c>
      <c r="HP27" s="73">
        <v>1</v>
      </c>
      <c r="HQ27" s="271"/>
      <c r="HR27" s="72">
        <v>1</v>
      </c>
      <c r="HS27" s="72">
        <v>0</v>
      </c>
      <c r="HT27" s="72">
        <v>2</v>
      </c>
      <c r="HU27" s="72">
        <v>2</v>
      </c>
      <c r="HV27" s="72">
        <v>0</v>
      </c>
      <c r="HW27" s="73">
        <v>5</v>
      </c>
      <c r="HX27" s="74">
        <v>6</v>
      </c>
      <c r="HY27" s="71">
        <v>3</v>
      </c>
      <c r="HZ27" s="72">
        <v>0</v>
      </c>
      <c r="IA27" s="73">
        <v>3</v>
      </c>
      <c r="IB27" s="271"/>
      <c r="IC27" s="72">
        <v>4</v>
      </c>
      <c r="ID27" s="72">
        <v>2</v>
      </c>
      <c r="IE27" s="72">
        <v>1</v>
      </c>
      <c r="IF27" s="72">
        <v>2</v>
      </c>
      <c r="IG27" s="72">
        <v>2</v>
      </c>
      <c r="IH27" s="73">
        <v>11</v>
      </c>
      <c r="II27" s="74">
        <v>14</v>
      </c>
      <c r="IJ27" s="71">
        <v>9</v>
      </c>
      <c r="IK27" s="72">
        <v>9</v>
      </c>
      <c r="IL27" s="73">
        <v>18</v>
      </c>
      <c r="IM27" s="271"/>
      <c r="IN27" s="72">
        <v>11</v>
      </c>
      <c r="IO27" s="72">
        <v>8</v>
      </c>
      <c r="IP27" s="72">
        <v>6</v>
      </c>
      <c r="IQ27" s="72">
        <v>5</v>
      </c>
      <c r="IR27" s="72">
        <v>2</v>
      </c>
      <c r="IS27" s="73">
        <v>32</v>
      </c>
      <c r="IT27" s="74">
        <v>50</v>
      </c>
      <c r="IU27" s="71">
        <v>12</v>
      </c>
      <c r="IV27" s="72">
        <v>5</v>
      </c>
      <c r="IW27" s="73">
        <v>17</v>
      </c>
      <c r="IX27" s="271"/>
      <c r="IY27" s="72">
        <v>14</v>
      </c>
      <c r="IZ27" s="72">
        <v>7</v>
      </c>
      <c r="JA27" s="72">
        <v>4</v>
      </c>
      <c r="JB27" s="72">
        <v>5</v>
      </c>
      <c r="JC27" s="72">
        <v>4</v>
      </c>
      <c r="JD27" s="73">
        <v>34</v>
      </c>
      <c r="JE27" s="74">
        <v>51</v>
      </c>
      <c r="JF27" s="71">
        <v>6</v>
      </c>
      <c r="JG27" s="72">
        <v>6</v>
      </c>
      <c r="JH27" s="73">
        <v>12</v>
      </c>
      <c r="JI27" s="271"/>
      <c r="JJ27" s="72">
        <v>9</v>
      </c>
      <c r="JK27" s="72">
        <v>8</v>
      </c>
      <c r="JL27" s="72">
        <v>1</v>
      </c>
      <c r="JM27" s="72">
        <v>9</v>
      </c>
      <c r="JN27" s="72">
        <v>3</v>
      </c>
      <c r="JO27" s="73">
        <v>30</v>
      </c>
      <c r="JP27" s="74">
        <v>42</v>
      </c>
      <c r="JQ27" s="71">
        <v>0</v>
      </c>
      <c r="JR27" s="72">
        <v>0</v>
      </c>
      <c r="JS27" s="73">
        <v>0</v>
      </c>
      <c r="JT27" s="271"/>
      <c r="JU27" s="72">
        <v>0</v>
      </c>
      <c r="JV27" s="72">
        <v>0</v>
      </c>
      <c r="JW27" s="72">
        <v>0</v>
      </c>
      <c r="JX27" s="72">
        <v>0</v>
      </c>
      <c r="JY27" s="72">
        <v>0</v>
      </c>
      <c r="JZ27" s="73">
        <v>0</v>
      </c>
      <c r="KA27" s="74">
        <v>0</v>
      </c>
      <c r="KB27" s="71">
        <v>31</v>
      </c>
      <c r="KC27" s="72">
        <v>20</v>
      </c>
      <c r="KD27" s="73">
        <v>51</v>
      </c>
      <c r="KE27" s="274"/>
      <c r="KF27" s="72">
        <v>39</v>
      </c>
      <c r="KG27" s="72">
        <v>25</v>
      </c>
      <c r="KH27" s="72">
        <v>14</v>
      </c>
      <c r="KI27" s="72">
        <v>23</v>
      </c>
      <c r="KJ27" s="72">
        <v>12</v>
      </c>
      <c r="KK27" s="73">
        <v>113</v>
      </c>
      <c r="KL27" s="74">
        <v>164</v>
      </c>
    </row>
    <row r="28" spans="1:298" ht="19.5" customHeight="1" x14ac:dyDescent="0.2">
      <c r="A28" s="130" t="s">
        <v>25</v>
      </c>
      <c r="B28" s="353">
        <v>7</v>
      </c>
      <c r="C28" s="83">
        <v>12</v>
      </c>
      <c r="D28" s="84">
        <v>19</v>
      </c>
      <c r="E28" s="271"/>
      <c r="F28" s="83">
        <v>10</v>
      </c>
      <c r="G28" s="83">
        <v>8</v>
      </c>
      <c r="H28" s="83">
        <v>7</v>
      </c>
      <c r="I28" s="83">
        <v>4</v>
      </c>
      <c r="J28" s="83">
        <v>3</v>
      </c>
      <c r="K28" s="85">
        <v>32</v>
      </c>
      <c r="L28" s="86">
        <v>51</v>
      </c>
      <c r="M28" s="71">
        <v>0</v>
      </c>
      <c r="N28" s="72">
        <v>1</v>
      </c>
      <c r="O28" s="73">
        <v>1</v>
      </c>
      <c r="P28" s="271"/>
      <c r="Q28" s="72">
        <v>0</v>
      </c>
      <c r="R28" s="72">
        <v>1</v>
      </c>
      <c r="S28" s="72">
        <v>0</v>
      </c>
      <c r="T28" s="72">
        <v>0</v>
      </c>
      <c r="U28" s="72">
        <v>1</v>
      </c>
      <c r="V28" s="73">
        <v>2</v>
      </c>
      <c r="W28" s="74">
        <v>3</v>
      </c>
      <c r="X28" s="71">
        <v>0</v>
      </c>
      <c r="Y28" s="72">
        <v>1</v>
      </c>
      <c r="Z28" s="73">
        <v>1</v>
      </c>
      <c r="AA28" s="271"/>
      <c r="AB28" s="72">
        <v>3</v>
      </c>
      <c r="AC28" s="72">
        <v>0</v>
      </c>
      <c r="AD28" s="72">
        <v>0</v>
      </c>
      <c r="AE28" s="72">
        <v>1</v>
      </c>
      <c r="AF28" s="72">
        <v>0</v>
      </c>
      <c r="AG28" s="73">
        <v>4</v>
      </c>
      <c r="AH28" s="74">
        <v>5</v>
      </c>
      <c r="AI28" s="71">
        <v>0</v>
      </c>
      <c r="AJ28" s="72">
        <v>1</v>
      </c>
      <c r="AK28" s="73">
        <v>1</v>
      </c>
      <c r="AL28" s="271"/>
      <c r="AM28" s="72">
        <v>1</v>
      </c>
      <c r="AN28" s="72">
        <v>2</v>
      </c>
      <c r="AO28" s="72">
        <v>0</v>
      </c>
      <c r="AP28" s="72">
        <v>1</v>
      </c>
      <c r="AQ28" s="72">
        <v>0</v>
      </c>
      <c r="AR28" s="73">
        <v>4</v>
      </c>
      <c r="AS28" s="74">
        <v>5</v>
      </c>
      <c r="AT28" s="71">
        <v>3</v>
      </c>
      <c r="AU28" s="72">
        <v>3</v>
      </c>
      <c r="AV28" s="73">
        <v>6</v>
      </c>
      <c r="AW28" s="271"/>
      <c r="AX28" s="72">
        <v>3</v>
      </c>
      <c r="AY28" s="72">
        <v>2</v>
      </c>
      <c r="AZ28" s="72">
        <v>4</v>
      </c>
      <c r="BA28" s="72">
        <v>2</v>
      </c>
      <c r="BB28" s="72">
        <v>1</v>
      </c>
      <c r="BC28" s="73">
        <v>12</v>
      </c>
      <c r="BD28" s="74">
        <v>18</v>
      </c>
      <c r="BE28" s="71">
        <v>3</v>
      </c>
      <c r="BF28" s="72">
        <v>3</v>
      </c>
      <c r="BG28" s="73">
        <v>6</v>
      </c>
      <c r="BH28" s="271"/>
      <c r="BI28" s="72">
        <v>2</v>
      </c>
      <c r="BJ28" s="72">
        <v>0</v>
      </c>
      <c r="BK28" s="72">
        <v>3</v>
      </c>
      <c r="BL28" s="72">
        <v>0</v>
      </c>
      <c r="BM28" s="72">
        <v>1</v>
      </c>
      <c r="BN28" s="73">
        <v>6</v>
      </c>
      <c r="BO28" s="74">
        <v>12</v>
      </c>
      <c r="BP28" s="71">
        <v>1</v>
      </c>
      <c r="BQ28" s="72">
        <v>3</v>
      </c>
      <c r="BR28" s="73">
        <v>4</v>
      </c>
      <c r="BS28" s="271"/>
      <c r="BT28" s="72">
        <v>1</v>
      </c>
      <c r="BU28" s="72">
        <v>3</v>
      </c>
      <c r="BV28" s="72">
        <v>0</v>
      </c>
      <c r="BW28" s="72">
        <v>0</v>
      </c>
      <c r="BX28" s="72">
        <v>0</v>
      </c>
      <c r="BY28" s="73">
        <v>4</v>
      </c>
      <c r="BZ28" s="74">
        <v>8</v>
      </c>
      <c r="CA28" s="71">
        <v>0</v>
      </c>
      <c r="CB28" s="72">
        <v>0</v>
      </c>
      <c r="CC28" s="73">
        <v>0</v>
      </c>
      <c r="CD28" s="271"/>
      <c r="CE28" s="72">
        <v>0</v>
      </c>
      <c r="CF28" s="72">
        <v>0</v>
      </c>
      <c r="CG28" s="72">
        <v>0</v>
      </c>
      <c r="CH28" s="72">
        <v>0</v>
      </c>
      <c r="CI28" s="72">
        <v>0</v>
      </c>
      <c r="CJ28" s="73">
        <v>0</v>
      </c>
      <c r="CK28" s="74">
        <v>0</v>
      </c>
      <c r="CL28" s="71">
        <v>7</v>
      </c>
      <c r="CM28" s="72">
        <v>12</v>
      </c>
      <c r="CN28" s="73">
        <v>19</v>
      </c>
      <c r="CO28" s="271"/>
      <c r="CP28" s="72">
        <v>10</v>
      </c>
      <c r="CQ28" s="72">
        <v>8</v>
      </c>
      <c r="CR28" s="72">
        <v>7</v>
      </c>
      <c r="CS28" s="72">
        <v>4</v>
      </c>
      <c r="CT28" s="72">
        <v>3</v>
      </c>
      <c r="CU28" s="73">
        <v>32</v>
      </c>
      <c r="CV28" s="74">
        <v>51</v>
      </c>
      <c r="CW28" s="127">
        <v>4</v>
      </c>
      <c r="CX28" s="83">
        <v>7</v>
      </c>
      <c r="CY28" s="84">
        <v>11</v>
      </c>
      <c r="CZ28" s="271"/>
      <c r="DA28" s="83">
        <v>11</v>
      </c>
      <c r="DB28" s="83">
        <v>5</v>
      </c>
      <c r="DC28" s="83">
        <v>2</v>
      </c>
      <c r="DD28" s="83">
        <v>7</v>
      </c>
      <c r="DE28" s="83">
        <v>2</v>
      </c>
      <c r="DF28" s="85">
        <v>27</v>
      </c>
      <c r="DG28" s="86">
        <v>38</v>
      </c>
      <c r="DH28" s="71">
        <v>0</v>
      </c>
      <c r="DI28" s="72">
        <v>0</v>
      </c>
      <c r="DJ28" s="73">
        <v>0</v>
      </c>
      <c r="DK28" s="271"/>
      <c r="DL28" s="72">
        <v>0</v>
      </c>
      <c r="DM28" s="72">
        <v>0</v>
      </c>
      <c r="DN28" s="72">
        <v>0</v>
      </c>
      <c r="DO28" s="72">
        <v>0</v>
      </c>
      <c r="DP28" s="72">
        <v>1</v>
      </c>
      <c r="DQ28" s="73">
        <v>1</v>
      </c>
      <c r="DR28" s="74">
        <v>1</v>
      </c>
      <c r="DS28" s="71">
        <v>0</v>
      </c>
      <c r="DT28" s="72">
        <v>0</v>
      </c>
      <c r="DU28" s="73">
        <v>0</v>
      </c>
      <c r="DV28" s="271"/>
      <c r="DW28" s="72">
        <v>1</v>
      </c>
      <c r="DX28" s="72">
        <v>0</v>
      </c>
      <c r="DY28" s="72">
        <v>0</v>
      </c>
      <c r="DZ28" s="72">
        <v>1</v>
      </c>
      <c r="EA28" s="72">
        <v>0</v>
      </c>
      <c r="EB28" s="73">
        <v>2</v>
      </c>
      <c r="EC28" s="74">
        <v>2</v>
      </c>
      <c r="ED28" s="71">
        <v>1</v>
      </c>
      <c r="EE28" s="72">
        <v>2</v>
      </c>
      <c r="EF28" s="73">
        <v>3</v>
      </c>
      <c r="EG28" s="271"/>
      <c r="EH28" s="72">
        <v>1</v>
      </c>
      <c r="EI28" s="72">
        <v>1</v>
      </c>
      <c r="EJ28" s="72">
        <v>0</v>
      </c>
      <c r="EK28" s="72">
        <v>0</v>
      </c>
      <c r="EL28" s="72">
        <v>0</v>
      </c>
      <c r="EM28" s="73">
        <v>2</v>
      </c>
      <c r="EN28" s="74">
        <v>5</v>
      </c>
      <c r="EO28" s="71">
        <v>0</v>
      </c>
      <c r="EP28" s="72">
        <v>1</v>
      </c>
      <c r="EQ28" s="73">
        <v>1</v>
      </c>
      <c r="ER28" s="271"/>
      <c r="ES28" s="72">
        <v>0</v>
      </c>
      <c r="ET28" s="72">
        <v>0</v>
      </c>
      <c r="EU28" s="72">
        <v>0</v>
      </c>
      <c r="EV28" s="72">
        <v>4</v>
      </c>
      <c r="EW28" s="72">
        <v>1</v>
      </c>
      <c r="EX28" s="73">
        <v>5</v>
      </c>
      <c r="EY28" s="74">
        <v>6</v>
      </c>
      <c r="EZ28" s="71">
        <v>1</v>
      </c>
      <c r="FA28" s="72">
        <v>2</v>
      </c>
      <c r="FB28" s="73">
        <v>3</v>
      </c>
      <c r="FC28" s="271"/>
      <c r="FD28" s="72">
        <v>5</v>
      </c>
      <c r="FE28" s="72">
        <v>0</v>
      </c>
      <c r="FF28" s="72">
        <v>1</v>
      </c>
      <c r="FG28" s="72">
        <v>1</v>
      </c>
      <c r="FH28" s="72">
        <v>0</v>
      </c>
      <c r="FI28" s="73">
        <v>7</v>
      </c>
      <c r="FJ28" s="74">
        <v>10</v>
      </c>
      <c r="FK28" s="71">
        <v>2</v>
      </c>
      <c r="FL28" s="72">
        <v>2</v>
      </c>
      <c r="FM28" s="73">
        <v>4</v>
      </c>
      <c r="FN28" s="271"/>
      <c r="FO28" s="72">
        <v>4</v>
      </c>
      <c r="FP28" s="72">
        <v>4</v>
      </c>
      <c r="FQ28" s="72">
        <v>1</v>
      </c>
      <c r="FR28" s="72">
        <v>1</v>
      </c>
      <c r="FS28" s="72">
        <v>0</v>
      </c>
      <c r="FT28" s="73">
        <v>10</v>
      </c>
      <c r="FU28" s="74">
        <v>14</v>
      </c>
      <c r="FV28" s="71">
        <v>0</v>
      </c>
      <c r="FW28" s="72">
        <v>0</v>
      </c>
      <c r="FX28" s="73">
        <v>0</v>
      </c>
      <c r="FY28" s="271"/>
      <c r="FZ28" s="72">
        <v>0</v>
      </c>
      <c r="GA28" s="72">
        <v>0</v>
      </c>
      <c r="GB28" s="72">
        <v>0</v>
      </c>
      <c r="GC28" s="72">
        <v>0</v>
      </c>
      <c r="GD28" s="72">
        <v>0</v>
      </c>
      <c r="GE28" s="73">
        <v>0</v>
      </c>
      <c r="GF28" s="74">
        <v>0</v>
      </c>
      <c r="GG28" s="71">
        <v>4</v>
      </c>
      <c r="GH28" s="72">
        <v>7</v>
      </c>
      <c r="GI28" s="73">
        <v>11</v>
      </c>
      <c r="GJ28" s="271"/>
      <c r="GK28" s="72">
        <v>11</v>
      </c>
      <c r="GL28" s="72">
        <v>5</v>
      </c>
      <c r="GM28" s="72">
        <v>2</v>
      </c>
      <c r="GN28" s="72">
        <v>7</v>
      </c>
      <c r="GO28" s="72">
        <v>2</v>
      </c>
      <c r="GP28" s="73">
        <v>27</v>
      </c>
      <c r="GQ28" s="74">
        <v>38</v>
      </c>
      <c r="GR28" s="127">
        <v>11</v>
      </c>
      <c r="GS28" s="83">
        <v>19</v>
      </c>
      <c r="GT28" s="84">
        <v>30</v>
      </c>
      <c r="GU28" s="271"/>
      <c r="GV28" s="83">
        <v>21</v>
      </c>
      <c r="GW28" s="83">
        <v>13</v>
      </c>
      <c r="GX28" s="83">
        <v>9</v>
      </c>
      <c r="GY28" s="83">
        <v>11</v>
      </c>
      <c r="GZ28" s="83">
        <v>5</v>
      </c>
      <c r="HA28" s="85">
        <v>59</v>
      </c>
      <c r="HB28" s="86">
        <v>89</v>
      </c>
      <c r="HC28" s="71">
        <v>0</v>
      </c>
      <c r="HD28" s="72">
        <v>1</v>
      </c>
      <c r="HE28" s="73">
        <v>1</v>
      </c>
      <c r="HF28" s="271"/>
      <c r="HG28" s="72">
        <v>0</v>
      </c>
      <c r="HH28" s="72">
        <v>1</v>
      </c>
      <c r="HI28" s="72">
        <v>0</v>
      </c>
      <c r="HJ28" s="72">
        <v>0</v>
      </c>
      <c r="HK28" s="72">
        <v>2</v>
      </c>
      <c r="HL28" s="73">
        <v>3</v>
      </c>
      <c r="HM28" s="74">
        <v>4</v>
      </c>
      <c r="HN28" s="71">
        <v>0</v>
      </c>
      <c r="HO28" s="72">
        <v>1</v>
      </c>
      <c r="HP28" s="73">
        <v>1</v>
      </c>
      <c r="HQ28" s="271"/>
      <c r="HR28" s="72">
        <v>4</v>
      </c>
      <c r="HS28" s="72">
        <v>0</v>
      </c>
      <c r="HT28" s="72">
        <v>0</v>
      </c>
      <c r="HU28" s="72">
        <v>2</v>
      </c>
      <c r="HV28" s="72">
        <v>0</v>
      </c>
      <c r="HW28" s="73">
        <v>6</v>
      </c>
      <c r="HX28" s="74">
        <v>7</v>
      </c>
      <c r="HY28" s="71">
        <v>1</v>
      </c>
      <c r="HZ28" s="72">
        <v>3</v>
      </c>
      <c r="IA28" s="73">
        <v>4</v>
      </c>
      <c r="IB28" s="271"/>
      <c r="IC28" s="72">
        <v>2</v>
      </c>
      <c r="ID28" s="72">
        <v>3</v>
      </c>
      <c r="IE28" s="72">
        <v>0</v>
      </c>
      <c r="IF28" s="72">
        <v>1</v>
      </c>
      <c r="IG28" s="72">
        <v>0</v>
      </c>
      <c r="IH28" s="73">
        <v>6</v>
      </c>
      <c r="II28" s="74">
        <v>10</v>
      </c>
      <c r="IJ28" s="71">
        <v>3</v>
      </c>
      <c r="IK28" s="72">
        <v>4</v>
      </c>
      <c r="IL28" s="73">
        <v>7</v>
      </c>
      <c r="IM28" s="271"/>
      <c r="IN28" s="72">
        <v>3</v>
      </c>
      <c r="IO28" s="72">
        <v>2</v>
      </c>
      <c r="IP28" s="72">
        <v>4</v>
      </c>
      <c r="IQ28" s="72">
        <v>6</v>
      </c>
      <c r="IR28" s="72">
        <v>2</v>
      </c>
      <c r="IS28" s="73">
        <v>17</v>
      </c>
      <c r="IT28" s="74">
        <v>24</v>
      </c>
      <c r="IU28" s="71">
        <v>4</v>
      </c>
      <c r="IV28" s="72">
        <v>5</v>
      </c>
      <c r="IW28" s="73">
        <v>9</v>
      </c>
      <c r="IX28" s="271"/>
      <c r="IY28" s="72">
        <v>7</v>
      </c>
      <c r="IZ28" s="72">
        <v>0</v>
      </c>
      <c r="JA28" s="72">
        <v>4</v>
      </c>
      <c r="JB28" s="72">
        <v>1</v>
      </c>
      <c r="JC28" s="72">
        <v>1</v>
      </c>
      <c r="JD28" s="73">
        <v>13</v>
      </c>
      <c r="JE28" s="74">
        <v>22</v>
      </c>
      <c r="JF28" s="71">
        <v>3</v>
      </c>
      <c r="JG28" s="72">
        <v>5</v>
      </c>
      <c r="JH28" s="73">
        <v>8</v>
      </c>
      <c r="JI28" s="271"/>
      <c r="JJ28" s="72">
        <v>5</v>
      </c>
      <c r="JK28" s="72">
        <v>7</v>
      </c>
      <c r="JL28" s="72">
        <v>1</v>
      </c>
      <c r="JM28" s="72">
        <v>1</v>
      </c>
      <c r="JN28" s="72">
        <v>0</v>
      </c>
      <c r="JO28" s="73">
        <v>14</v>
      </c>
      <c r="JP28" s="74">
        <v>22</v>
      </c>
      <c r="JQ28" s="71">
        <v>0</v>
      </c>
      <c r="JR28" s="72">
        <v>0</v>
      </c>
      <c r="JS28" s="73">
        <v>0</v>
      </c>
      <c r="JT28" s="271"/>
      <c r="JU28" s="72">
        <v>0</v>
      </c>
      <c r="JV28" s="72">
        <v>0</v>
      </c>
      <c r="JW28" s="72">
        <v>0</v>
      </c>
      <c r="JX28" s="72">
        <v>0</v>
      </c>
      <c r="JY28" s="72">
        <v>0</v>
      </c>
      <c r="JZ28" s="73">
        <v>0</v>
      </c>
      <c r="KA28" s="74">
        <v>0</v>
      </c>
      <c r="KB28" s="71">
        <v>11</v>
      </c>
      <c r="KC28" s="72">
        <v>19</v>
      </c>
      <c r="KD28" s="73">
        <v>30</v>
      </c>
      <c r="KE28" s="274"/>
      <c r="KF28" s="72">
        <v>21</v>
      </c>
      <c r="KG28" s="72">
        <v>13</v>
      </c>
      <c r="KH28" s="72">
        <v>9</v>
      </c>
      <c r="KI28" s="72">
        <v>11</v>
      </c>
      <c r="KJ28" s="72">
        <v>5</v>
      </c>
      <c r="KK28" s="73">
        <v>59</v>
      </c>
      <c r="KL28" s="74">
        <v>89</v>
      </c>
    </row>
    <row r="29" spans="1:298" ht="19.5" customHeight="1" x14ac:dyDescent="0.2">
      <c r="A29" s="130" t="s">
        <v>26</v>
      </c>
      <c r="B29" s="353">
        <v>13</v>
      </c>
      <c r="C29" s="83">
        <v>11</v>
      </c>
      <c r="D29" s="84">
        <v>24</v>
      </c>
      <c r="E29" s="271"/>
      <c r="F29" s="83">
        <v>28</v>
      </c>
      <c r="G29" s="83">
        <v>11</v>
      </c>
      <c r="H29" s="83">
        <v>9</v>
      </c>
      <c r="I29" s="83">
        <v>5</v>
      </c>
      <c r="J29" s="83">
        <v>7</v>
      </c>
      <c r="K29" s="85">
        <v>60</v>
      </c>
      <c r="L29" s="86">
        <v>84</v>
      </c>
      <c r="M29" s="71">
        <v>0</v>
      </c>
      <c r="N29" s="72">
        <v>0</v>
      </c>
      <c r="O29" s="73">
        <v>0</v>
      </c>
      <c r="P29" s="271"/>
      <c r="Q29" s="72">
        <v>1</v>
      </c>
      <c r="R29" s="72">
        <v>0</v>
      </c>
      <c r="S29" s="72">
        <v>1</v>
      </c>
      <c r="T29" s="72">
        <v>0</v>
      </c>
      <c r="U29" s="72">
        <v>0</v>
      </c>
      <c r="V29" s="73">
        <v>2</v>
      </c>
      <c r="W29" s="74">
        <v>2</v>
      </c>
      <c r="X29" s="71">
        <v>1</v>
      </c>
      <c r="Y29" s="72">
        <v>0</v>
      </c>
      <c r="Z29" s="73">
        <v>1</v>
      </c>
      <c r="AA29" s="271"/>
      <c r="AB29" s="72">
        <v>2</v>
      </c>
      <c r="AC29" s="72">
        <v>1</v>
      </c>
      <c r="AD29" s="72">
        <v>2</v>
      </c>
      <c r="AE29" s="72">
        <v>1</v>
      </c>
      <c r="AF29" s="72">
        <v>0</v>
      </c>
      <c r="AG29" s="73">
        <v>6</v>
      </c>
      <c r="AH29" s="74">
        <v>7</v>
      </c>
      <c r="AI29" s="71">
        <v>2</v>
      </c>
      <c r="AJ29" s="72">
        <v>1</v>
      </c>
      <c r="AK29" s="73">
        <v>3</v>
      </c>
      <c r="AL29" s="271"/>
      <c r="AM29" s="72">
        <v>4</v>
      </c>
      <c r="AN29" s="72">
        <v>2</v>
      </c>
      <c r="AO29" s="72">
        <v>1</v>
      </c>
      <c r="AP29" s="72">
        <v>0</v>
      </c>
      <c r="AQ29" s="72">
        <v>1</v>
      </c>
      <c r="AR29" s="73">
        <v>8</v>
      </c>
      <c r="AS29" s="74">
        <v>11</v>
      </c>
      <c r="AT29" s="71">
        <v>3</v>
      </c>
      <c r="AU29" s="72">
        <v>1</v>
      </c>
      <c r="AV29" s="73">
        <v>4</v>
      </c>
      <c r="AW29" s="271"/>
      <c r="AX29" s="72">
        <v>6</v>
      </c>
      <c r="AY29" s="72">
        <v>2</v>
      </c>
      <c r="AZ29" s="72">
        <v>1</v>
      </c>
      <c r="BA29" s="72">
        <v>0</v>
      </c>
      <c r="BB29" s="72">
        <v>4</v>
      </c>
      <c r="BC29" s="73">
        <v>13</v>
      </c>
      <c r="BD29" s="74">
        <v>17</v>
      </c>
      <c r="BE29" s="71">
        <v>6</v>
      </c>
      <c r="BF29" s="72">
        <v>4</v>
      </c>
      <c r="BG29" s="73">
        <v>10</v>
      </c>
      <c r="BH29" s="271"/>
      <c r="BI29" s="72">
        <v>4</v>
      </c>
      <c r="BJ29" s="72">
        <v>1</v>
      </c>
      <c r="BK29" s="72">
        <v>1</v>
      </c>
      <c r="BL29" s="72">
        <v>1</v>
      </c>
      <c r="BM29" s="72">
        <v>1</v>
      </c>
      <c r="BN29" s="73">
        <v>8</v>
      </c>
      <c r="BO29" s="74">
        <v>18</v>
      </c>
      <c r="BP29" s="71">
        <v>1</v>
      </c>
      <c r="BQ29" s="72">
        <v>5</v>
      </c>
      <c r="BR29" s="73">
        <v>6</v>
      </c>
      <c r="BS29" s="271"/>
      <c r="BT29" s="72">
        <v>11</v>
      </c>
      <c r="BU29" s="72">
        <v>5</v>
      </c>
      <c r="BV29" s="72">
        <v>3</v>
      </c>
      <c r="BW29" s="72">
        <v>3</v>
      </c>
      <c r="BX29" s="72">
        <v>1</v>
      </c>
      <c r="BY29" s="73">
        <v>23</v>
      </c>
      <c r="BZ29" s="74">
        <v>29</v>
      </c>
      <c r="CA29" s="71">
        <v>0</v>
      </c>
      <c r="CB29" s="72">
        <v>0</v>
      </c>
      <c r="CC29" s="73">
        <v>0</v>
      </c>
      <c r="CD29" s="271"/>
      <c r="CE29" s="72">
        <v>0</v>
      </c>
      <c r="CF29" s="72">
        <v>0</v>
      </c>
      <c r="CG29" s="72">
        <v>0</v>
      </c>
      <c r="CH29" s="72">
        <v>0</v>
      </c>
      <c r="CI29" s="72">
        <v>0</v>
      </c>
      <c r="CJ29" s="73">
        <v>0</v>
      </c>
      <c r="CK29" s="74">
        <v>0</v>
      </c>
      <c r="CL29" s="71">
        <v>13</v>
      </c>
      <c r="CM29" s="72">
        <v>11</v>
      </c>
      <c r="CN29" s="73">
        <v>24</v>
      </c>
      <c r="CO29" s="271"/>
      <c r="CP29" s="72">
        <v>28</v>
      </c>
      <c r="CQ29" s="72">
        <v>11</v>
      </c>
      <c r="CR29" s="72">
        <v>9</v>
      </c>
      <c r="CS29" s="72">
        <v>5</v>
      </c>
      <c r="CT29" s="72">
        <v>7</v>
      </c>
      <c r="CU29" s="73">
        <v>60</v>
      </c>
      <c r="CV29" s="74">
        <v>84</v>
      </c>
      <c r="CW29" s="127">
        <v>4</v>
      </c>
      <c r="CX29" s="83">
        <v>3</v>
      </c>
      <c r="CY29" s="84">
        <v>7</v>
      </c>
      <c r="CZ29" s="271"/>
      <c r="DA29" s="83">
        <v>7</v>
      </c>
      <c r="DB29" s="83">
        <v>5</v>
      </c>
      <c r="DC29" s="83">
        <v>3</v>
      </c>
      <c r="DD29" s="83">
        <v>1</v>
      </c>
      <c r="DE29" s="83">
        <v>2</v>
      </c>
      <c r="DF29" s="85">
        <v>18</v>
      </c>
      <c r="DG29" s="86">
        <v>25</v>
      </c>
      <c r="DH29" s="71">
        <v>1</v>
      </c>
      <c r="DI29" s="72">
        <v>0</v>
      </c>
      <c r="DJ29" s="73">
        <v>1</v>
      </c>
      <c r="DK29" s="271"/>
      <c r="DL29" s="72">
        <v>0</v>
      </c>
      <c r="DM29" s="72">
        <v>1</v>
      </c>
      <c r="DN29" s="72">
        <v>0</v>
      </c>
      <c r="DO29" s="72">
        <v>0</v>
      </c>
      <c r="DP29" s="72">
        <v>0</v>
      </c>
      <c r="DQ29" s="73">
        <v>1</v>
      </c>
      <c r="DR29" s="74">
        <v>2</v>
      </c>
      <c r="DS29" s="71">
        <v>0</v>
      </c>
      <c r="DT29" s="72">
        <v>0</v>
      </c>
      <c r="DU29" s="73">
        <v>0</v>
      </c>
      <c r="DV29" s="271"/>
      <c r="DW29" s="72">
        <v>0</v>
      </c>
      <c r="DX29" s="72">
        <v>1</v>
      </c>
      <c r="DY29" s="72">
        <v>0</v>
      </c>
      <c r="DZ29" s="72">
        <v>0</v>
      </c>
      <c r="EA29" s="72">
        <v>0</v>
      </c>
      <c r="EB29" s="73">
        <v>1</v>
      </c>
      <c r="EC29" s="74">
        <v>1</v>
      </c>
      <c r="ED29" s="71">
        <v>1</v>
      </c>
      <c r="EE29" s="72">
        <v>0</v>
      </c>
      <c r="EF29" s="73">
        <v>1</v>
      </c>
      <c r="EG29" s="271"/>
      <c r="EH29" s="72">
        <v>1</v>
      </c>
      <c r="EI29" s="72">
        <v>0</v>
      </c>
      <c r="EJ29" s="72">
        <v>0</v>
      </c>
      <c r="EK29" s="72">
        <v>0</v>
      </c>
      <c r="EL29" s="72">
        <v>0</v>
      </c>
      <c r="EM29" s="73">
        <v>1</v>
      </c>
      <c r="EN29" s="74">
        <v>2</v>
      </c>
      <c r="EO29" s="71">
        <v>0</v>
      </c>
      <c r="EP29" s="72">
        <v>0</v>
      </c>
      <c r="EQ29" s="73">
        <v>0</v>
      </c>
      <c r="ER29" s="271"/>
      <c r="ES29" s="72">
        <v>1</v>
      </c>
      <c r="ET29" s="72">
        <v>1</v>
      </c>
      <c r="EU29" s="72">
        <v>0</v>
      </c>
      <c r="EV29" s="72">
        <v>0</v>
      </c>
      <c r="EW29" s="72">
        <v>0</v>
      </c>
      <c r="EX29" s="73">
        <v>2</v>
      </c>
      <c r="EY29" s="74">
        <v>2</v>
      </c>
      <c r="EZ29" s="71">
        <v>1</v>
      </c>
      <c r="FA29" s="72">
        <v>2</v>
      </c>
      <c r="FB29" s="73">
        <v>3</v>
      </c>
      <c r="FC29" s="271"/>
      <c r="FD29" s="72">
        <v>3</v>
      </c>
      <c r="FE29" s="72">
        <v>1</v>
      </c>
      <c r="FF29" s="72">
        <v>2</v>
      </c>
      <c r="FG29" s="72">
        <v>0</v>
      </c>
      <c r="FH29" s="72">
        <v>0</v>
      </c>
      <c r="FI29" s="73">
        <v>6</v>
      </c>
      <c r="FJ29" s="74">
        <v>9</v>
      </c>
      <c r="FK29" s="71">
        <v>1</v>
      </c>
      <c r="FL29" s="72">
        <v>1</v>
      </c>
      <c r="FM29" s="73">
        <v>2</v>
      </c>
      <c r="FN29" s="271"/>
      <c r="FO29" s="72">
        <v>2</v>
      </c>
      <c r="FP29" s="72">
        <v>1</v>
      </c>
      <c r="FQ29" s="72">
        <v>1</v>
      </c>
      <c r="FR29" s="72">
        <v>1</v>
      </c>
      <c r="FS29" s="72">
        <v>2</v>
      </c>
      <c r="FT29" s="73">
        <v>7</v>
      </c>
      <c r="FU29" s="74">
        <v>9</v>
      </c>
      <c r="FV29" s="71">
        <v>0</v>
      </c>
      <c r="FW29" s="72">
        <v>0</v>
      </c>
      <c r="FX29" s="73">
        <v>0</v>
      </c>
      <c r="FY29" s="271"/>
      <c r="FZ29" s="72">
        <v>0</v>
      </c>
      <c r="GA29" s="72">
        <v>0</v>
      </c>
      <c r="GB29" s="72">
        <v>0</v>
      </c>
      <c r="GC29" s="72">
        <v>0</v>
      </c>
      <c r="GD29" s="72">
        <v>0</v>
      </c>
      <c r="GE29" s="73">
        <v>0</v>
      </c>
      <c r="GF29" s="74">
        <v>0</v>
      </c>
      <c r="GG29" s="71">
        <v>4</v>
      </c>
      <c r="GH29" s="72">
        <v>3</v>
      </c>
      <c r="GI29" s="73">
        <v>7</v>
      </c>
      <c r="GJ29" s="271"/>
      <c r="GK29" s="72">
        <v>7</v>
      </c>
      <c r="GL29" s="72">
        <v>5</v>
      </c>
      <c r="GM29" s="72">
        <v>3</v>
      </c>
      <c r="GN29" s="72">
        <v>1</v>
      </c>
      <c r="GO29" s="72">
        <v>2</v>
      </c>
      <c r="GP29" s="73">
        <v>18</v>
      </c>
      <c r="GQ29" s="74">
        <v>25</v>
      </c>
      <c r="GR29" s="127">
        <v>17</v>
      </c>
      <c r="GS29" s="83">
        <v>14</v>
      </c>
      <c r="GT29" s="84">
        <v>31</v>
      </c>
      <c r="GU29" s="271"/>
      <c r="GV29" s="83">
        <v>35</v>
      </c>
      <c r="GW29" s="83">
        <v>16</v>
      </c>
      <c r="GX29" s="83">
        <v>12</v>
      </c>
      <c r="GY29" s="83">
        <v>6</v>
      </c>
      <c r="GZ29" s="83">
        <v>9</v>
      </c>
      <c r="HA29" s="85">
        <v>78</v>
      </c>
      <c r="HB29" s="86">
        <v>109</v>
      </c>
      <c r="HC29" s="71">
        <v>1</v>
      </c>
      <c r="HD29" s="72">
        <v>0</v>
      </c>
      <c r="HE29" s="73">
        <v>1</v>
      </c>
      <c r="HF29" s="271"/>
      <c r="HG29" s="72">
        <v>1</v>
      </c>
      <c r="HH29" s="72">
        <v>1</v>
      </c>
      <c r="HI29" s="72">
        <v>1</v>
      </c>
      <c r="HJ29" s="72">
        <v>0</v>
      </c>
      <c r="HK29" s="72">
        <v>0</v>
      </c>
      <c r="HL29" s="73">
        <v>3</v>
      </c>
      <c r="HM29" s="74">
        <v>4</v>
      </c>
      <c r="HN29" s="71">
        <v>1</v>
      </c>
      <c r="HO29" s="72">
        <v>0</v>
      </c>
      <c r="HP29" s="73">
        <v>1</v>
      </c>
      <c r="HQ29" s="271"/>
      <c r="HR29" s="72">
        <v>2</v>
      </c>
      <c r="HS29" s="72">
        <v>2</v>
      </c>
      <c r="HT29" s="72">
        <v>2</v>
      </c>
      <c r="HU29" s="72">
        <v>1</v>
      </c>
      <c r="HV29" s="72">
        <v>0</v>
      </c>
      <c r="HW29" s="73">
        <v>7</v>
      </c>
      <c r="HX29" s="74">
        <v>8</v>
      </c>
      <c r="HY29" s="71">
        <v>3</v>
      </c>
      <c r="HZ29" s="72">
        <v>1</v>
      </c>
      <c r="IA29" s="73">
        <v>4</v>
      </c>
      <c r="IB29" s="271"/>
      <c r="IC29" s="72">
        <v>5</v>
      </c>
      <c r="ID29" s="72">
        <v>2</v>
      </c>
      <c r="IE29" s="72">
        <v>1</v>
      </c>
      <c r="IF29" s="72">
        <v>0</v>
      </c>
      <c r="IG29" s="72">
        <v>1</v>
      </c>
      <c r="IH29" s="73">
        <v>9</v>
      </c>
      <c r="II29" s="74">
        <v>13</v>
      </c>
      <c r="IJ29" s="71">
        <v>3</v>
      </c>
      <c r="IK29" s="72">
        <v>1</v>
      </c>
      <c r="IL29" s="73">
        <v>4</v>
      </c>
      <c r="IM29" s="271"/>
      <c r="IN29" s="72">
        <v>7</v>
      </c>
      <c r="IO29" s="72">
        <v>3</v>
      </c>
      <c r="IP29" s="72">
        <v>1</v>
      </c>
      <c r="IQ29" s="72">
        <v>0</v>
      </c>
      <c r="IR29" s="72">
        <v>4</v>
      </c>
      <c r="IS29" s="73">
        <v>15</v>
      </c>
      <c r="IT29" s="74">
        <v>19</v>
      </c>
      <c r="IU29" s="71">
        <v>7</v>
      </c>
      <c r="IV29" s="72">
        <v>6</v>
      </c>
      <c r="IW29" s="73">
        <v>13</v>
      </c>
      <c r="IX29" s="271"/>
      <c r="IY29" s="72">
        <v>7</v>
      </c>
      <c r="IZ29" s="72">
        <v>2</v>
      </c>
      <c r="JA29" s="72">
        <v>3</v>
      </c>
      <c r="JB29" s="72">
        <v>1</v>
      </c>
      <c r="JC29" s="72">
        <v>1</v>
      </c>
      <c r="JD29" s="73">
        <v>14</v>
      </c>
      <c r="JE29" s="74">
        <v>27</v>
      </c>
      <c r="JF29" s="71">
        <v>2</v>
      </c>
      <c r="JG29" s="72">
        <v>6</v>
      </c>
      <c r="JH29" s="73">
        <v>8</v>
      </c>
      <c r="JI29" s="271"/>
      <c r="JJ29" s="72">
        <v>13</v>
      </c>
      <c r="JK29" s="72">
        <v>6</v>
      </c>
      <c r="JL29" s="72">
        <v>4</v>
      </c>
      <c r="JM29" s="72">
        <v>4</v>
      </c>
      <c r="JN29" s="72">
        <v>3</v>
      </c>
      <c r="JO29" s="73">
        <v>30</v>
      </c>
      <c r="JP29" s="74">
        <v>38</v>
      </c>
      <c r="JQ29" s="71">
        <v>0</v>
      </c>
      <c r="JR29" s="72">
        <v>0</v>
      </c>
      <c r="JS29" s="73">
        <v>0</v>
      </c>
      <c r="JT29" s="271"/>
      <c r="JU29" s="72">
        <v>0</v>
      </c>
      <c r="JV29" s="72">
        <v>0</v>
      </c>
      <c r="JW29" s="72">
        <v>0</v>
      </c>
      <c r="JX29" s="72">
        <v>0</v>
      </c>
      <c r="JY29" s="72">
        <v>0</v>
      </c>
      <c r="JZ29" s="73">
        <v>0</v>
      </c>
      <c r="KA29" s="74">
        <v>0</v>
      </c>
      <c r="KB29" s="71">
        <v>17</v>
      </c>
      <c r="KC29" s="72">
        <v>14</v>
      </c>
      <c r="KD29" s="73">
        <v>31</v>
      </c>
      <c r="KE29" s="274"/>
      <c r="KF29" s="72">
        <v>35</v>
      </c>
      <c r="KG29" s="72">
        <v>16</v>
      </c>
      <c r="KH29" s="72">
        <v>12</v>
      </c>
      <c r="KI29" s="72">
        <v>6</v>
      </c>
      <c r="KJ29" s="72">
        <v>9</v>
      </c>
      <c r="KK29" s="73">
        <v>78</v>
      </c>
      <c r="KL29" s="74">
        <v>109</v>
      </c>
    </row>
    <row r="30" spans="1:298" ht="19.5" customHeight="1" x14ac:dyDescent="0.2">
      <c r="A30" s="130" t="s">
        <v>27</v>
      </c>
      <c r="B30" s="353">
        <v>11</v>
      </c>
      <c r="C30" s="83">
        <v>16</v>
      </c>
      <c r="D30" s="84">
        <v>27</v>
      </c>
      <c r="E30" s="271"/>
      <c r="F30" s="83">
        <v>15</v>
      </c>
      <c r="G30" s="83">
        <v>7</v>
      </c>
      <c r="H30" s="83">
        <v>9</v>
      </c>
      <c r="I30" s="83">
        <v>5</v>
      </c>
      <c r="J30" s="83">
        <v>1</v>
      </c>
      <c r="K30" s="85">
        <v>37</v>
      </c>
      <c r="L30" s="86">
        <v>64</v>
      </c>
      <c r="M30" s="71">
        <v>1</v>
      </c>
      <c r="N30" s="72">
        <v>0</v>
      </c>
      <c r="O30" s="73">
        <v>1</v>
      </c>
      <c r="P30" s="271"/>
      <c r="Q30" s="72">
        <v>0</v>
      </c>
      <c r="R30" s="72">
        <v>1</v>
      </c>
      <c r="S30" s="72">
        <v>0</v>
      </c>
      <c r="T30" s="72">
        <v>0</v>
      </c>
      <c r="U30" s="72">
        <v>0</v>
      </c>
      <c r="V30" s="73">
        <v>1</v>
      </c>
      <c r="W30" s="74">
        <v>2</v>
      </c>
      <c r="X30" s="71">
        <v>3</v>
      </c>
      <c r="Y30" s="72">
        <v>2</v>
      </c>
      <c r="Z30" s="73">
        <v>5</v>
      </c>
      <c r="AA30" s="271"/>
      <c r="AB30" s="72">
        <v>1</v>
      </c>
      <c r="AC30" s="72">
        <v>1</v>
      </c>
      <c r="AD30" s="72">
        <v>0</v>
      </c>
      <c r="AE30" s="72">
        <v>0</v>
      </c>
      <c r="AF30" s="72">
        <v>0</v>
      </c>
      <c r="AG30" s="73">
        <v>2</v>
      </c>
      <c r="AH30" s="74">
        <v>7</v>
      </c>
      <c r="AI30" s="71">
        <v>0</v>
      </c>
      <c r="AJ30" s="72">
        <v>5</v>
      </c>
      <c r="AK30" s="73">
        <v>5</v>
      </c>
      <c r="AL30" s="271"/>
      <c r="AM30" s="72">
        <v>1</v>
      </c>
      <c r="AN30" s="72">
        <v>0</v>
      </c>
      <c r="AO30" s="72">
        <v>1</v>
      </c>
      <c r="AP30" s="72">
        <v>0</v>
      </c>
      <c r="AQ30" s="72">
        <v>0</v>
      </c>
      <c r="AR30" s="73">
        <v>2</v>
      </c>
      <c r="AS30" s="74">
        <v>7</v>
      </c>
      <c r="AT30" s="71">
        <v>3</v>
      </c>
      <c r="AU30" s="72">
        <v>4</v>
      </c>
      <c r="AV30" s="73">
        <v>7</v>
      </c>
      <c r="AW30" s="271"/>
      <c r="AX30" s="72">
        <v>3</v>
      </c>
      <c r="AY30" s="72">
        <v>0</v>
      </c>
      <c r="AZ30" s="72">
        <v>3</v>
      </c>
      <c r="BA30" s="72">
        <v>1</v>
      </c>
      <c r="BB30" s="72">
        <v>0</v>
      </c>
      <c r="BC30" s="73">
        <v>7</v>
      </c>
      <c r="BD30" s="74">
        <v>14</v>
      </c>
      <c r="BE30" s="71">
        <v>2</v>
      </c>
      <c r="BF30" s="72">
        <v>2</v>
      </c>
      <c r="BG30" s="73">
        <v>4</v>
      </c>
      <c r="BH30" s="271"/>
      <c r="BI30" s="72">
        <v>6</v>
      </c>
      <c r="BJ30" s="72">
        <v>3</v>
      </c>
      <c r="BK30" s="72">
        <v>3</v>
      </c>
      <c r="BL30" s="72">
        <v>2</v>
      </c>
      <c r="BM30" s="72">
        <v>1</v>
      </c>
      <c r="BN30" s="73">
        <v>15</v>
      </c>
      <c r="BO30" s="74">
        <v>19</v>
      </c>
      <c r="BP30" s="71">
        <v>2</v>
      </c>
      <c r="BQ30" s="72">
        <v>3</v>
      </c>
      <c r="BR30" s="73">
        <v>5</v>
      </c>
      <c r="BS30" s="271"/>
      <c r="BT30" s="72">
        <v>4</v>
      </c>
      <c r="BU30" s="72">
        <v>2</v>
      </c>
      <c r="BV30" s="72">
        <v>2</v>
      </c>
      <c r="BW30" s="72">
        <v>2</v>
      </c>
      <c r="BX30" s="72">
        <v>0</v>
      </c>
      <c r="BY30" s="73">
        <v>10</v>
      </c>
      <c r="BZ30" s="74">
        <v>15</v>
      </c>
      <c r="CA30" s="71">
        <v>0</v>
      </c>
      <c r="CB30" s="72">
        <v>0</v>
      </c>
      <c r="CC30" s="73">
        <v>0</v>
      </c>
      <c r="CD30" s="271"/>
      <c r="CE30" s="72">
        <v>0</v>
      </c>
      <c r="CF30" s="72">
        <v>0</v>
      </c>
      <c r="CG30" s="72">
        <v>0</v>
      </c>
      <c r="CH30" s="72">
        <v>0</v>
      </c>
      <c r="CI30" s="72">
        <v>0</v>
      </c>
      <c r="CJ30" s="73">
        <v>0</v>
      </c>
      <c r="CK30" s="74">
        <v>0</v>
      </c>
      <c r="CL30" s="71">
        <v>11</v>
      </c>
      <c r="CM30" s="72">
        <v>16</v>
      </c>
      <c r="CN30" s="73">
        <v>27</v>
      </c>
      <c r="CO30" s="271"/>
      <c r="CP30" s="72">
        <v>15</v>
      </c>
      <c r="CQ30" s="72">
        <v>7</v>
      </c>
      <c r="CR30" s="72">
        <v>9</v>
      </c>
      <c r="CS30" s="72">
        <v>5</v>
      </c>
      <c r="CT30" s="72">
        <v>1</v>
      </c>
      <c r="CU30" s="73">
        <v>37</v>
      </c>
      <c r="CV30" s="74">
        <v>64</v>
      </c>
      <c r="CW30" s="127">
        <v>3</v>
      </c>
      <c r="CX30" s="83">
        <v>2</v>
      </c>
      <c r="CY30" s="84">
        <v>5</v>
      </c>
      <c r="CZ30" s="271"/>
      <c r="DA30" s="83">
        <v>4</v>
      </c>
      <c r="DB30" s="83">
        <v>1</v>
      </c>
      <c r="DC30" s="83">
        <v>7</v>
      </c>
      <c r="DD30" s="83">
        <v>1</v>
      </c>
      <c r="DE30" s="83">
        <v>1</v>
      </c>
      <c r="DF30" s="85">
        <v>14</v>
      </c>
      <c r="DG30" s="86">
        <v>19</v>
      </c>
      <c r="DH30" s="71">
        <v>0</v>
      </c>
      <c r="DI30" s="72">
        <v>0</v>
      </c>
      <c r="DJ30" s="73">
        <v>0</v>
      </c>
      <c r="DK30" s="271"/>
      <c r="DL30" s="72">
        <v>0</v>
      </c>
      <c r="DM30" s="72">
        <v>0</v>
      </c>
      <c r="DN30" s="72">
        <v>0</v>
      </c>
      <c r="DO30" s="72">
        <v>0</v>
      </c>
      <c r="DP30" s="72">
        <v>0</v>
      </c>
      <c r="DQ30" s="73">
        <v>0</v>
      </c>
      <c r="DR30" s="74">
        <v>0</v>
      </c>
      <c r="DS30" s="71">
        <v>1</v>
      </c>
      <c r="DT30" s="72">
        <v>0</v>
      </c>
      <c r="DU30" s="73">
        <v>1</v>
      </c>
      <c r="DV30" s="271"/>
      <c r="DW30" s="72">
        <v>0</v>
      </c>
      <c r="DX30" s="72">
        <v>0</v>
      </c>
      <c r="DY30" s="72">
        <v>0</v>
      </c>
      <c r="DZ30" s="72">
        <v>0</v>
      </c>
      <c r="EA30" s="72">
        <v>0</v>
      </c>
      <c r="EB30" s="73">
        <v>0</v>
      </c>
      <c r="EC30" s="74">
        <v>1</v>
      </c>
      <c r="ED30" s="71">
        <v>0</v>
      </c>
      <c r="EE30" s="72">
        <v>0</v>
      </c>
      <c r="EF30" s="73">
        <v>0</v>
      </c>
      <c r="EG30" s="271"/>
      <c r="EH30" s="72">
        <v>0</v>
      </c>
      <c r="EI30" s="72">
        <v>1</v>
      </c>
      <c r="EJ30" s="72">
        <v>0</v>
      </c>
      <c r="EK30" s="72">
        <v>0</v>
      </c>
      <c r="EL30" s="72">
        <v>0</v>
      </c>
      <c r="EM30" s="73">
        <v>1</v>
      </c>
      <c r="EN30" s="74">
        <v>1</v>
      </c>
      <c r="EO30" s="71">
        <v>0</v>
      </c>
      <c r="EP30" s="72">
        <v>0</v>
      </c>
      <c r="EQ30" s="73">
        <v>0</v>
      </c>
      <c r="ER30" s="271"/>
      <c r="ES30" s="72">
        <v>1</v>
      </c>
      <c r="ET30" s="72">
        <v>0</v>
      </c>
      <c r="EU30" s="72">
        <v>0</v>
      </c>
      <c r="EV30" s="72">
        <v>0</v>
      </c>
      <c r="EW30" s="72">
        <v>0</v>
      </c>
      <c r="EX30" s="73">
        <v>1</v>
      </c>
      <c r="EY30" s="74">
        <v>1</v>
      </c>
      <c r="EZ30" s="71">
        <v>2</v>
      </c>
      <c r="FA30" s="72">
        <v>2</v>
      </c>
      <c r="FB30" s="73">
        <v>4</v>
      </c>
      <c r="FC30" s="271"/>
      <c r="FD30" s="72">
        <v>1</v>
      </c>
      <c r="FE30" s="72">
        <v>0</v>
      </c>
      <c r="FF30" s="72">
        <v>2</v>
      </c>
      <c r="FG30" s="72">
        <v>0</v>
      </c>
      <c r="FH30" s="72">
        <v>0</v>
      </c>
      <c r="FI30" s="73">
        <v>3</v>
      </c>
      <c r="FJ30" s="74">
        <v>7</v>
      </c>
      <c r="FK30" s="71">
        <v>0</v>
      </c>
      <c r="FL30" s="72">
        <v>0</v>
      </c>
      <c r="FM30" s="73">
        <v>0</v>
      </c>
      <c r="FN30" s="271"/>
      <c r="FO30" s="72">
        <v>2</v>
      </c>
      <c r="FP30" s="72">
        <v>0</v>
      </c>
      <c r="FQ30" s="72">
        <v>5</v>
      </c>
      <c r="FR30" s="72">
        <v>1</v>
      </c>
      <c r="FS30" s="72">
        <v>1</v>
      </c>
      <c r="FT30" s="73">
        <v>9</v>
      </c>
      <c r="FU30" s="74">
        <v>9</v>
      </c>
      <c r="FV30" s="71">
        <v>0</v>
      </c>
      <c r="FW30" s="72">
        <v>0</v>
      </c>
      <c r="FX30" s="73">
        <v>0</v>
      </c>
      <c r="FY30" s="271"/>
      <c r="FZ30" s="72">
        <v>0</v>
      </c>
      <c r="GA30" s="72">
        <v>0</v>
      </c>
      <c r="GB30" s="72">
        <v>0</v>
      </c>
      <c r="GC30" s="72">
        <v>0</v>
      </c>
      <c r="GD30" s="72">
        <v>0</v>
      </c>
      <c r="GE30" s="73">
        <v>0</v>
      </c>
      <c r="GF30" s="74">
        <v>0</v>
      </c>
      <c r="GG30" s="71">
        <v>3</v>
      </c>
      <c r="GH30" s="72">
        <v>2</v>
      </c>
      <c r="GI30" s="73">
        <v>5</v>
      </c>
      <c r="GJ30" s="271"/>
      <c r="GK30" s="72">
        <v>4</v>
      </c>
      <c r="GL30" s="72">
        <v>1</v>
      </c>
      <c r="GM30" s="72">
        <v>7</v>
      </c>
      <c r="GN30" s="72">
        <v>1</v>
      </c>
      <c r="GO30" s="72">
        <v>1</v>
      </c>
      <c r="GP30" s="73">
        <v>14</v>
      </c>
      <c r="GQ30" s="74">
        <v>19</v>
      </c>
      <c r="GR30" s="127">
        <v>14</v>
      </c>
      <c r="GS30" s="83">
        <v>18</v>
      </c>
      <c r="GT30" s="84">
        <v>32</v>
      </c>
      <c r="GU30" s="271"/>
      <c r="GV30" s="83">
        <v>19</v>
      </c>
      <c r="GW30" s="83">
        <v>8</v>
      </c>
      <c r="GX30" s="83">
        <v>16</v>
      </c>
      <c r="GY30" s="83">
        <v>6</v>
      </c>
      <c r="GZ30" s="83">
        <v>2</v>
      </c>
      <c r="HA30" s="85">
        <v>51</v>
      </c>
      <c r="HB30" s="86">
        <v>83</v>
      </c>
      <c r="HC30" s="71">
        <v>1</v>
      </c>
      <c r="HD30" s="72">
        <v>0</v>
      </c>
      <c r="HE30" s="73">
        <v>1</v>
      </c>
      <c r="HF30" s="271"/>
      <c r="HG30" s="72">
        <v>0</v>
      </c>
      <c r="HH30" s="72">
        <v>1</v>
      </c>
      <c r="HI30" s="72">
        <v>0</v>
      </c>
      <c r="HJ30" s="72">
        <v>0</v>
      </c>
      <c r="HK30" s="72">
        <v>0</v>
      </c>
      <c r="HL30" s="73">
        <v>1</v>
      </c>
      <c r="HM30" s="74">
        <v>2</v>
      </c>
      <c r="HN30" s="71">
        <v>4</v>
      </c>
      <c r="HO30" s="72">
        <v>2</v>
      </c>
      <c r="HP30" s="73">
        <v>6</v>
      </c>
      <c r="HQ30" s="271"/>
      <c r="HR30" s="72">
        <v>1</v>
      </c>
      <c r="HS30" s="72">
        <v>1</v>
      </c>
      <c r="HT30" s="72">
        <v>0</v>
      </c>
      <c r="HU30" s="72">
        <v>0</v>
      </c>
      <c r="HV30" s="72">
        <v>0</v>
      </c>
      <c r="HW30" s="73">
        <v>2</v>
      </c>
      <c r="HX30" s="74">
        <v>8</v>
      </c>
      <c r="HY30" s="71">
        <v>0</v>
      </c>
      <c r="HZ30" s="72">
        <v>5</v>
      </c>
      <c r="IA30" s="73">
        <v>5</v>
      </c>
      <c r="IB30" s="271"/>
      <c r="IC30" s="72">
        <v>1</v>
      </c>
      <c r="ID30" s="72">
        <v>1</v>
      </c>
      <c r="IE30" s="72">
        <v>1</v>
      </c>
      <c r="IF30" s="72">
        <v>0</v>
      </c>
      <c r="IG30" s="72">
        <v>0</v>
      </c>
      <c r="IH30" s="73">
        <v>3</v>
      </c>
      <c r="II30" s="74">
        <v>8</v>
      </c>
      <c r="IJ30" s="71">
        <v>3</v>
      </c>
      <c r="IK30" s="72">
        <v>4</v>
      </c>
      <c r="IL30" s="73">
        <v>7</v>
      </c>
      <c r="IM30" s="271"/>
      <c r="IN30" s="72">
        <v>4</v>
      </c>
      <c r="IO30" s="72">
        <v>0</v>
      </c>
      <c r="IP30" s="72">
        <v>3</v>
      </c>
      <c r="IQ30" s="72">
        <v>1</v>
      </c>
      <c r="IR30" s="72">
        <v>0</v>
      </c>
      <c r="IS30" s="73">
        <v>8</v>
      </c>
      <c r="IT30" s="74">
        <v>15</v>
      </c>
      <c r="IU30" s="71">
        <v>4</v>
      </c>
      <c r="IV30" s="72">
        <v>4</v>
      </c>
      <c r="IW30" s="73">
        <v>8</v>
      </c>
      <c r="IX30" s="271"/>
      <c r="IY30" s="72">
        <v>7</v>
      </c>
      <c r="IZ30" s="72">
        <v>3</v>
      </c>
      <c r="JA30" s="72">
        <v>5</v>
      </c>
      <c r="JB30" s="72">
        <v>2</v>
      </c>
      <c r="JC30" s="72">
        <v>1</v>
      </c>
      <c r="JD30" s="73">
        <v>18</v>
      </c>
      <c r="JE30" s="74">
        <v>26</v>
      </c>
      <c r="JF30" s="71">
        <v>2</v>
      </c>
      <c r="JG30" s="72">
        <v>3</v>
      </c>
      <c r="JH30" s="73">
        <v>5</v>
      </c>
      <c r="JI30" s="271"/>
      <c r="JJ30" s="72">
        <v>6</v>
      </c>
      <c r="JK30" s="72">
        <v>2</v>
      </c>
      <c r="JL30" s="72">
        <v>7</v>
      </c>
      <c r="JM30" s="72">
        <v>3</v>
      </c>
      <c r="JN30" s="72">
        <v>1</v>
      </c>
      <c r="JO30" s="73">
        <v>19</v>
      </c>
      <c r="JP30" s="74">
        <v>24</v>
      </c>
      <c r="JQ30" s="71">
        <v>0</v>
      </c>
      <c r="JR30" s="72">
        <v>0</v>
      </c>
      <c r="JS30" s="73">
        <v>0</v>
      </c>
      <c r="JT30" s="271"/>
      <c r="JU30" s="72">
        <v>0</v>
      </c>
      <c r="JV30" s="72">
        <v>0</v>
      </c>
      <c r="JW30" s="72">
        <v>0</v>
      </c>
      <c r="JX30" s="72">
        <v>0</v>
      </c>
      <c r="JY30" s="72">
        <v>0</v>
      </c>
      <c r="JZ30" s="73">
        <v>0</v>
      </c>
      <c r="KA30" s="74">
        <v>0</v>
      </c>
      <c r="KB30" s="71">
        <v>14</v>
      </c>
      <c r="KC30" s="72">
        <v>18</v>
      </c>
      <c r="KD30" s="73">
        <v>32</v>
      </c>
      <c r="KE30" s="274"/>
      <c r="KF30" s="72">
        <v>19</v>
      </c>
      <c r="KG30" s="72">
        <v>8</v>
      </c>
      <c r="KH30" s="72">
        <v>16</v>
      </c>
      <c r="KI30" s="72">
        <v>6</v>
      </c>
      <c r="KJ30" s="72">
        <v>2</v>
      </c>
      <c r="KK30" s="73">
        <v>51</v>
      </c>
      <c r="KL30" s="74">
        <v>83</v>
      </c>
    </row>
    <row r="31" spans="1:298" ht="19.5" customHeight="1" x14ac:dyDescent="0.2">
      <c r="A31" s="130" t="s">
        <v>28</v>
      </c>
      <c r="B31" s="353">
        <v>1</v>
      </c>
      <c r="C31" s="83">
        <v>3</v>
      </c>
      <c r="D31" s="84">
        <v>4</v>
      </c>
      <c r="E31" s="271"/>
      <c r="F31" s="83">
        <v>6</v>
      </c>
      <c r="G31" s="83">
        <v>6</v>
      </c>
      <c r="H31" s="83">
        <v>3</v>
      </c>
      <c r="I31" s="83">
        <v>2</v>
      </c>
      <c r="J31" s="83">
        <v>3</v>
      </c>
      <c r="K31" s="85">
        <v>20</v>
      </c>
      <c r="L31" s="86">
        <v>24</v>
      </c>
      <c r="M31" s="71">
        <v>0</v>
      </c>
      <c r="N31" s="72">
        <v>0</v>
      </c>
      <c r="O31" s="73">
        <v>0</v>
      </c>
      <c r="P31" s="271"/>
      <c r="Q31" s="72">
        <v>0</v>
      </c>
      <c r="R31" s="72">
        <v>0</v>
      </c>
      <c r="S31" s="72">
        <v>1</v>
      </c>
      <c r="T31" s="72">
        <v>0</v>
      </c>
      <c r="U31" s="72">
        <v>0</v>
      </c>
      <c r="V31" s="73">
        <v>1</v>
      </c>
      <c r="W31" s="74">
        <v>1</v>
      </c>
      <c r="X31" s="71">
        <v>0</v>
      </c>
      <c r="Y31" s="72">
        <v>1</v>
      </c>
      <c r="Z31" s="73">
        <v>1</v>
      </c>
      <c r="AA31" s="271"/>
      <c r="AB31" s="72">
        <v>1</v>
      </c>
      <c r="AC31" s="72">
        <v>1</v>
      </c>
      <c r="AD31" s="72">
        <v>0</v>
      </c>
      <c r="AE31" s="72">
        <v>0</v>
      </c>
      <c r="AF31" s="72">
        <v>0</v>
      </c>
      <c r="AG31" s="73">
        <v>2</v>
      </c>
      <c r="AH31" s="74">
        <v>3</v>
      </c>
      <c r="AI31" s="71">
        <v>0</v>
      </c>
      <c r="AJ31" s="72">
        <v>0</v>
      </c>
      <c r="AK31" s="73">
        <v>0</v>
      </c>
      <c r="AL31" s="271"/>
      <c r="AM31" s="72">
        <v>1</v>
      </c>
      <c r="AN31" s="72">
        <v>0</v>
      </c>
      <c r="AO31" s="72">
        <v>0</v>
      </c>
      <c r="AP31" s="72">
        <v>0</v>
      </c>
      <c r="AQ31" s="72">
        <v>0</v>
      </c>
      <c r="AR31" s="73">
        <v>1</v>
      </c>
      <c r="AS31" s="74">
        <v>1</v>
      </c>
      <c r="AT31" s="71">
        <v>1</v>
      </c>
      <c r="AU31" s="72">
        <v>1</v>
      </c>
      <c r="AV31" s="73">
        <v>2</v>
      </c>
      <c r="AW31" s="271"/>
      <c r="AX31" s="72">
        <v>1</v>
      </c>
      <c r="AY31" s="72">
        <v>0</v>
      </c>
      <c r="AZ31" s="72">
        <v>0</v>
      </c>
      <c r="BA31" s="72">
        <v>0</v>
      </c>
      <c r="BB31" s="72">
        <v>2</v>
      </c>
      <c r="BC31" s="73">
        <v>3</v>
      </c>
      <c r="BD31" s="74">
        <v>5</v>
      </c>
      <c r="BE31" s="71">
        <v>0</v>
      </c>
      <c r="BF31" s="72">
        <v>0</v>
      </c>
      <c r="BG31" s="73">
        <v>0</v>
      </c>
      <c r="BH31" s="271"/>
      <c r="BI31" s="72">
        <v>2</v>
      </c>
      <c r="BJ31" s="72">
        <v>2</v>
      </c>
      <c r="BK31" s="72">
        <v>1</v>
      </c>
      <c r="BL31" s="72">
        <v>1</v>
      </c>
      <c r="BM31" s="72">
        <v>1</v>
      </c>
      <c r="BN31" s="73">
        <v>7</v>
      </c>
      <c r="BO31" s="74">
        <v>7</v>
      </c>
      <c r="BP31" s="71">
        <v>0</v>
      </c>
      <c r="BQ31" s="72">
        <v>1</v>
      </c>
      <c r="BR31" s="73">
        <v>1</v>
      </c>
      <c r="BS31" s="271"/>
      <c r="BT31" s="72">
        <v>1</v>
      </c>
      <c r="BU31" s="72">
        <v>3</v>
      </c>
      <c r="BV31" s="72">
        <v>1</v>
      </c>
      <c r="BW31" s="72">
        <v>1</v>
      </c>
      <c r="BX31" s="72">
        <v>0</v>
      </c>
      <c r="BY31" s="73">
        <v>6</v>
      </c>
      <c r="BZ31" s="74">
        <v>7</v>
      </c>
      <c r="CA31" s="71">
        <v>0</v>
      </c>
      <c r="CB31" s="72">
        <v>0</v>
      </c>
      <c r="CC31" s="73">
        <v>0</v>
      </c>
      <c r="CD31" s="271"/>
      <c r="CE31" s="72">
        <v>0</v>
      </c>
      <c r="CF31" s="72">
        <v>0</v>
      </c>
      <c r="CG31" s="72">
        <v>0</v>
      </c>
      <c r="CH31" s="72">
        <v>0</v>
      </c>
      <c r="CI31" s="72">
        <v>0</v>
      </c>
      <c r="CJ31" s="73">
        <v>0</v>
      </c>
      <c r="CK31" s="74">
        <v>0</v>
      </c>
      <c r="CL31" s="71">
        <v>1</v>
      </c>
      <c r="CM31" s="72">
        <v>3</v>
      </c>
      <c r="CN31" s="73">
        <v>4</v>
      </c>
      <c r="CO31" s="271"/>
      <c r="CP31" s="72">
        <v>6</v>
      </c>
      <c r="CQ31" s="72">
        <v>6</v>
      </c>
      <c r="CR31" s="72">
        <v>3</v>
      </c>
      <c r="CS31" s="72">
        <v>2</v>
      </c>
      <c r="CT31" s="72">
        <v>3</v>
      </c>
      <c r="CU31" s="73">
        <v>20</v>
      </c>
      <c r="CV31" s="74">
        <v>24</v>
      </c>
      <c r="CW31" s="127">
        <v>0</v>
      </c>
      <c r="CX31" s="83">
        <v>1</v>
      </c>
      <c r="CY31" s="84">
        <v>1</v>
      </c>
      <c r="CZ31" s="271"/>
      <c r="DA31" s="83">
        <v>1</v>
      </c>
      <c r="DB31" s="83">
        <v>5</v>
      </c>
      <c r="DC31" s="83">
        <v>1</v>
      </c>
      <c r="DD31" s="83">
        <v>1</v>
      </c>
      <c r="DE31" s="83">
        <v>0</v>
      </c>
      <c r="DF31" s="85">
        <v>8</v>
      </c>
      <c r="DG31" s="86">
        <v>9</v>
      </c>
      <c r="DH31" s="71">
        <v>0</v>
      </c>
      <c r="DI31" s="72">
        <v>0</v>
      </c>
      <c r="DJ31" s="73">
        <v>0</v>
      </c>
      <c r="DK31" s="271"/>
      <c r="DL31" s="72">
        <v>0</v>
      </c>
      <c r="DM31" s="72">
        <v>0</v>
      </c>
      <c r="DN31" s="72">
        <v>1</v>
      </c>
      <c r="DO31" s="72">
        <v>0</v>
      </c>
      <c r="DP31" s="72">
        <v>0</v>
      </c>
      <c r="DQ31" s="73">
        <v>1</v>
      </c>
      <c r="DR31" s="74">
        <v>1</v>
      </c>
      <c r="DS31" s="71">
        <v>0</v>
      </c>
      <c r="DT31" s="72">
        <v>0</v>
      </c>
      <c r="DU31" s="73">
        <v>0</v>
      </c>
      <c r="DV31" s="271"/>
      <c r="DW31" s="72">
        <v>0</v>
      </c>
      <c r="DX31" s="72">
        <v>1</v>
      </c>
      <c r="DY31" s="72">
        <v>0</v>
      </c>
      <c r="DZ31" s="72">
        <v>0</v>
      </c>
      <c r="EA31" s="72">
        <v>0</v>
      </c>
      <c r="EB31" s="73">
        <v>1</v>
      </c>
      <c r="EC31" s="74">
        <v>1</v>
      </c>
      <c r="ED31" s="71">
        <v>0</v>
      </c>
      <c r="EE31" s="72">
        <v>0</v>
      </c>
      <c r="EF31" s="73">
        <v>0</v>
      </c>
      <c r="EG31" s="271"/>
      <c r="EH31" s="72">
        <v>0</v>
      </c>
      <c r="EI31" s="72">
        <v>0</v>
      </c>
      <c r="EJ31" s="72">
        <v>0</v>
      </c>
      <c r="EK31" s="72">
        <v>0</v>
      </c>
      <c r="EL31" s="72">
        <v>0</v>
      </c>
      <c r="EM31" s="73">
        <v>0</v>
      </c>
      <c r="EN31" s="74">
        <v>0</v>
      </c>
      <c r="EO31" s="71">
        <v>0</v>
      </c>
      <c r="EP31" s="72">
        <v>0</v>
      </c>
      <c r="EQ31" s="73">
        <v>0</v>
      </c>
      <c r="ER31" s="271"/>
      <c r="ES31" s="72">
        <v>0</v>
      </c>
      <c r="ET31" s="72">
        <v>2</v>
      </c>
      <c r="EU31" s="72">
        <v>0</v>
      </c>
      <c r="EV31" s="72">
        <v>0</v>
      </c>
      <c r="EW31" s="72">
        <v>0</v>
      </c>
      <c r="EX31" s="73">
        <v>2</v>
      </c>
      <c r="EY31" s="74">
        <v>2</v>
      </c>
      <c r="EZ31" s="71">
        <v>0</v>
      </c>
      <c r="FA31" s="72">
        <v>1</v>
      </c>
      <c r="FB31" s="73">
        <v>1</v>
      </c>
      <c r="FC31" s="271"/>
      <c r="FD31" s="72">
        <v>1</v>
      </c>
      <c r="FE31" s="72">
        <v>0</v>
      </c>
      <c r="FF31" s="72">
        <v>0</v>
      </c>
      <c r="FG31" s="72">
        <v>0</v>
      </c>
      <c r="FH31" s="72">
        <v>0</v>
      </c>
      <c r="FI31" s="73">
        <v>1</v>
      </c>
      <c r="FJ31" s="74">
        <v>2</v>
      </c>
      <c r="FK31" s="71">
        <v>0</v>
      </c>
      <c r="FL31" s="72">
        <v>0</v>
      </c>
      <c r="FM31" s="73">
        <v>0</v>
      </c>
      <c r="FN31" s="271"/>
      <c r="FO31" s="72">
        <v>0</v>
      </c>
      <c r="FP31" s="72">
        <v>2</v>
      </c>
      <c r="FQ31" s="72">
        <v>0</v>
      </c>
      <c r="FR31" s="72">
        <v>1</v>
      </c>
      <c r="FS31" s="72">
        <v>0</v>
      </c>
      <c r="FT31" s="73">
        <v>3</v>
      </c>
      <c r="FU31" s="74">
        <v>3</v>
      </c>
      <c r="FV31" s="71">
        <v>0</v>
      </c>
      <c r="FW31" s="72">
        <v>0</v>
      </c>
      <c r="FX31" s="73">
        <v>0</v>
      </c>
      <c r="FY31" s="271"/>
      <c r="FZ31" s="72">
        <v>0</v>
      </c>
      <c r="GA31" s="72">
        <v>0</v>
      </c>
      <c r="GB31" s="72">
        <v>0</v>
      </c>
      <c r="GC31" s="72">
        <v>0</v>
      </c>
      <c r="GD31" s="72">
        <v>0</v>
      </c>
      <c r="GE31" s="73">
        <v>0</v>
      </c>
      <c r="GF31" s="74">
        <v>0</v>
      </c>
      <c r="GG31" s="71">
        <v>0</v>
      </c>
      <c r="GH31" s="72">
        <v>1</v>
      </c>
      <c r="GI31" s="73">
        <v>1</v>
      </c>
      <c r="GJ31" s="271"/>
      <c r="GK31" s="72">
        <v>1</v>
      </c>
      <c r="GL31" s="72">
        <v>5</v>
      </c>
      <c r="GM31" s="72">
        <v>1</v>
      </c>
      <c r="GN31" s="72">
        <v>1</v>
      </c>
      <c r="GO31" s="72">
        <v>0</v>
      </c>
      <c r="GP31" s="73">
        <v>8</v>
      </c>
      <c r="GQ31" s="74">
        <v>9</v>
      </c>
      <c r="GR31" s="127">
        <v>1</v>
      </c>
      <c r="GS31" s="83">
        <v>4</v>
      </c>
      <c r="GT31" s="84">
        <v>5</v>
      </c>
      <c r="GU31" s="271"/>
      <c r="GV31" s="83">
        <v>7</v>
      </c>
      <c r="GW31" s="83">
        <v>11</v>
      </c>
      <c r="GX31" s="83">
        <v>4</v>
      </c>
      <c r="GY31" s="83">
        <v>3</v>
      </c>
      <c r="GZ31" s="83">
        <v>3</v>
      </c>
      <c r="HA31" s="85">
        <v>28</v>
      </c>
      <c r="HB31" s="86">
        <v>33</v>
      </c>
      <c r="HC31" s="71">
        <v>0</v>
      </c>
      <c r="HD31" s="72">
        <v>0</v>
      </c>
      <c r="HE31" s="73">
        <v>0</v>
      </c>
      <c r="HF31" s="271"/>
      <c r="HG31" s="72">
        <v>0</v>
      </c>
      <c r="HH31" s="72">
        <v>0</v>
      </c>
      <c r="HI31" s="72">
        <v>2</v>
      </c>
      <c r="HJ31" s="72">
        <v>0</v>
      </c>
      <c r="HK31" s="72">
        <v>0</v>
      </c>
      <c r="HL31" s="73">
        <v>2</v>
      </c>
      <c r="HM31" s="74">
        <v>2</v>
      </c>
      <c r="HN31" s="71">
        <v>0</v>
      </c>
      <c r="HO31" s="72">
        <v>1</v>
      </c>
      <c r="HP31" s="73">
        <v>1</v>
      </c>
      <c r="HQ31" s="271"/>
      <c r="HR31" s="72">
        <v>1</v>
      </c>
      <c r="HS31" s="72">
        <v>2</v>
      </c>
      <c r="HT31" s="72">
        <v>0</v>
      </c>
      <c r="HU31" s="72">
        <v>0</v>
      </c>
      <c r="HV31" s="72">
        <v>0</v>
      </c>
      <c r="HW31" s="73">
        <v>3</v>
      </c>
      <c r="HX31" s="74">
        <v>4</v>
      </c>
      <c r="HY31" s="71">
        <v>0</v>
      </c>
      <c r="HZ31" s="72">
        <v>0</v>
      </c>
      <c r="IA31" s="73">
        <v>0</v>
      </c>
      <c r="IB31" s="271"/>
      <c r="IC31" s="72">
        <v>1</v>
      </c>
      <c r="ID31" s="72">
        <v>0</v>
      </c>
      <c r="IE31" s="72">
        <v>0</v>
      </c>
      <c r="IF31" s="72">
        <v>0</v>
      </c>
      <c r="IG31" s="72">
        <v>0</v>
      </c>
      <c r="IH31" s="73">
        <v>1</v>
      </c>
      <c r="II31" s="74">
        <v>1</v>
      </c>
      <c r="IJ31" s="71">
        <v>1</v>
      </c>
      <c r="IK31" s="72">
        <v>1</v>
      </c>
      <c r="IL31" s="73">
        <v>2</v>
      </c>
      <c r="IM31" s="271"/>
      <c r="IN31" s="72">
        <v>1</v>
      </c>
      <c r="IO31" s="72">
        <v>2</v>
      </c>
      <c r="IP31" s="72">
        <v>0</v>
      </c>
      <c r="IQ31" s="72">
        <v>0</v>
      </c>
      <c r="IR31" s="72">
        <v>2</v>
      </c>
      <c r="IS31" s="73">
        <v>5</v>
      </c>
      <c r="IT31" s="74">
        <v>7</v>
      </c>
      <c r="IU31" s="71">
        <v>0</v>
      </c>
      <c r="IV31" s="72">
        <v>1</v>
      </c>
      <c r="IW31" s="73">
        <v>1</v>
      </c>
      <c r="IX31" s="271"/>
      <c r="IY31" s="72">
        <v>3</v>
      </c>
      <c r="IZ31" s="72">
        <v>2</v>
      </c>
      <c r="JA31" s="72">
        <v>1</v>
      </c>
      <c r="JB31" s="72">
        <v>1</v>
      </c>
      <c r="JC31" s="72">
        <v>1</v>
      </c>
      <c r="JD31" s="73">
        <v>8</v>
      </c>
      <c r="JE31" s="74">
        <v>9</v>
      </c>
      <c r="JF31" s="71">
        <v>0</v>
      </c>
      <c r="JG31" s="72">
        <v>1</v>
      </c>
      <c r="JH31" s="73">
        <v>1</v>
      </c>
      <c r="JI31" s="271"/>
      <c r="JJ31" s="72">
        <v>1</v>
      </c>
      <c r="JK31" s="72">
        <v>5</v>
      </c>
      <c r="JL31" s="72">
        <v>1</v>
      </c>
      <c r="JM31" s="72">
        <v>2</v>
      </c>
      <c r="JN31" s="72">
        <v>0</v>
      </c>
      <c r="JO31" s="73">
        <v>9</v>
      </c>
      <c r="JP31" s="74">
        <v>10</v>
      </c>
      <c r="JQ31" s="71">
        <v>0</v>
      </c>
      <c r="JR31" s="72">
        <v>0</v>
      </c>
      <c r="JS31" s="73">
        <v>0</v>
      </c>
      <c r="JT31" s="271"/>
      <c r="JU31" s="72">
        <v>0</v>
      </c>
      <c r="JV31" s="72">
        <v>0</v>
      </c>
      <c r="JW31" s="72">
        <v>0</v>
      </c>
      <c r="JX31" s="72">
        <v>0</v>
      </c>
      <c r="JY31" s="72">
        <v>0</v>
      </c>
      <c r="JZ31" s="73">
        <v>0</v>
      </c>
      <c r="KA31" s="74">
        <v>0</v>
      </c>
      <c r="KB31" s="71">
        <v>1</v>
      </c>
      <c r="KC31" s="72">
        <v>4</v>
      </c>
      <c r="KD31" s="73">
        <v>5</v>
      </c>
      <c r="KE31" s="274"/>
      <c r="KF31" s="72">
        <v>7</v>
      </c>
      <c r="KG31" s="72">
        <v>11</v>
      </c>
      <c r="KH31" s="72">
        <v>4</v>
      </c>
      <c r="KI31" s="72">
        <v>3</v>
      </c>
      <c r="KJ31" s="72">
        <v>3</v>
      </c>
      <c r="KK31" s="73">
        <v>28</v>
      </c>
      <c r="KL31" s="74">
        <v>33</v>
      </c>
    </row>
    <row r="32" spans="1:298" ht="19.5" customHeight="1" x14ac:dyDescent="0.2">
      <c r="A32" s="130" t="s">
        <v>29</v>
      </c>
      <c r="B32" s="353">
        <v>5</v>
      </c>
      <c r="C32" s="83">
        <v>3</v>
      </c>
      <c r="D32" s="84">
        <v>8</v>
      </c>
      <c r="E32" s="271"/>
      <c r="F32" s="83">
        <v>2</v>
      </c>
      <c r="G32" s="83">
        <v>4</v>
      </c>
      <c r="H32" s="83">
        <v>8</v>
      </c>
      <c r="I32" s="83">
        <v>0</v>
      </c>
      <c r="J32" s="83">
        <v>1</v>
      </c>
      <c r="K32" s="85">
        <v>15</v>
      </c>
      <c r="L32" s="86">
        <v>23</v>
      </c>
      <c r="M32" s="71">
        <v>0</v>
      </c>
      <c r="N32" s="72">
        <v>0</v>
      </c>
      <c r="O32" s="73">
        <v>0</v>
      </c>
      <c r="P32" s="271"/>
      <c r="Q32" s="72">
        <v>0</v>
      </c>
      <c r="R32" s="72">
        <v>0</v>
      </c>
      <c r="S32" s="72">
        <v>0</v>
      </c>
      <c r="T32" s="72">
        <v>0</v>
      </c>
      <c r="U32" s="72">
        <v>1</v>
      </c>
      <c r="V32" s="73">
        <v>1</v>
      </c>
      <c r="W32" s="74">
        <v>1</v>
      </c>
      <c r="X32" s="71">
        <v>0</v>
      </c>
      <c r="Y32" s="72">
        <v>1</v>
      </c>
      <c r="Z32" s="73">
        <v>1</v>
      </c>
      <c r="AA32" s="271"/>
      <c r="AB32" s="72">
        <v>0</v>
      </c>
      <c r="AC32" s="72">
        <v>1</v>
      </c>
      <c r="AD32" s="72">
        <v>0</v>
      </c>
      <c r="AE32" s="72">
        <v>0</v>
      </c>
      <c r="AF32" s="72">
        <v>0</v>
      </c>
      <c r="AG32" s="73">
        <v>1</v>
      </c>
      <c r="AH32" s="74">
        <v>2</v>
      </c>
      <c r="AI32" s="71">
        <v>1</v>
      </c>
      <c r="AJ32" s="72">
        <v>1</v>
      </c>
      <c r="AK32" s="73">
        <v>2</v>
      </c>
      <c r="AL32" s="271"/>
      <c r="AM32" s="72">
        <v>0</v>
      </c>
      <c r="AN32" s="72">
        <v>1</v>
      </c>
      <c r="AO32" s="72">
        <v>1</v>
      </c>
      <c r="AP32" s="72">
        <v>0</v>
      </c>
      <c r="AQ32" s="72">
        <v>0</v>
      </c>
      <c r="AR32" s="73">
        <v>2</v>
      </c>
      <c r="AS32" s="74">
        <v>4</v>
      </c>
      <c r="AT32" s="71">
        <v>2</v>
      </c>
      <c r="AU32" s="72">
        <v>0</v>
      </c>
      <c r="AV32" s="73">
        <v>2</v>
      </c>
      <c r="AW32" s="271"/>
      <c r="AX32" s="72">
        <v>1</v>
      </c>
      <c r="AY32" s="72">
        <v>1</v>
      </c>
      <c r="AZ32" s="72">
        <v>4</v>
      </c>
      <c r="BA32" s="72">
        <v>0</v>
      </c>
      <c r="BB32" s="72">
        <v>0</v>
      </c>
      <c r="BC32" s="73">
        <v>6</v>
      </c>
      <c r="BD32" s="74">
        <v>8</v>
      </c>
      <c r="BE32" s="71">
        <v>1</v>
      </c>
      <c r="BF32" s="72">
        <v>1</v>
      </c>
      <c r="BG32" s="73">
        <v>2</v>
      </c>
      <c r="BH32" s="271"/>
      <c r="BI32" s="72">
        <v>0</v>
      </c>
      <c r="BJ32" s="72">
        <v>0</v>
      </c>
      <c r="BK32" s="72">
        <v>2</v>
      </c>
      <c r="BL32" s="72">
        <v>0</v>
      </c>
      <c r="BM32" s="72">
        <v>0</v>
      </c>
      <c r="BN32" s="73">
        <v>2</v>
      </c>
      <c r="BO32" s="74">
        <v>4</v>
      </c>
      <c r="BP32" s="71">
        <v>1</v>
      </c>
      <c r="BQ32" s="72">
        <v>0</v>
      </c>
      <c r="BR32" s="73">
        <v>1</v>
      </c>
      <c r="BS32" s="271"/>
      <c r="BT32" s="72">
        <v>1</v>
      </c>
      <c r="BU32" s="72">
        <v>1</v>
      </c>
      <c r="BV32" s="72">
        <v>1</v>
      </c>
      <c r="BW32" s="72">
        <v>0</v>
      </c>
      <c r="BX32" s="72">
        <v>0</v>
      </c>
      <c r="BY32" s="73">
        <v>3</v>
      </c>
      <c r="BZ32" s="74">
        <v>4</v>
      </c>
      <c r="CA32" s="71">
        <v>0</v>
      </c>
      <c r="CB32" s="72">
        <v>0</v>
      </c>
      <c r="CC32" s="73">
        <v>0</v>
      </c>
      <c r="CD32" s="271"/>
      <c r="CE32" s="72">
        <v>0</v>
      </c>
      <c r="CF32" s="72">
        <v>0</v>
      </c>
      <c r="CG32" s="72">
        <v>0</v>
      </c>
      <c r="CH32" s="72">
        <v>0</v>
      </c>
      <c r="CI32" s="72">
        <v>0</v>
      </c>
      <c r="CJ32" s="73">
        <v>0</v>
      </c>
      <c r="CK32" s="74">
        <v>0</v>
      </c>
      <c r="CL32" s="71">
        <v>5</v>
      </c>
      <c r="CM32" s="72">
        <v>3</v>
      </c>
      <c r="CN32" s="73">
        <v>8</v>
      </c>
      <c r="CO32" s="271"/>
      <c r="CP32" s="72">
        <v>2</v>
      </c>
      <c r="CQ32" s="72">
        <v>4</v>
      </c>
      <c r="CR32" s="72">
        <v>8</v>
      </c>
      <c r="CS32" s="72">
        <v>0</v>
      </c>
      <c r="CT32" s="72">
        <v>1</v>
      </c>
      <c r="CU32" s="73">
        <v>15</v>
      </c>
      <c r="CV32" s="74">
        <v>23</v>
      </c>
      <c r="CW32" s="127">
        <v>2</v>
      </c>
      <c r="CX32" s="83">
        <v>5</v>
      </c>
      <c r="CY32" s="84">
        <v>7</v>
      </c>
      <c r="CZ32" s="271"/>
      <c r="DA32" s="83">
        <v>5</v>
      </c>
      <c r="DB32" s="83">
        <v>1</v>
      </c>
      <c r="DC32" s="83">
        <v>0</v>
      </c>
      <c r="DD32" s="83">
        <v>1</v>
      </c>
      <c r="DE32" s="83">
        <v>0</v>
      </c>
      <c r="DF32" s="85">
        <v>7</v>
      </c>
      <c r="DG32" s="86">
        <v>14</v>
      </c>
      <c r="DH32" s="71">
        <v>0</v>
      </c>
      <c r="DI32" s="72">
        <v>0</v>
      </c>
      <c r="DJ32" s="73">
        <v>0</v>
      </c>
      <c r="DK32" s="271"/>
      <c r="DL32" s="72">
        <v>0</v>
      </c>
      <c r="DM32" s="72">
        <v>0</v>
      </c>
      <c r="DN32" s="72">
        <v>0</v>
      </c>
      <c r="DO32" s="72">
        <v>0</v>
      </c>
      <c r="DP32" s="72">
        <v>0</v>
      </c>
      <c r="DQ32" s="73">
        <v>0</v>
      </c>
      <c r="DR32" s="74">
        <v>0</v>
      </c>
      <c r="DS32" s="71">
        <v>0</v>
      </c>
      <c r="DT32" s="72">
        <v>0</v>
      </c>
      <c r="DU32" s="73">
        <v>0</v>
      </c>
      <c r="DV32" s="271"/>
      <c r="DW32" s="72">
        <v>0</v>
      </c>
      <c r="DX32" s="72">
        <v>0</v>
      </c>
      <c r="DY32" s="72">
        <v>0</v>
      </c>
      <c r="DZ32" s="72">
        <v>0</v>
      </c>
      <c r="EA32" s="72">
        <v>0</v>
      </c>
      <c r="EB32" s="73">
        <v>0</v>
      </c>
      <c r="EC32" s="74">
        <v>0</v>
      </c>
      <c r="ED32" s="71">
        <v>1</v>
      </c>
      <c r="EE32" s="72">
        <v>0</v>
      </c>
      <c r="EF32" s="73">
        <v>1</v>
      </c>
      <c r="EG32" s="271"/>
      <c r="EH32" s="72">
        <v>0</v>
      </c>
      <c r="EI32" s="72">
        <v>0</v>
      </c>
      <c r="EJ32" s="72">
        <v>0</v>
      </c>
      <c r="EK32" s="72">
        <v>1</v>
      </c>
      <c r="EL32" s="72">
        <v>0</v>
      </c>
      <c r="EM32" s="73">
        <v>1</v>
      </c>
      <c r="EN32" s="74">
        <v>2</v>
      </c>
      <c r="EO32" s="71">
        <v>1</v>
      </c>
      <c r="EP32" s="72">
        <v>2</v>
      </c>
      <c r="EQ32" s="73">
        <v>3</v>
      </c>
      <c r="ER32" s="271"/>
      <c r="ES32" s="72">
        <v>3</v>
      </c>
      <c r="ET32" s="72">
        <v>0</v>
      </c>
      <c r="EU32" s="72">
        <v>0</v>
      </c>
      <c r="EV32" s="72">
        <v>0</v>
      </c>
      <c r="EW32" s="72">
        <v>0</v>
      </c>
      <c r="EX32" s="73">
        <v>3</v>
      </c>
      <c r="EY32" s="74">
        <v>6</v>
      </c>
      <c r="EZ32" s="71">
        <v>0</v>
      </c>
      <c r="FA32" s="72">
        <v>2</v>
      </c>
      <c r="FB32" s="73">
        <v>2</v>
      </c>
      <c r="FC32" s="271"/>
      <c r="FD32" s="72">
        <v>1</v>
      </c>
      <c r="FE32" s="72">
        <v>0</v>
      </c>
      <c r="FF32" s="72">
        <v>0</v>
      </c>
      <c r="FG32" s="72">
        <v>0</v>
      </c>
      <c r="FH32" s="72">
        <v>0</v>
      </c>
      <c r="FI32" s="73">
        <v>1</v>
      </c>
      <c r="FJ32" s="74">
        <v>3</v>
      </c>
      <c r="FK32" s="71">
        <v>0</v>
      </c>
      <c r="FL32" s="72">
        <v>1</v>
      </c>
      <c r="FM32" s="73">
        <v>1</v>
      </c>
      <c r="FN32" s="271"/>
      <c r="FO32" s="72">
        <v>1</v>
      </c>
      <c r="FP32" s="72">
        <v>1</v>
      </c>
      <c r="FQ32" s="72">
        <v>0</v>
      </c>
      <c r="FR32" s="72">
        <v>0</v>
      </c>
      <c r="FS32" s="72">
        <v>0</v>
      </c>
      <c r="FT32" s="73">
        <v>2</v>
      </c>
      <c r="FU32" s="74">
        <v>3</v>
      </c>
      <c r="FV32" s="71">
        <v>0</v>
      </c>
      <c r="FW32" s="72">
        <v>0</v>
      </c>
      <c r="FX32" s="73">
        <v>0</v>
      </c>
      <c r="FY32" s="271"/>
      <c r="FZ32" s="72">
        <v>0</v>
      </c>
      <c r="GA32" s="72">
        <v>0</v>
      </c>
      <c r="GB32" s="72">
        <v>0</v>
      </c>
      <c r="GC32" s="72">
        <v>0</v>
      </c>
      <c r="GD32" s="72">
        <v>0</v>
      </c>
      <c r="GE32" s="73">
        <v>0</v>
      </c>
      <c r="GF32" s="74">
        <v>0</v>
      </c>
      <c r="GG32" s="71">
        <v>2</v>
      </c>
      <c r="GH32" s="72">
        <v>5</v>
      </c>
      <c r="GI32" s="73">
        <v>7</v>
      </c>
      <c r="GJ32" s="271"/>
      <c r="GK32" s="72">
        <v>5</v>
      </c>
      <c r="GL32" s="72">
        <v>1</v>
      </c>
      <c r="GM32" s="72">
        <v>0</v>
      </c>
      <c r="GN32" s="72">
        <v>1</v>
      </c>
      <c r="GO32" s="72">
        <v>0</v>
      </c>
      <c r="GP32" s="73">
        <v>7</v>
      </c>
      <c r="GQ32" s="74">
        <v>14</v>
      </c>
      <c r="GR32" s="127">
        <v>7</v>
      </c>
      <c r="GS32" s="83">
        <v>8</v>
      </c>
      <c r="GT32" s="84">
        <v>15</v>
      </c>
      <c r="GU32" s="271"/>
      <c r="GV32" s="83">
        <v>7</v>
      </c>
      <c r="GW32" s="83">
        <v>5</v>
      </c>
      <c r="GX32" s="83">
        <v>8</v>
      </c>
      <c r="GY32" s="83">
        <v>1</v>
      </c>
      <c r="GZ32" s="83">
        <v>1</v>
      </c>
      <c r="HA32" s="85">
        <v>22</v>
      </c>
      <c r="HB32" s="86">
        <v>37</v>
      </c>
      <c r="HC32" s="71">
        <v>0</v>
      </c>
      <c r="HD32" s="72">
        <v>0</v>
      </c>
      <c r="HE32" s="73">
        <v>0</v>
      </c>
      <c r="HF32" s="271"/>
      <c r="HG32" s="72">
        <v>0</v>
      </c>
      <c r="HH32" s="72">
        <v>0</v>
      </c>
      <c r="HI32" s="72">
        <v>0</v>
      </c>
      <c r="HJ32" s="72">
        <v>0</v>
      </c>
      <c r="HK32" s="72">
        <v>1</v>
      </c>
      <c r="HL32" s="73">
        <v>1</v>
      </c>
      <c r="HM32" s="74">
        <v>1</v>
      </c>
      <c r="HN32" s="71">
        <v>0</v>
      </c>
      <c r="HO32" s="72">
        <v>1</v>
      </c>
      <c r="HP32" s="73">
        <v>1</v>
      </c>
      <c r="HQ32" s="271"/>
      <c r="HR32" s="72">
        <v>0</v>
      </c>
      <c r="HS32" s="72">
        <v>1</v>
      </c>
      <c r="HT32" s="72">
        <v>0</v>
      </c>
      <c r="HU32" s="72">
        <v>0</v>
      </c>
      <c r="HV32" s="72">
        <v>0</v>
      </c>
      <c r="HW32" s="73">
        <v>1</v>
      </c>
      <c r="HX32" s="74">
        <v>2</v>
      </c>
      <c r="HY32" s="71">
        <v>2</v>
      </c>
      <c r="HZ32" s="72">
        <v>1</v>
      </c>
      <c r="IA32" s="73">
        <v>3</v>
      </c>
      <c r="IB32" s="271"/>
      <c r="IC32" s="72">
        <v>0</v>
      </c>
      <c r="ID32" s="72">
        <v>1</v>
      </c>
      <c r="IE32" s="72">
        <v>1</v>
      </c>
      <c r="IF32" s="72">
        <v>1</v>
      </c>
      <c r="IG32" s="72">
        <v>0</v>
      </c>
      <c r="IH32" s="73">
        <v>3</v>
      </c>
      <c r="II32" s="74">
        <v>6</v>
      </c>
      <c r="IJ32" s="71">
        <v>3</v>
      </c>
      <c r="IK32" s="72">
        <v>2</v>
      </c>
      <c r="IL32" s="73">
        <v>5</v>
      </c>
      <c r="IM32" s="271"/>
      <c r="IN32" s="72">
        <v>4</v>
      </c>
      <c r="IO32" s="72">
        <v>1</v>
      </c>
      <c r="IP32" s="72">
        <v>4</v>
      </c>
      <c r="IQ32" s="72">
        <v>0</v>
      </c>
      <c r="IR32" s="72">
        <v>0</v>
      </c>
      <c r="IS32" s="73">
        <v>9</v>
      </c>
      <c r="IT32" s="74">
        <v>14</v>
      </c>
      <c r="IU32" s="71">
        <v>1</v>
      </c>
      <c r="IV32" s="72">
        <v>3</v>
      </c>
      <c r="IW32" s="73">
        <v>4</v>
      </c>
      <c r="IX32" s="271"/>
      <c r="IY32" s="72">
        <v>1</v>
      </c>
      <c r="IZ32" s="72">
        <v>0</v>
      </c>
      <c r="JA32" s="72">
        <v>2</v>
      </c>
      <c r="JB32" s="72">
        <v>0</v>
      </c>
      <c r="JC32" s="72">
        <v>0</v>
      </c>
      <c r="JD32" s="73">
        <v>3</v>
      </c>
      <c r="JE32" s="74">
        <v>7</v>
      </c>
      <c r="JF32" s="71">
        <v>1</v>
      </c>
      <c r="JG32" s="72">
        <v>1</v>
      </c>
      <c r="JH32" s="73">
        <v>2</v>
      </c>
      <c r="JI32" s="271"/>
      <c r="JJ32" s="72">
        <v>2</v>
      </c>
      <c r="JK32" s="72">
        <v>2</v>
      </c>
      <c r="JL32" s="72">
        <v>1</v>
      </c>
      <c r="JM32" s="72">
        <v>0</v>
      </c>
      <c r="JN32" s="72">
        <v>0</v>
      </c>
      <c r="JO32" s="73">
        <v>5</v>
      </c>
      <c r="JP32" s="74">
        <v>7</v>
      </c>
      <c r="JQ32" s="71">
        <v>0</v>
      </c>
      <c r="JR32" s="72">
        <v>0</v>
      </c>
      <c r="JS32" s="73">
        <v>0</v>
      </c>
      <c r="JT32" s="271"/>
      <c r="JU32" s="72">
        <v>0</v>
      </c>
      <c r="JV32" s="72">
        <v>0</v>
      </c>
      <c r="JW32" s="72">
        <v>0</v>
      </c>
      <c r="JX32" s="72">
        <v>0</v>
      </c>
      <c r="JY32" s="72">
        <v>0</v>
      </c>
      <c r="JZ32" s="73">
        <v>0</v>
      </c>
      <c r="KA32" s="74">
        <v>0</v>
      </c>
      <c r="KB32" s="71">
        <v>7</v>
      </c>
      <c r="KC32" s="72">
        <v>8</v>
      </c>
      <c r="KD32" s="73">
        <v>15</v>
      </c>
      <c r="KE32" s="274"/>
      <c r="KF32" s="72">
        <v>7</v>
      </c>
      <c r="KG32" s="72">
        <v>5</v>
      </c>
      <c r="KH32" s="72">
        <v>8</v>
      </c>
      <c r="KI32" s="72">
        <v>1</v>
      </c>
      <c r="KJ32" s="72">
        <v>1</v>
      </c>
      <c r="KK32" s="73">
        <v>22</v>
      </c>
      <c r="KL32" s="74">
        <v>37</v>
      </c>
    </row>
    <row r="33" spans="1:298" ht="19.5" customHeight="1" x14ac:dyDescent="0.2">
      <c r="A33" s="130" t="s">
        <v>30</v>
      </c>
      <c r="B33" s="353">
        <v>0</v>
      </c>
      <c r="C33" s="83">
        <v>1</v>
      </c>
      <c r="D33" s="84">
        <v>1</v>
      </c>
      <c r="E33" s="271"/>
      <c r="F33" s="83">
        <v>5</v>
      </c>
      <c r="G33" s="83">
        <v>8</v>
      </c>
      <c r="H33" s="83">
        <v>4</v>
      </c>
      <c r="I33" s="83">
        <v>3</v>
      </c>
      <c r="J33" s="83">
        <v>1</v>
      </c>
      <c r="K33" s="85">
        <v>21</v>
      </c>
      <c r="L33" s="86">
        <v>22</v>
      </c>
      <c r="M33" s="71">
        <v>0</v>
      </c>
      <c r="N33" s="72">
        <v>0</v>
      </c>
      <c r="O33" s="73">
        <v>0</v>
      </c>
      <c r="P33" s="271"/>
      <c r="Q33" s="72">
        <v>0</v>
      </c>
      <c r="R33" s="72">
        <v>0</v>
      </c>
      <c r="S33" s="72">
        <v>0</v>
      </c>
      <c r="T33" s="72">
        <v>0</v>
      </c>
      <c r="U33" s="72">
        <v>0</v>
      </c>
      <c r="V33" s="73">
        <v>0</v>
      </c>
      <c r="W33" s="74">
        <v>0</v>
      </c>
      <c r="X33" s="71">
        <v>0</v>
      </c>
      <c r="Y33" s="72">
        <v>0</v>
      </c>
      <c r="Z33" s="73">
        <v>0</v>
      </c>
      <c r="AA33" s="271"/>
      <c r="AB33" s="72">
        <v>1</v>
      </c>
      <c r="AC33" s="72">
        <v>0</v>
      </c>
      <c r="AD33" s="72">
        <v>0</v>
      </c>
      <c r="AE33" s="72">
        <v>1</v>
      </c>
      <c r="AF33" s="72">
        <v>0</v>
      </c>
      <c r="AG33" s="73">
        <v>2</v>
      </c>
      <c r="AH33" s="74">
        <v>2</v>
      </c>
      <c r="AI33" s="71">
        <v>0</v>
      </c>
      <c r="AJ33" s="72">
        <v>0</v>
      </c>
      <c r="AK33" s="73">
        <v>0</v>
      </c>
      <c r="AL33" s="271"/>
      <c r="AM33" s="72">
        <v>0</v>
      </c>
      <c r="AN33" s="72">
        <v>1</v>
      </c>
      <c r="AO33" s="72">
        <v>0</v>
      </c>
      <c r="AP33" s="72">
        <v>0</v>
      </c>
      <c r="AQ33" s="72">
        <v>0</v>
      </c>
      <c r="AR33" s="73">
        <v>1</v>
      </c>
      <c r="AS33" s="74">
        <v>1</v>
      </c>
      <c r="AT33" s="71">
        <v>0</v>
      </c>
      <c r="AU33" s="72">
        <v>1</v>
      </c>
      <c r="AV33" s="73">
        <v>1</v>
      </c>
      <c r="AW33" s="271"/>
      <c r="AX33" s="72">
        <v>1</v>
      </c>
      <c r="AY33" s="72">
        <v>3</v>
      </c>
      <c r="AZ33" s="72">
        <v>0</v>
      </c>
      <c r="BA33" s="72">
        <v>1</v>
      </c>
      <c r="BB33" s="72">
        <v>0</v>
      </c>
      <c r="BC33" s="73">
        <v>5</v>
      </c>
      <c r="BD33" s="74">
        <v>6</v>
      </c>
      <c r="BE33" s="71">
        <v>0</v>
      </c>
      <c r="BF33" s="72">
        <v>0</v>
      </c>
      <c r="BG33" s="73">
        <v>0</v>
      </c>
      <c r="BH33" s="271"/>
      <c r="BI33" s="72">
        <v>2</v>
      </c>
      <c r="BJ33" s="72">
        <v>3</v>
      </c>
      <c r="BK33" s="72">
        <v>1</v>
      </c>
      <c r="BL33" s="72">
        <v>1</v>
      </c>
      <c r="BM33" s="72">
        <v>1</v>
      </c>
      <c r="BN33" s="73">
        <v>8</v>
      </c>
      <c r="BO33" s="74">
        <v>8</v>
      </c>
      <c r="BP33" s="71">
        <v>0</v>
      </c>
      <c r="BQ33" s="72">
        <v>0</v>
      </c>
      <c r="BR33" s="73">
        <v>0</v>
      </c>
      <c r="BS33" s="271"/>
      <c r="BT33" s="72">
        <v>1</v>
      </c>
      <c r="BU33" s="72">
        <v>1</v>
      </c>
      <c r="BV33" s="72">
        <v>3</v>
      </c>
      <c r="BW33" s="72">
        <v>0</v>
      </c>
      <c r="BX33" s="72">
        <v>0</v>
      </c>
      <c r="BY33" s="73">
        <v>5</v>
      </c>
      <c r="BZ33" s="74">
        <v>5</v>
      </c>
      <c r="CA33" s="71">
        <v>0</v>
      </c>
      <c r="CB33" s="72">
        <v>0</v>
      </c>
      <c r="CC33" s="73">
        <v>0</v>
      </c>
      <c r="CD33" s="271"/>
      <c r="CE33" s="72">
        <v>0</v>
      </c>
      <c r="CF33" s="72">
        <v>0</v>
      </c>
      <c r="CG33" s="72">
        <v>0</v>
      </c>
      <c r="CH33" s="72">
        <v>0</v>
      </c>
      <c r="CI33" s="72">
        <v>0</v>
      </c>
      <c r="CJ33" s="73">
        <v>0</v>
      </c>
      <c r="CK33" s="74">
        <v>0</v>
      </c>
      <c r="CL33" s="71">
        <v>0</v>
      </c>
      <c r="CM33" s="72">
        <v>1</v>
      </c>
      <c r="CN33" s="73">
        <v>1</v>
      </c>
      <c r="CO33" s="271"/>
      <c r="CP33" s="72">
        <v>5</v>
      </c>
      <c r="CQ33" s="72">
        <v>8</v>
      </c>
      <c r="CR33" s="72">
        <v>4</v>
      </c>
      <c r="CS33" s="72">
        <v>3</v>
      </c>
      <c r="CT33" s="72">
        <v>1</v>
      </c>
      <c r="CU33" s="73">
        <v>21</v>
      </c>
      <c r="CV33" s="74">
        <v>22</v>
      </c>
      <c r="CW33" s="127">
        <v>1</v>
      </c>
      <c r="CX33" s="83">
        <v>2</v>
      </c>
      <c r="CY33" s="84">
        <v>3</v>
      </c>
      <c r="CZ33" s="271"/>
      <c r="DA33" s="83">
        <v>2</v>
      </c>
      <c r="DB33" s="83">
        <v>1</v>
      </c>
      <c r="DC33" s="83">
        <v>1</v>
      </c>
      <c r="DD33" s="83">
        <v>0</v>
      </c>
      <c r="DE33" s="83">
        <v>0</v>
      </c>
      <c r="DF33" s="85">
        <v>4</v>
      </c>
      <c r="DG33" s="86">
        <v>7</v>
      </c>
      <c r="DH33" s="71">
        <v>0</v>
      </c>
      <c r="DI33" s="72">
        <v>0</v>
      </c>
      <c r="DJ33" s="73">
        <v>0</v>
      </c>
      <c r="DK33" s="271"/>
      <c r="DL33" s="72">
        <v>0</v>
      </c>
      <c r="DM33" s="72">
        <v>0</v>
      </c>
      <c r="DN33" s="72">
        <v>0</v>
      </c>
      <c r="DO33" s="72">
        <v>0</v>
      </c>
      <c r="DP33" s="72">
        <v>0</v>
      </c>
      <c r="DQ33" s="73">
        <v>0</v>
      </c>
      <c r="DR33" s="74">
        <v>0</v>
      </c>
      <c r="DS33" s="71">
        <v>0</v>
      </c>
      <c r="DT33" s="72">
        <v>0</v>
      </c>
      <c r="DU33" s="73">
        <v>0</v>
      </c>
      <c r="DV33" s="271"/>
      <c r="DW33" s="72">
        <v>0</v>
      </c>
      <c r="DX33" s="72">
        <v>0</v>
      </c>
      <c r="DY33" s="72">
        <v>0</v>
      </c>
      <c r="DZ33" s="72">
        <v>0</v>
      </c>
      <c r="EA33" s="72">
        <v>0</v>
      </c>
      <c r="EB33" s="73">
        <v>0</v>
      </c>
      <c r="EC33" s="74">
        <v>0</v>
      </c>
      <c r="ED33" s="71">
        <v>0</v>
      </c>
      <c r="EE33" s="72">
        <v>0</v>
      </c>
      <c r="EF33" s="73">
        <v>0</v>
      </c>
      <c r="EG33" s="271"/>
      <c r="EH33" s="72">
        <v>0</v>
      </c>
      <c r="EI33" s="72">
        <v>0</v>
      </c>
      <c r="EJ33" s="72">
        <v>1</v>
      </c>
      <c r="EK33" s="72">
        <v>0</v>
      </c>
      <c r="EL33" s="72">
        <v>0</v>
      </c>
      <c r="EM33" s="73">
        <v>1</v>
      </c>
      <c r="EN33" s="74">
        <v>1</v>
      </c>
      <c r="EO33" s="71">
        <v>1</v>
      </c>
      <c r="EP33" s="72">
        <v>1</v>
      </c>
      <c r="EQ33" s="73">
        <v>2</v>
      </c>
      <c r="ER33" s="271"/>
      <c r="ES33" s="72">
        <v>0</v>
      </c>
      <c r="ET33" s="72">
        <v>0</v>
      </c>
      <c r="EU33" s="72">
        <v>0</v>
      </c>
      <c r="EV33" s="72">
        <v>0</v>
      </c>
      <c r="EW33" s="72">
        <v>0</v>
      </c>
      <c r="EX33" s="73">
        <v>0</v>
      </c>
      <c r="EY33" s="74">
        <v>2</v>
      </c>
      <c r="EZ33" s="71">
        <v>0</v>
      </c>
      <c r="FA33" s="72">
        <v>0</v>
      </c>
      <c r="FB33" s="73">
        <v>0</v>
      </c>
      <c r="FC33" s="271"/>
      <c r="FD33" s="72">
        <v>1</v>
      </c>
      <c r="FE33" s="72">
        <v>0</v>
      </c>
      <c r="FF33" s="72">
        <v>0</v>
      </c>
      <c r="FG33" s="72">
        <v>0</v>
      </c>
      <c r="FH33" s="72">
        <v>0</v>
      </c>
      <c r="FI33" s="73">
        <v>1</v>
      </c>
      <c r="FJ33" s="74">
        <v>1</v>
      </c>
      <c r="FK33" s="71">
        <v>0</v>
      </c>
      <c r="FL33" s="72">
        <v>1</v>
      </c>
      <c r="FM33" s="73">
        <v>1</v>
      </c>
      <c r="FN33" s="271"/>
      <c r="FO33" s="72">
        <v>1</v>
      </c>
      <c r="FP33" s="72">
        <v>1</v>
      </c>
      <c r="FQ33" s="72">
        <v>0</v>
      </c>
      <c r="FR33" s="72">
        <v>0</v>
      </c>
      <c r="FS33" s="72">
        <v>0</v>
      </c>
      <c r="FT33" s="73">
        <v>2</v>
      </c>
      <c r="FU33" s="74">
        <v>3</v>
      </c>
      <c r="FV33" s="71">
        <v>0</v>
      </c>
      <c r="FW33" s="72">
        <v>0</v>
      </c>
      <c r="FX33" s="73">
        <v>0</v>
      </c>
      <c r="FY33" s="271"/>
      <c r="FZ33" s="72">
        <v>0</v>
      </c>
      <c r="GA33" s="72">
        <v>0</v>
      </c>
      <c r="GB33" s="72">
        <v>0</v>
      </c>
      <c r="GC33" s="72">
        <v>0</v>
      </c>
      <c r="GD33" s="72">
        <v>0</v>
      </c>
      <c r="GE33" s="73">
        <v>0</v>
      </c>
      <c r="GF33" s="74">
        <v>0</v>
      </c>
      <c r="GG33" s="71">
        <v>1</v>
      </c>
      <c r="GH33" s="72">
        <v>2</v>
      </c>
      <c r="GI33" s="73">
        <v>3</v>
      </c>
      <c r="GJ33" s="271"/>
      <c r="GK33" s="72">
        <v>2</v>
      </c>
      <c r="GL33" s="72">
        <v>1</v>
      </c>
      <c r="GM33" s="72">
        <v>1</v>
      </c>
      <c r="GN33" s="72">
        <v>0</v>
      </c>
      <c r="GO33" s="72">
        <v>0</v>
      </c>
      <c r="GP33" s="73">
        <v>4</v>
      </c>
      <c r="GQ33" s="74">
        <v>7</v>
      </c>
      <c r="GR33" s="127">
        <v>1</v>
      </c>
      <c r="GS33" s="83">
        <v>3</v>
      </c>
      <c r="GT33" s="84">
        <v>4</v>
      </c>
      <c r="GU33" s="271"/>
      <c r="GV33" s="83">
        <v>7</v>
      </c>
      <c r="GW33" s="83">
        <v>9</v>
      </c>
      <c r="GX33" s="83">
        <v>5</v>
      </c>
      <c r="GY33" s="83">
        <v>3</v>
      </c>
      <c r="GZ33" s="83">
        <v>1</v>
      </c>
      <c r="HA33" s="85">
        <v>25</v>
      </c>
      <c r="HB33" s="86">
        <v>29</v>
      </c>
      <c r="HC33" s="71">
        <v>0</v>
      </c>
      <c r="HD33" s="72">
        <v>0</v>
      </c>
      <c r="HE33" s="73">
        <v>0</v>
      </c>
      <c r="HF33" s="271"/>
      <c r="HG33" s="72">
        <v>0</v>
      </c>
      <c r="HH33" s="72">
        <v>0</v>
      </c>
      <c r="HI33" s="72">
        <v>0</v>
      </c>
      <c r="HJ33" s="72">
        <v>0</v>
      </c>
      <c r="HK33" s="72">
        <v>0</v>
      </c>
      <c r="HL33" s="73">
        <v>0</v>
      </c>
      <c r="HM33" s="74">
        <v>0</v>
      </c>
      <c r="HN33" s="71">
        <v>0</v>
      </c>
      <c r="HO33" s="72">
        <v>0</v>
      </c>
      <c r="HP33" s="73">
        <v>0</v>
      </c>
      <c r="HQ33" s="271"/>
      <c r="HR33" s="72">
        <v>1</v>
      </c>
      <c r="HS33" s="72">
        <v>0</v>
      </c>
      <c r="HT33" s="72">
        <v>0</v>
      </c>
      <c r="HU33" s="72">
        <v>1</v>
      </c>
      <c r="HV33" s="72">
        <v>0</v>
      </c>
      <c r="HW33" s="73">
        <v>2</v>
      </c>
      <c r="HX33" s="74">
        <v>2</v>
      </c>
      <c r="HY33" s="71">
        <v>0</v>
      </c>
      <c r="HZ33" s="72">
        <v>0</v>
      </c>
      <c r="IA33" s="73">
        <v>0</v>
      </c>
      <c r="IB33" s="271"/>
      <c r="IC33" s="72">
        <v>0</v>
      </c>
      <c r="ID33" s="72">
        <v>1</v>
      </c>
      <c r="IE33" s="72">
        <v>1</v>
      </c>
      <c r="IF33" s="72">
        <v>0</v>
      </c>
      <c r="IG33" s="72">
        <v>0</v>
      </c>
      <c r="IH33" s="73">
        <v>2</v>
      </c>
      <c r="II33" s="74">
        <v>2</v>
      </c>
      <c r="IJ33" s="71">
        <v>1</v>
      </c>
      <c r="IK33" s="72">
        <v>2</v>
      </c>
      <c r="IL33" s="73">
        <v>3</v>
      </c>
      <c r="IM33" s="271"/>
      <c r="IN33" s="72">
        <v>1</v>
      </c>
      <c r="IO33" s="72">
        <v>3</v>
      </c>
      <c r="IP33" s="72">
        <v>0</v>
      </c>
      <c r="IQ33" s="72">
        <v>1</v>
      </c>
      <c r="IR33" s="72">
        <v>0</v>
      </c>
      <c r="IS33" s="73">
        <v>5</v>
      </c>
      <c r="IT33" s="74">
        <v>8</v>
      </c>
      <c r="IU33" s="71">
        <v>0</v>
      </c>
      <c r="IV33" s="72">
        <v>0</v>
      </c>
      <c r="IW33" s="73">
        <v>0</v>
      </c>
      <c r="IX33" s="271"/>
      <c r="IY33" s="72">
        <v>3</v>
      </c>
      <c r="IZ33" s="72">
        <v>3</v>
      </c>
      <c r="JA33" s="72">
        <v>1</v>
      </c>
      <c r="JB33" s="72">
        <v>1</v>
      </c>
      <c r="JC33" s="72">
        <v>1</v>
      </c>
      <c r="JD33" s="73">
        <v>9</v>
      </c>
      <c r="JE33" s="74">
        <v>9</v>
      </c>
      <c r="JF33" s="71">
        <v>0</v>
      </c>
      <c r="JG33" s="72">
        <v>1</v>
      </c>
      <c r="JH33" s="73">
        <v>1</v>
      </c>
      <c r="JI33" s="271"/>
      <c r="JJ33" s="72">
        <v>2</v>
      </c>
      <c r="JK33" s="72">
        <v>2</v>
      </c>
      <c r="JL33" s="72">
        <v>3</v>
      </c>
      <c r="JM33" s="72">
        <v>0</v>
      </c>
      <c r="JN33" s="72">
        <v>0</v>
      </c>
      <c r="JO33" s="73">
        <v>7</v>
      </c>
      <c r="JP33" s="74">
        <v>8</v>
      </c>
      <c r="JQ33" s="71">
        <v>0</v>
      </c>
      <c r="JR33" s="72">
        <v>0</v>
      </c>
      <c r="JS33" s="73">
        <v>0</v>
      </c>
      <c r="JT33" s="271"/>
      <c r="JU33" s="72">
        <v>0</v>
      </c>
      <c r="JV33" s="72">
        <v>0</v>
      </c>
      <c r="JW33" s="72">
        <v>0</v>
      </c>
      <c r="JX33" s="72">
        <v>0</v>
      </c>
      <c r="JY33" s="72">
        <v>0</v>
      </c>
      <c r="JZ33" s="73">
        <v>0</v>
      </c>
      <c r="KA33" s="74">
        <v>0</v>
      </c>
      <c r="KB33" s="71">
        <v>1</v>
      </c>
      <c r="KC33" s="72">
        <v>3</v>
      </c>
      <c r="KD33" s="73">
        <v>4</v>
      </c>
      <c r="KE33" s="274"/>
      <c r="KF33" s="72">
        <v>7</v>
      </c>
      <c r="KG33" s="72">
        <v>9</v>
      </c>
      <c r="KH33" s="72">
        <v>5</v>
      </c>
      <c r="KI33" s="72">
        <v>3</v>
      </c>
      <c r="KJ33" s="72">
        <v>1</v>
      </c>
      <c r="KK33" s="73">
        <v>25</v>
      </c>
      <c r="KL33" s="74">
        <v>29</v>
      </c>
    </row>
    <row r="34" spans="1:298" ht="19.5" customHeight="1" x14ac:dyDescent="0.2">
      <c r="A34" s="130" t="s">
        <v>31</v>
      </c>
      <c r="B34" s="353">
        <v>3</v>
      </c>
      <c r="C34" s="83">
        <v>1</v>
      </c>
      <c r="D34" s="84">
        <v>4</v>
      </c>
      <c r="E34" s="271"/>
      <c r="F34" s="83">
        <v>9</v>
      </c>
      <c r="G34" s="83">
        <v>4</v>
      </c>
      <c r="H34" s="83">
        <v>3</v>
      </c>
      <c r="I34" s="83">
        <v>2</v>
      </c>
      <c r="J34" s="83">
        <v>2</v>
      </c>
      <c r="K34" s="85">
        <v>20</v>
      </c>
      <c r="L34" s="86">
        <v>24</v>
      </c>
      <c r="M34" s="71">
        <v>0</v>
      </c>
      <c r="N34" s="72">
        <v>0</v>
      </c>
      <c r="O34" s="73">
        <v>0</v>
      </c>
      <c r="P34" s="271"/>
      <c r="Q34" s="72">
        <v>1</v>
      </c>
      <c r="R34" s="72">
        <v>0</v>
      </c>
      <c r="S34" s="72">
        <v>1</v>
      </c>
      <c r="T34" s="72">
        <v>0</v>
      </c>
      <c r="U34" s="72">
        <v>0</v>
      </c>
      <c r="V34" s="73">
        <v>2</v>
      </c>
      <c r="W34" s="74">
        <v>2</v>
      </c>
      <c r="X34" s="71">
        <v>0</v>
      </c>
      <c r="Y34" s="72">
        <v>0</v>
      </c>
      <c r="Z34" s="73">
        <v>0</v>
      </c>
      <c r="AA34" s="271"/>
      <c r="AB34" s="72">
        <v>1</v>
      </c>
      <c r="AC34" s="72">
        <v>0</v>
      </c>
      <c r="AD34" s="72">
        <v>1</v>
      </c>
      <c r="AE34" s="72">
        <v>0</v>
      </c>
      <c r="AF34" s="72">
        <v>1</v>
      </c>
      <c r="AG34" s="73">
        <v>3</v>
      </c>
      <c r="AH34" s="74">
        <v>3</v>
      </c>
      <c r="AI34" s="71">
        <v>0</v>
      </c>
      <c r="AJ34" s="72">
        <v>0</v>
      </c>
      <c r="AK34" s="73">
        <v>0</v>
      </c>
      <c r="AL34" s="271"/>
      <c r="AM34" s="72">
        <v>1</v>
      </c>
      <c r="AN34" s="72">
        <v>0</v>
      </c>
      <c r="AO34" s="72">
        <v>0</v>
      </c>
      <c r="AP34" s="72">
        <v>0</v>
      </c>
      <c r="AQ34" s="72">
        <v>0</v>
      </c>
      <c r="AR34" s="73">
        <v>1</v>
      </c>
      <c r="AS34" s="74">
        <v>1</v>
      </c>
      <c r="AT34" s="71">
        <v>0</v>
      </c>
      <c r="AU34" s="72">
        <v>1</v>
      </c>
      <c r="AV34" s="73">
        <v>1</v>
      </c>
      <c r="AW34" s="271"/>
      <c r="AX34" s="72">
        <v>1</v>
      </c>
      <c r="AY34" s="72">
        <v>1</v>
      </c>
      <c r="AZ34" s="72">
        <v>0</v>
      </c>
      <c r="BA34" s="72">
        <v>0</v>
      </c>
      <c r="BB34" s="72">
        <v>1</v>
      </c>
      <c r="BC34" s="73">
        <v>3</v>
      </c>
      <c r="BD34" s="74">
        <v>4</v>
      </c>
      <c r="BE34" s="71">
        <v>3</v>
      </c>
      <c r="BF34" s="72">
        <v>0</v>
      </c>
      <c r="BG34" s="73">
        <v>3</v>
      </c>
      <c r="BH34" s="271"/>
      <c r="BI34" s="72">
        <v>1</v>
      </c>
      <c r="BJ34" s="72">
        <v>1</v>
      </c>
      <c r="BK34" s="72">
        <v>0</v>
      </c>
      <c r="BL34" s="72">
        <v>1</v>
      </c>
      <c r="BM34" s="72">
        <v>0</v>
      </c>
      <c r="BN34" s="73">
        <v>3</v>
      </c>
      <c r="BO34" s="74">
        <v>6</v>
      </c>
      <c r="BP34" s="71">
        <v>0</v>
      </c>
      <c r="BQ34" s="72">
        <v>0</v>
      </c>
      <c r="BR34" s="73">
        <v>0</v>
      </c>
      <c r="BS34" s="271"/>
      <c r="BT34" s="72">
        <v>4</v>
      </c>
      <c r="BU34" s="72">
        <v>2</v>
      </c>
      <c r="BV34" s="72">
        <v>1</v>
      </c>
      <c r="BW34" s="72">
        <v>1</v>
      </c>
      <c r="BX34" s="72">
        <v>0</v>
      </c>
      <c r="BY34" s="73">
        <v>8</v>
      </c>
      <c r="BZ34" s="74">
        <v>8</v>
      </c>
      <c r="CA34" s="71">
        <v>0</v>
      </c>
      <c r="CB34" s="72">
        <v>0</v>
      </c>
      <c r="CC34" s="73">
        <v>0</v>
      </c>
      <c r="CD34" s="271"/>
      <c r="CE34" s="72">
        <v>0</v>
      </c>
      <c r="CF34" s="72">
        <v>0</v>
      </c>
      <c r="CG34" s="72">
        <v>0</v>
      </c>
      <c r="CH34" s="72">
        <v>0</v>
      </c>
      <c r="CI34" s="72">
        <v>0</v>
      </c>
      <c r="CJ34" s="73">
        <v>0</v>
      </c>
      <c r="CK34" s="74">
        <v>0</v>
      </c>
      <c r="CL34" s="71">
        <v>3</v>
      </c>
      <c r="CM34" s="72">
        <v>1</v>
      </c>
      <c r="CN34" s="73">
        <v>4</v>
      </c>
      <c r="CO34" s="271"/>
      <c r="CP34" s="72">
        <v>9</v>
      </c>
      <c r="CQ34" s="72">
        <v>4</v>
      </c>
      <c r="CR34" s="72">
        <v>3</v>
      </c>
      <c r="CS34" s="72">
        <v>2</v>
      </c>
      <c r="CT34" s="72">
        <v>2</v>
      </c>
      <c r="CU34" s="73">
        <v>20</v>
      </c>
      <c r="CV34" s="74">
        <v>24</v>
      </c>
      <c r="CW34" s="127">
        <v>1</v>
      </c>
      <c r="CX34" s="83">
        <v>1</v>
      </c>
      <c r="CY34" s="84">
        <v>2</v>
      </c>
      <c r="CZ34" s="271"/>
      <c r="DA34" s="83">
        <v>0</v>
      </c>
      <c r="DB34" s="83">
        <v>1</v>
      </c>
      <c r="DC34" s="83">
        <v>2</v>
      </c>
      <c r="DD34" s="83">
        <v>2</v>
      </c>
      <c r="DE34" s="83">
        <v>2</v>
      </c>
      <c r="DF34" s="85">
        <v>7</v>
      </c>
      <c r="DG34" s="86">
        <v>9</v>
      </c>
      <c r="DH34" s="71">
        <v>0</v>
      </c>
      <c r="DI34" s="72">
        <v>0</v>
      </c>
      <c r="DJ34" s="73">
        <v>0</v>
      </c>
      <c r="DK34" s="271"/>
      <c r="DL34" s="72">
        <v>0</v>
      </c>
      <c r="DM34" s="72">
        <v>0</v>
      </c>
      <c r="DN34" s="72">
        <v>0</v>
      </c>
      <c r="DO34" s="72">
        <v>0</v>
      </c>
      <c r="DP34" s="72">
        <v>0</v>
      </c>
      <c r="DQ34" s="73">
        <v>0</v>
      </c>
      <c r="DR34" s="74">
        <v>0</v>
      </c>
      <c r="DS34" s="71">
        <v>0</v>
      </c>
      <c r="DT34" s="72">
        <v>1</v>
      </c>
      <c r="DU34" s="73">
        <v>1</v>
      </c>
      <c r="DV34" s="271"/>
      <c r="DW34" s="72">
        <v>0</v>
      </c>
      <c r="DX34" s="72">
        <v>0</v>
      </c>
      <c r="DY34" s="72">
        <v>1</v>
      </c>
      <c r="DZ34" s="72">
        <v>0</v>
      </c>
      <c r="EA34" s="72">
        <v>0</v>
      </c>
      <c r="EB34" s="73">
        <v>1</v>
      </c>
      <c r="EC34" s="74">
        <v>2</v>
      </c>
      <c r="ED34" s="71">
        <v>0</v>
      </c>
      <c r="EE34" s="72">
        <v>0</v>
      </c>
      <c r="EF34" s="73">
        <v>0</v>
      </c>
      <c r="EG34" s="271"/>
      <c r="EH34" s="72">
        <v>0</v>
      </c>
      <c r="EI34" s="72">
        <v>0</v>
      </c>
      <c r="EJ34" s="72">
        <v>0</v>
      </c>
      <c r="EK34" s="72">
        <v>0</v>
      </c>
      <c r="EL34" s="72">
        <v>0</v>
      </c>
      <c r="EM34" s="73">
        <v>0</v>
      </c>
      <c r="EN34" s="74">
        <v>0</v>
      </c>
      <c r="EO34" s="71">
        <v>0</v>
      </c>
      <c r="EP34" s="72">
        <v>0</v>
      </c>
      <c r="EQ34" s="73">
        <v>0</v>
      </c>
      <c r="ER34" s="271"/>
      <c r="ES34" s="72">
        <v>0</v>
      </c>
      <c r="ET34" s="72">
        <v>1</v>
      </c>
      <c r="EU34" s="72">
        <v>0</v>
      </c>
      <c r="EV34" s="72">
        <v>1</v>
      </c>
      <c r="EW34" s="72">
        <v>0</v>
      </c>
      <c r="EX34" s="73">
        <v>2</v>
      </c>
      <c r="EY34" s="74">
        <v>2</v>
      </c>
      <c r="EZ34" s="71">
        <v>0</v>
      </c>
      <c r="FA34" s="72">
        <v>0</v>
      </c>
      <c r="FB34" s="73">
        <v>0</v>
      </c>
      <c r="FC34" s="271"/>
      <c r="FD34" s="72">
        <v>0</v>
      </c>
      <c r="FE34" s="72">
        <v>0</v>
      </c>
      <c r="FF34" s="72">
        <v>0</v>
      </c>
      <c r="FG34" s="72">
        <v>1</v>
      </c>
      <c r="FH34" s="72">
        <v>0</v>
      </c>
      <c r="FI34" s="73">
        <v>1</v>
      </c>
      <c r="FJ34" s="74">
        <v>1</v>
      </c>
      <c r="FK34" s="71">
        <v>1</v>
      </c>
      <c r="FL34" s="72">
        <v>0</v>
      </c>
      <c r="FM34" s="73">
        <v>1</v>
      </c>
      <c r="FN34" s="271"/>
      <c r="FO34" s="72">
        <v>0</v>
      </c>
      <c r="FP34" s="72">
        <v>0</v>
      </c>
      <c r="FQ34" s="72">
        <v>1</v>
      </c>
      <c r="FR34" s="72">
        <v>0</v>
      </c>
      <c r="FS34" s="72">
        <v>2</v>
      </c>
      <c r="FT34" s="73">
        <v>3</v>
      </c>
      <c r="FU34" s="74">
        <v>4</v>
      </c>
      <c r="FV34" s="71">
        <v>0</v>
      </c>
      <c r="FW34" s="72">
        <v>0</v>
      </c>
      <c r="FX34" s="73">
        <v>0</v>
      </c>
      <c r="FY34" s="271"/>
      <c r="FZ34" s="72">
        <v>0</v>
      </c>
      <c r="GA34" s="72">
        <v>0</v>
      </c>
      <c r="GB34" s="72">
        <v>0</v>
      </c>
      <c r="GC34" s="72">
        <v>0</v>
      </c>
      <c r="GD34" s="72">
        <v>0</v>
      </c>
      <c r="GE34" s="73">
        <v>0</v>
      </c>
      <c r="GF34" s="74">
        <v>0</v>
      </c>
      <c r="GG34" s="71">
        <v>1</v>
      </c>
      <c r="GH34" s="72">
        <v>1</v>
      </c>
      <c r="GI34" s="73">
        <v>2</v>
      </c>
      <c r="GJ34" s="271"/>
      <c r="GK34" s="72">
        <v>0</v>
      </c>
      <c r="GL34" s="72">
        <v>1</v>
      </c>
      <c r="GM34" s="72">
        <v>2</v>
      </c>
      <c r="GN34" s="72">
        <v>2</v>
      </c>
      <c r="GO34" s="72">
        <v>2</v>
      </c>
      <c r="GP34" s="73">
        <v>7</v>
      </c>
      <c r="GQ34" s="74">
        <v>9</v>
      </c>
      <c r="GR34" s="127">
        <v>4</v>
      </c>
      <c r="GS34" s="83">
        <v>2</v>
      </c>
      <c r="GT34" s="84">
        <v>6</v>
      </c>
      <c r="GU34" s="271"/>
      <c r="GV34" s="83">
        <v>9</v>
      </c>
      <c r="GW34" s="83">
        <v>5</v>
      </c>
      <c r="GX34" s="83">
        <v>5</v>
      </c>
      <c r="GY34" s="83">
        <v>4</v>
      </c>
      <c r="GZ34" s="83">
        <v>4</v>
      </c>
      <c r="HA34" s="85">
        <v>27</v>
      </c>
      <c r="HB34" s="86">
        <v>33</v>
      </c>
      <c r="HC34" s="71">
        <v>0</v>
      </c>
      <c r="HD34" s="72">
        <v>0</v>
      </c>
      <c r="HE34" s="73">
        <v>0</v>
      </c>
      <c r="HF34" s="271"/>
      <c r="HG34" s="72">
        <v>1</v>
      </c>
      <c r="HH34" s="72">
        <v>0</v>
      </c>
      <c r="HI34" s="72">
        <v>1</v>
      </c>
      <c r="HJ34" s="72">
        <v>0</v>
      </c>
      <c r="HK34" s="72">
        <v>0</v>
      </c>
      <c r="HL34" s="73">
        <v>2</v>
      </c>
      <c r="HM34" s="74">
        <v>2</v>
      </c>
      <c r="HN34" s="71">
        <v>0</v>
      </c>
      <c r="HO34" s="72">
        <v>1</v>
      </c>
      <c r="HP34" s="73">
        <v>1</v>
      </c>
      <c r="HQ34" s="271"/>
      <c r="HR34" s="72">
        <v>1</v>
      </c>
      <c r="HS34" s="72">
        <v>0</v>
      </c>
      <c r="HT34" s="72">
        <v>2</v>
      </c>
      <c r="HU34" s="72">
        <v>0</v>
      </c>
      <c r="HV34" s="72">
        <v>1</v>
      </c>
      <c r="HW34" s="73">
        <v>4</v>
      </c>
      <c r="HX34" s="74">
        <v>5</v>
      </c>
      <c r="HY34" s="71">
        <v>0</v>
      </c>
      <c r="HZ34" s="72">
        <v>0</v>
      </c>
      <c r="IA34" s="73">
        <v>0</v>
      </c>
      <c r="IB34" s="271"/>
      <c r="IC34" s="72">
        <v>1</v>
      </c>
      <c r="ID34" s="72">
        <v>0</v>
      </c>
      <c r="IE34" s="72">
        <v>0</v>
      </c>
      <c r="IF34" s="72">
        <v>0</v>
      </c>
      <c r="IG34" s="72">
        <v>0</v>
      </c>
      <c r="IH34" s="73">
        <v>1</v>
      </c>
      <c r="II34" s="74">
        <v>1</v>
      </c>
      <c r="IJ34" s="71">
        <v>0</v>
      </c>
      <c r="IK34" s="72">
        <v>1</v>
      </c>
      <c r="IL34" s="73">
        <v>1</v>
      </c>
      <c r="IM34" s="271"/>
      <c r="IN34" s="72">
        <v>1</v>
      </c>
      <c r="IO34" s="72">
        <v>2</v>
      </c>
      <c r="IP34" s="72">
        <v>0</v>
      </c>
      <c r="IQ34" s="72">
        <v>1</v>
      </c>
      <c r="IR34" s="72">
        <v>1</v>
      </c>
      <c r="IS34" s="73">
        <v>5</v>
      </c>
      <c r="IT34" s="74">
        <v>6</v>
      </c>
      <c r="IU34" s="71">
        <v>3</v>
      </c>
      <c r="IV34" s="72">
        <v>0</v>
      </c>
      <c r="IW34" s="73">
        <v>3</v>
      </c>
      <c r="IX34" s="271"/>
      <c r="IY34" s="72">
        <v>1</v>
      </c>
      <c r="IZ34" s="72">
        <v>1</v>
      </c>
      <c r="JA34" s="72">
        <v>0</v>
      </c>
      <c r="JB34" s="72">
        <v>2</v>
      </c>
      <c r="JC34" s="72">
        <v>0</v>
      </c>
      <c r="JD34" s="73">
        <v>4</v>
      </c>
      <c r="JE34" s="74">
        <v>7</v>
      </c>
      <c r="JF34" s="71">
        <v>1</v>
      </c>
      <c r="JG34" s="72">
        <v>0</v>
      </c>
      <c r="JH34" s="73">
        <v>1</v>
      </c>
      <c r="JI34" s="271"/>
      <c r="JJ34" s="72">
        <v>4</v>
      </c>
      <c r="JK34" s="72">
        <v>2</v>
      </c>
      <c r="JL34" s="72">
        <v>2</v>
      </c>
      <c r="JM34" s="72">
        <v>1</v>
      </c>
      <c r="JN34" s="72">
        <v>2</v>
      </c>
      <c r="JO34" s="73">
        <v>11</v>
      </c>
      <c r="JP34" s="74">
        <v>12</v>
      </c>
      <c r="JQ34" s="71">
        <v>0</v>
      </c>
      <c r="JR34" s="72">
        <v>0</v>
      </c>
      <c r="JS34" s="73">
        <v>0</v>
      </c>
      <c r="JT34" s="271"/>
      <c r="JU34" s="72">
        <v>0</v>
      </c>
      <c r="JV34" s="72">
        <v>0</v>
      </c>
      <c r="JW34" s="72">
        <v>0</v>
      </c>
      <c r="JX34" s="72">
        <v>0</v>
      </c>
      <c r="JY34" s="72">
        <v>0</v>
      </c>
      <c r="JZ34" s="73">
        <v>0</v>
      </c>
      <c r="KA34" s="74">
        <v>0</v>
      </c>
      <c r="KB34" s="71">
        <v>4</v>
      </c>
      <c r="KC34" s="72">
        <v>2</v>
      </c>
      <c r="KD34" s="73">
        <v>6</v>
      </c>
      <c r="KE34" s="274"/>
      <c r="KF34" s="72">
        <v>9</v>
      </c>
      <c r="KG34" s="72">
        <v>5</v>
      </c>
      <c r="KH34" s="72">
        <v>5</v>
      </c>
      <c r="KI34" s="72">
        <v>4</v>
      </c>
      <c r="KJ34" s="72">
        <v>4</v>
      </c>
      <c r="KK34" s="73">
        <v>27</v>
      </c>
      <c r="KL34" s="74">
        <v>33</v>
      </c>
    </row>
    <row r="35" spans="1:298" ht="19.5" customHeight="1" x14ac:dyDescent="0.2">
      <c r="A35" s="130" t="s">
        <v>32</v>
      </c>
      <c r="B35" s="353">
        <v>2</v>
      </c>
      <c r="C35" s="83">
        <v>3</v>
      </c>
      <c r="D35" s="84">
        <v>5</v>
      </c>
      <c r="E35" s="271"/>
      <c r="F35" s="83">
        <v>8</v>
      </c>
      <c r="G35" s="83">
        <v>4</v>
      </c>
      <c r="H35" s="83">
        <v>2</v>
      </c>
      <c r="I35" s="83">
        <v>1</v>
      </c>
      <c r="J35" s="83">
        <v>3</v>
      </c>
      <c r="K35" s="85">
        <v>18</v>
      </c>
      <c r="L35" s="86">
        <v>23</v>
      </c>
      <c r="M35" s="71">
        <v>0</v>
      </c>
      <c r="N35" s="72">
        <v>0</v>
      </c>
      <c r="O35" s="73">
        <v>0</v>
      </c>
      <c r="P35" s="271"/>
      <c r="Q35" s="72">
        <v>0</v>
      </c>
      <c r="R35" s="72">
        <v>0</v>
      </c>
      <c r="S35" s="72">
        <v>1</v>
      </c>
      <c r="T35" s="72">
        <v>0</v>
      </c>
      <c r="U35" s="72">
        <v>0</v>
      </c>
      <c r="V35" s="73">
        <v>1</v>
      </c>
      <c r="W35" s="74">
        <v>1</v>
      </c>
      <c r="X35" s="71">
        <v>0</v>
      </c>
      <c r="Y35" s="72">
        <v>0</v>
      </c>
      <c r="Z35" s="73">
        <v>0</v>
      </c>
      <c r="AA35" s="271"/>
      <c r="AB35" s="72">
        <v>1</v>
      </c>
      <c r="AC35" s="72">
        <v>0</v>
      </c>
      <c r="AD35" s="72">
        <v>0</v>
      </c>
      <c r="AE35" s="72">
        <v>0</v>
      </c>
      <c r="AF35" s="72">
        <v>0</v>
      </c>
      <c r="AG35" s="73">
        <v>1</v>
      </c>
      <c r="AH35" s="74">
        <v>1</v>
      </c>
      <c r="AI35" s="71">
        <v>2</v>
      </c>
      <c r="AJ35" s="72">
        <v>0</v>
      </c>
      <c r="AK35" s="73">
        <v>2</v>
      </c>
      <c r="AL35" s="271"/>
      <c r="AM35" s="72">
        <v>2</v>
      </c>
      <c r="AN35" s="72">
        <v>1</v>
      </c>
      <c r="AO35" s="72">
        <v>0</v>
      </c>
      <c r="AP35" s="72">
        <v>0</v>
      </c>
      <c r="AQ35" s="72">
        <v>2</v>
      </c>
      <c r="AR35" s="73">
        <v>5</v>
      </c>
      <c r="AS35" s="74">
        <v>7</v>
      </c>
      <c r="AT35" s="71">
        <v>0</v>
      </c>
      <c r="AU35" s="72">
        <v>1</v>
      </c>
      <c r="AV35" s="73">
        <v>1</v>
      </c>
      <c r="AW35" s="271"/>
      <c r="AX35" s="72">
        <v>0</v>
      </c>
      <c r="AY35" s="72">
        <v>0</v>
      </c>
      <c r="AZ35" s="72">
        <v>0</v>
      </c>
      <c r="BA35" s="72">
        <v>1</v>
      </c>
      <c r="BB35" s="72">
        <v>0</v>
      </c>
      <c r="BC35" s="73">
        <v>1</v>
      </c>
      <c r="BD35" s="74">
        <v>2</v>
      </c>
      <c r="BE35" s="71">
        <v>0</v>
      </c>
      <c r="BF35" s="72">
        <v>1</v>
      </c>
      <c r="BG35" s="73">
        <v>1</v>
      </c>
      <c r="BH35" s="271"/>
      <c r="BI35" s="72">
        <v>3</v>
      </c>
      <c r="BJ35" s="72">
        <v>2</v>
      </c>
      <c r="BK35" s="72">
        <v>1</v>
      </c>
      <c r="BL35" s="72">
        <v>0</v>
      </c>
      <c r="BM35" s="72">
        <v>0</v>
      </c>
      <c r="BN35" s="73">
        <v>6</v>
      </c>
      <c r="BO35" s="74">
        <v>7</v>
      </c>
      <c r="BP35" s="71">
        <v>0</v>
      </c>
      <c r="BQ35" s="72">
        <v>1</v>
      </c>
      <c r="BR35" s="73">
        <v>1</v>
      </c>
      <c r="BS35" s="271"/>
      <c r="BT35" s="72">
        <v>2</v>
      </c>
      <c r="BU35" s="72">
        <v>1</v>
      </c>
      <c r="BV35" s="72">
        <v>0</v>
      </c>
      <c r="BW35" s="72">
        <v>0</v>
      </c>
      <c r="BX35" s="72">
        <v>1</v>
      </c>
      <c r="BY35" s="73">
        <v>4</v>
      </c>
      <c r="BZ35" s="74">
        <v>5</v>
      </c>
      <c r="CA35" s="71">
        <v>0</v>
      </c>
      <c r="CB35" s="72">
        <v>0</v>
      </c>
      <c r="CC35" s="73">
        <v>0</v>
      </c>
      <c r="CD35" s="271"/>
      <c r="CE35" s="72">
        <v>0</v>
      </c>
      <c r="CF35" s="72">
        <v>0</v>
      </c>
      <c r="CG35" s="72">
        <v>0</v>
      </c>
      <c r="CH35" s="72">
        <v>0</v>
      </c>
      <c r="CI35" s="72">
        <v>0</v>
      </c>
      <c r="CJ35" s="73">
        <v>0</v>
      </c>
      <c r="CK35" s="74">
        <v>0</v>
      </c>
      <c r="CL35" s="71">
        <v>2</v>
      </c>
      <c r="CM35" s="72">
        <v>3</v>
      </c>
      <c r="CN35" s="73">
        <v>5</v>
      </c>
      <c r="CO35" s="271"/>
      <c r="CP35" s="72">
        <v>8</v>
      </c>
      <c r="CQ35" s="72">
        <v>4</v>
      </c>
      <c r="CR35" s="72">
        <v>2</v>
      </c>
      <c r="CS35" s="72">
        <v>1</v>
      </c>
      <c r="CT35" s="72">
        <v>3</v>
      </c>
      <c r="CU35" s="73">
        <v>18</v>
      </c>
      <c r="CV35" s="74">
        <v>23</v>
      </c>
      <c r="CW35" s="127">
        <v>0</v>
      </c>
      <c r="CX35" s="83">
        <v>2</v>
      </c>
      <c r="CY35" s="84">
        <v>2</v>
      </c>
      <c r="CZ35" s="271"/>
      <c r="DA35" s="83">
        <v>4</v>
      </c>
      <c r="DB35" s="83">
        <v>3</v>
      </c>
      <c r="DC35" s="83">
        <v>1</v>
      </c>
      <c r="DD35" s="83">
        <v>0</v>
      </c>
      <c r="DE35" s="83">
        <v>0</v>
      </c>
      <c r="DF35" s="85">
        <v>8</v>
      </c>
      <c r="DG35" s="86">
        <v>10</v>
      </c>
      <c r="DH35" s="71">
        <v>0</v>
      </c>
      <c r="DI35" s="72">
        <v>0</v>
      </c>
      <c r="DJ35" s="73">
        <v>0</v>
      </c>
      <c r="DK35" s="271"/>
      <c r="DL35" s="72">
        <v>1</v>
      </c>
      <c r="DM35" s="72">
        <v>0</v>
      </c>
      <c r="DN35" s="72">
        <v>0</v>
      </c>
      <c r="DO35" s="72">
        <v>0</v>
      </c>
      <c r="DP35" s="72">
        <v>0</v>
      </c>
      <c r="DQ35" s="73">
        <v>1</v>
      </c>
      <c r="DR35" s="74">
        <v>1</v>
      </c>
      <c r="DS35" s="71">
        <v>0</v>
      </c>
      <c r="DT35" s="72">
        <v>0</v>
      </c>
      <c r="DU35" s="73">
        <v>0</v>
      </c>
      <c r="DV35" s="271"/>
      <c r="DW35" s="72">
        <v>0</v>
      </c>
      <c r="DX35" s="72">
        <v>0</v>
      </c>
      <c r="DY35" s="72">
        <v>0</v>
      </c>
      <c r="DZ35" s="72">
        <v>0</v>
      </c>
      <c r="EA35" s="72">
        <v>0</v>
      </c>
      <c r="EB35" s="73">
        <v>0</v>
      </c>
      <c r="EC35" s="74">
        <v>0</v>
      </c>
      <c r="ED35" s="71">
        <v>0</v>
      </c>
      <c r="EE35" s="72">
        <v>1</v>
      </c>
      <c r="EF35" s="73">
        <v>1</v>
      </c>
      <c r="EG35" s="271"/>
      <c r="EH35" s="72">
        <v>0</v>
      </c>
      <c r="EI35" s="72">
        <v>1</v>
      </c>
      <c r="EJ35" s="72">
        <v>0</v>
      </c>
      <c r="EK35" s="72">
        <v>0</v>
      </c>
      <c r="EL35" s="72">
        <v>0</v>
      </c>
      <c r="EM35" s="73">
        <v>1</v>
      </c>
      <c r="EN35" s="74">
        <v>2</v>
      </c>
      <c r="EO35" s="71">
        <v>0</v>
      </c>
      <c r="EP35" s="72">
        <v>0</v>
      </c>
      <c r="EQ35" s="73">
        <v>0</v>
      </c>
      <c r="ER35" s="271"/>
      <c r="ES35" s="72">
        <v>1</v>
      </c>
      <c r="ET35" s="72">
        <v>1</v>
      </c>
      <c r="EU35" s="72">
        <v>0</v>
      </c>
      <c r="EV35" s="72">
        <v>0</v>
      </c>
      <c r="EW35" s="72">
        <v>0</v>
      </c>
      <c r="EX35" s="73">
        <v>2</v>
      </c>
      <c r="EY35" s="74">
        <v>2</v>
      </c>
      <c r="EZ35" s="71">
        <v>0</v>
      </c>
      <c r="FA35" s="72">
        <v>0</v>
      </c>
      <c r="FB35" s="73">
        <v>0</v>
      </c>
      <c r="FC35" s="271"/>
      <c r="FD35" s="72">
        <v>2</v>
      </c>
      <c r="FE35" s="72">
        <v>0</v>
      </c>
      <c r="FF35" s="72">
        <v>0</v>
      </c>
      <c r="FG35" s="72">
        <v>0</v>
      </c>
      <c r="FH35" s="72">
        <v>0</v>
      </c>
      <c r="FI35" s="73">
        <v>2</v>
      </c>
      <c r="FJ35" s="74">
        <v>2</v>
      </c>
      <c r="FK35" s="71">
        <v>0</v>
      </c>
      <c r="FL35" s="72">
        <v>1</v>
      </c>
      <c r="FM35" s="73">
        <v>1</v>
      </c>
      <c r="FN35" s="271"/>
      <c r="FO35" s="72">
        <v>0</v>
      </c>
      <c r="FP35" s="72">
        <v>1</v>
      </c>
      <c r="FQ35" s="72">
        <v>1</v>
      </c>
      <c r="FR35" s="72">
        <v>0</v>
      </c>
      <c r="FS35" s="72">
        <v>0</v>
      </c>
      <c r="FT35" s="73">
        <v>2</v>
      </c>
      <c r="FU35" s="74">
        <v>3</v>
      </c>
      <c r="FV35" s="71">
        <v>0</v>
      </c>
      <c r="FW35" s="72">
        <v>0</v>
      </c>
      <c r="FX35" s="73">
        <v>0</v>
      </c>
      <c r="FY35" s="271"/>
      <c r="FZ35" s="72">
        <v>0</v>
      </c>
      <c r="GA35" s="72">
        <v>0</v>
      </c>
      <c r="GB35" s="72">
        <v>0</v>
      </c>
      <c r="GC35" s="72">
        <v>0</v>
      </c>
      <c r="GD35" s="72">
        <v>0</v>
      </c>
      <c r="GE35" s="73">
        <v>0</v>
      </c>
      <c r="GF35" s="74">
        <v>0</v>
      </c>
      <c r="GG35" s="71">
        <v>0</v>
      </c>
      <c r="GH35" s="72">
        <v>2</v>
      </c>
      <c r="GI35" s="73">
        <v>2</v>
      </c>
      <c r="GJ35" s="271"/>
      <c r="GK35" s="72">
        <v>4</v>
      </c>
      <c r="GL35" s="72">
        <v>3</v>
      </c>
      <c r="GM35" s="72">
        <v>1</v>
      </c>
      <c r="GN35" s="72">
        <v>0</v>
      </c>
      <c r="GO35" s="72">
        <v>0</v>
      </c>
      <c r="GP35" s="73">
        <v>8</v>
      </c>
      <c r="GQ35" s="74">
        <v>10</v>
      </c>
      <c r="GR35" s="127">
        <v>2</v>
      </c>
      <c r="GS35" s="83">
        <v>5</v>
      </c>
      <c r="GT35" s="84">
        <v>7</v>
      </c>
      <c r="GU35" s="271"/>
      <c r="GV35" s="83">
        <v>12</v>
      </c>
      <c r="GW35" s="83">
        <v>7</v>
      </c>
      <c r="GX35" s="83">
        <v>3</v>
      </c>
      <c r="GY35" s="83">
        <v>1</v>
      </c>
      <c r="GZ35" s="83">
        <v>3</v>
      </c>
      <c r="HA35" s="85">
        <v>26</v>
      </c>
      <c r="HB35" s="86">
        <v>33</v>
      </c>
      <c r="HC35" s="71">
        <v>0</v>
      </c>
      <c r="HD35" s="72">
        <v>0</v>
      </c>
      <c r="HE35" s="73">
        <v>0</v>
      </c>
      <c r="HF35" s="271"/>
      <c r="HG35" s="72">
        <v>1</v>
      </c>
      <c r="HH35" s="72">
        <v>0</v>
      </c>
      <c r="HI35" s="72">
        <v>1</v>
      </c>
      <c r="HJ35" s="72">
        <v>0</v>
      </c>
      <c r="HK35" s="72">
        <v>0</v>
      </c>
      <c r="HL35" s="73">
        <v>2</v>
      </c>
      <c r="HM35" s="74">
        <v>2</v>
      </c>
      <c r="HN35" s="71">
        <v>0</v>
      </c>
      <c r="HO35" s="72">
        <v>0</v>
      </c>
      <c r="HP35" s="73">
        <v>0</v>
      </c>
      <c r="HQ35" s="271"/>
      <c r="HR35" s="72">
        <v>1</v>
      </c>
      <c r="HS35" s="72">
        <v>0</v>
      </c>
      <c r="HT35" s="72">
        <v>0</v>
      </c>
      <c r="HU35" s="72">
        <v>0</v>
      </c>
      <c r="HV35" s="72">
        <v>0</v>
      </c>
      <c r="HW35" s="73">
        <v>1</v>
      </c>
      <c r="HX35" s="74">
        <v>1</v>
      </c>
      <c r="HY35" s="71">
        <v>2</v>
      </c>
      <c r="HZ35" s="72">
        <v>1</v>
      </c>
      <c r="IA35" s="73">
        <v>3</v>
      </c>
      <c r="IB35" s="271"/>
      <c r="IC35" s="72">
        <v>2</v>
      </c>
      <c r="ID35" s="72">
        <v>2</v>
      </c>
      <c r="IE35" s="72">
        <v>0</v>
      </c>
      <c r="IF35" s="72">
        <v>0</v>
      </c>
      <c r="IG35" s="72">
        <v>2</v>
      </c>
      <c r="IH35" s="73">
        <v>6</v>
      </c>
      <c r="II35" s="74">
        <v>9</v>
      </c>
      <c r="IJ35" s="71">
        <v>0</v>
      </c>
      <c r="IK35" s="72">
        <v>1</v>
      </c>
      <c r="IL35" s="73">
        <v>1</v>
      </c>
      <c r="IM35" s="271"/>
      <c r="IN35" s="72">
        <v>1</v>
      </c>
      <c r="IO35" s="72">
        <v>1</v>
      </c>
      <c r="IP35" s="72">
        <v>0</v>
      </c>
      <c r="IQ35" s="72">
        <v>1</v>
      </c>
      <c r="IR35" s="72">
        <v>0</v>
      </c>
      <c r="IS35" s="73">
        <v>3</v>
      </c>
      <c r="IT35" s="74">
        <v>4</v>
      </c>
      <c r="IU35" s="71">
        <v>0</v>
      </c>
      <c r="IV35" s="72">
        <v>1</v>
      </c>
      <c r="IW35" s="73">
        <v>1</v>
      </c>
      <c r="IX35" s="271"/>
      <c r="IY35" s="72">
        <v>5</v>
      </c>
      <c r="IZ35" s="72">
        <v>2</v>
      </c>
      <c r="JA35" s="72">
        <v>1</v>
      </c>
      <c r="JB35" s="72">
        <v>0</v>
      </c>
      <c r="JC35" s="72">
        <v>0</v>
      </c>
      <c r="JD35" s="73">
        <v>8</v>
      </c>
      <c r="JE35" s="74">
        <v>9</v>
      </c>
      <c r="JF35" s="71">
        <v>0</v>
      </c>
      <c r="JG35" s="72">
        <v>2</v>
      </c>
      <c r="JH35" s="73">
        <v>2</v>
      </c>
      <c r="JI35" s="271"/>
      <c r="JJ35" s="72">
        <v>2</v>
      </c>
      <c r="JK35" s="72">
        <v>2</v>
      </c>
      <c r="JL35" s="72">
        <v>1</v>
      </c>
      <c r="JM35" s="72">
        <v>0</v>
      </c>
      <c r="JN35" s="72">
        <v>1</v>
      </c>
      <c r="JO35" s="73">
        <v>6</v>
      </c>
      <c r="JP35" s="74">
        <v>8</v>
      </c>
      <c r="JQ35" s="71">
        <v>0</v>
      </c>
      <c r="JR35" s="72">
        <v>0</v>
      </c>
      <c r="JS35" s="73">
        <v>0</v>
      </c>
      <c r="JT35" s="271"/>
      <c r="JU35" s="72">
        <v>0</v>
      </c>
      <c r="JV35" s="72">
        <v>0</v>
      </c>
      <c r="JW35" s="72">
        <v>0</v>
      </c>
      <c r="JX35" s="72">
        <v>0</v>
      </c>
      <c r="JY35" s="72">
        <v>0</v>
      </c>
      <c r="JZ35" s="73">
        <v>0</v>
      </c>
      <c r="KA35" s="74">
        <v>0</v>
      </c>
      <c r="KB35" s="71">
        <v>2</v>
      </c>
      <c r="KC35" s="72">
        <v>5</v>
      </c>
      <c r="KD35" s="73">
        <v>7</v>
      </c>
      <c r="KE35" s="274"/>
      <c r="KF35" s="72">
        <v>12</v>
      </c>
      <c r="KG35" s="72">
        <v>7</v>
      </c>
      <c r="KH35" s="72">
        <v>3</v>
      </c>
      <c r="KI35" s="72">
        <v>1</v>
      </c>
      <c r="KJ35" s="72">
        <v>3</v>
      </c>
      <c r="KK35" s="73">
        <v>26</v>
      </c>
      <c r="KL35" s="74">
        <v>33</v>
      </c>
    </row>
    <row r="36" spans="1:298" ht="19.5" customHeight="1" x14ac:dyDescent="0.2">
      <c r="A36" s="130" t="s">
        <v>33</v>
      </c>
      <c r="B36" s="353">
        <v>6</v>
      </c>
      <c r="C36" s="83">
        <v>1</v>
      </c>
      <c r="D36" s="84">
        <v>7</v>
      </c>
      <c r="E36" s="271"/>
      <c r="F36" s="83">
        <v>6</v>
      </c>
      <c r="G36" s="83">
        <v>1</v>
      </c>
      <c r="H36" s="83">
        <v>3</v>
      </c>
      <c r="I36" s="83">
        <v>0</v>
      </c>
      <c r="J36" s="83">
        <v>2</v>
      </c>
      <c r="K36" s="85">
        <v>12</v>
      </c>
      <c r="L36" s="86">
        <v>19</v>
      </c>
      <c r="M36" s="71">
        <v>0</v>
      </c>
      <c r="N36" s="72">
        <v>0</v>
      </c>
      <c r="O36" s="73">
        <v>0</v>
      </c>
      <c r="P36" s="271"/>
      <c r="Q36" s="72">
        <v>1</v>
      </c>
      <c r="R36" s="72">
        <v>1</v>
      </c>
      <c r="S36" s="72">
        <v>0</v>
      </c>
      <c r="T36" s="72">
        <v>0</v>
      </c>
      <c r="U36" s="72">
        <v>0</v>
      </c>
      <c r="V36" s="73">
        <v>2</v>
      </c>
      <c r="W36" s="74">
        <v>2</v>
      </c>
      <c r="X36" s="71">
        <v>0</v>
      </c>
      <c r="Y36" s="72">
        <v>0</v>
      </c>
      <c r="Z36" s="73">
        <v>0</v>
      </c>
      <c r="AA36" s="271"/>
      <c r="AB36" s="72">
        <v>0</v>
      </c>
      <c r="AC36" s="72">
        <v>0</v>
      </c>
      <c r="AD36" s="72">
        <v>1</v>
      </c>
      <c r="AE36" s="72">
        <v>0</v>
      </c>
      <c r="AF36" s="72">
        <v>0</v>
      </c>
      <c r="AG36" s="73">
        <v>1</v>
      </c>
      <c r="AH36" s="74">
        <v>1</v>
      </c>
      <c r="AI36" s="71">
        <v>1</v>
      </c>
      <c r="AJ36" s="72">
        <v>1</v>
      </c>
      <c r="AK36" s="73">
        <v>2</v>
      </c>
      <c r="AL36" s="271"/>
      <c r="AM36" s="72">
        <v>1</v>
      </c>
      <c r="AN36" s="72">
        <v>0</v>
      </c>
      <c r="AO36" s="72">
        <v>0</v>
      </c>
      <c r="AP36" s="72">
        <v>0</v>
      </c>
      <c r="AQ36" s="72">
        <v>1</v>
      </c>
      <c r="AR36" s="73">
        <v>2</v>
      </c>
      <c r="AS36" s="74">
        <v>4</v>
      </c>
      <c r="AT36" s="71">
        <v>1</v>
      </c>
      <c r="AU36" s="72">
        <v>0</v>
      </c>
      <c r="AV36" s="73">
        <v>1</v>
      </c>
      <c r="AW36" s="271"/>
      <c r="AX36" s="72">
        <v>0</v>
      </c>
      <c r="AY36" s="72">
        <v>0</v>
      </c>
      <c r="AZ36" s="72">
        <v>0</v>
      </c>
      <c r="BA36" s="72">
        <v>0</v>
      </c>
      <c r="BB36" s="72">
        <v>1</v>
      </c>
      <c r="BC36" s="73">
        <v>1</v>
      </c>
      <c r="BD36" s="74">
        <v>2</v>
      </c>
      <c r="BE36" s="71">
        <v>4</v>
      </c>
      <c r="BF36" s="72">
        <v>0</v>
      </c>
      <c r="BG36" s="73">
        <v>4</v>
      </c>
      <c r="BH36" s="271"/>
      <c r="BI36" s="72">
        <v>2</v>
      </c>
      <c r="BJ36" s="72">
        <v>0</v>
      </c>
      <c r="BK36" s="72">
        <v>2</v>
      </c>
      <c r="BL36" s="72">
        <v>0</v>
      </c>
      <c r="BM36" s="72">
        <v>0</v>
      </c>
      <c r="BN36" s="73">
        <v>4</v>
      </c>
      <c r="BO36" s="74">
        <v>8</v>
      </c>
      <c r="BP36" s="71">
        <v>0</v>
      </c>
      <c r="BQ36" s="72">
        <v>0</v>
      </c>
      <c r="BR36" s="73">
        <v>0</v>
      </c>
      <c r="BS36" s="271"/>
      <c r="BT36" s="72">
        <v>2</v>
      </c>
      <c r="BU36" s="72">
        <v>0</v>
      </c>
      <c r="BV36" s="72">
        <v>0</v>
      </c>
      <c r="BW36" s="72">
        <v>0</v>
      </c>
      <c r="BX36" s="72">
        <v>0</v>
      </c>
      <c r="BY36" s="73">
        <v>2</v>
      </c>
      <c r="BZ36" s="74">
        <v>2</v>
      </c>
      <c r="CA36" s="71">
        <v>0</v>
      </c>
      <c r="CB36" s="72">
        <v>0</v>
      </c>
      <c r="CC36" s="73">
        <v>0</v>
      </c>
      <c r="CD36" s="271"/>
      <c r="CE36" s="72">
        <v>0</v>
      </c>
      <c r="CF36" s="72">
        <v>0</v>
      </c>
      <c r="CG36" s="72">
        <v>0</v>
      </c>
      <c r="CH36" s="72">
        <v>0</v>
      </c>
      <c r="CI36" s="72">
        <v>0</v>
      </c>
      <c r="CJ36" s="73">
        <v>0</v>
      </c>
      <c r="CK36" s="74">
        <v>0</v>
      </c>
      <c r="CL36" s="71">
        <v>6</v>
      </c>
      <c r="CM36" s="72">
        <v>1</v>
      </c>
      <c r="CN36" s="73">
        <v>7</v>
      </c>
      <c r="CO36" s="271"/>
      <c r="CP36" s="72">
        <v>6</v>
      </c>
      <c r="CQ36" s="72">
        <v>1</v>
      </c>
      <c r="CR36" s="72">
        <v>3</v>
      </c>
      <c r="CS36" s="72">
        <v>0</v>
      </c>
      <c r="CT36" s="72">
        <v>2</v>
      </c>
      <c r="CU36" s="73">
        <v>12</v>
      </c>
      <c r="CV36" s="74">
        <v>19</v>
      </c>
      <c r="CW36" s="127">
        <v>0</v>
      </c>
      <c r="CX36" s="83">
        <v>3</v>
      </c>
      <c r="CY36" s="84">
        <v>3</v>
      </c>
      <c r="CZ36" s="271"/>
      <c r="DA36" s="83">
        <v>3</v>
      </c>
      <c r="DB36" s="83">
        <v>4</v>
      </c>
      <c r="DC36" s="83">
        <v>4</v>
      </c>
      <c r="DD36" s="83">
        <v>1</v>
      </c>
      <c r="DE36" s="83">
        <v>2</v>
      </c>
      <c r="DF36" s="85">
        <v>14</v>
      </c>
      <c r="DG36" s="86">
        <v>17</v>
      </c>
      <c r="DH36" s="71">
        <v>0</v>
      </c>
      <c r="DI36" s="72">
        <v>0</v>
      </c>
      <c r="DJ36" s="73">
        <v>0</v>
      </c>
      <c r="DK36" s="271"/>
      <c r="DL36" s="72">
        <v>0</v>
      </c>
      <c r="DM36" s="72">
        <v>0</v>
      </c>
      <c r="DN36" s="72">
        <v>0</v>
      </c>
      <c r="DO36" s="72">
        <v>0</v>
      </c>
      <c r="DP36" s="72">
        <v>0</v>
      </c>
      <c r="DQ36" s="73">
        <v>0</v>
      </c>
      <c r="DR36" s="74">
        <v>0</v>
      </c>
      <c r="DS36" s="71">
        <v>0</v>
      </c>
      <c r="DT36" s="72">
        <v>0</v>
      </c>
      <c r="DU36" s="73">
        <v>0</v>
      </c>
      <c r="DV36" s="271"/>
      <c r="DW36" s="72">
        <v>0</v>
      </c>
      <c r="DX36" s="72">
        <v>0</v>
      </c>
      <c r="DY36" s="72">
        <v>0</v>
      </c>
      <c r="DZ36" s="72">
        <v>0</v>
      </c>
      <c r="EA36" s="72">
        <v>0</v>
      </c>
      <c r="EB36" s="73">
        <v>0</v>
      </c>
      <c r="EC36" s="74">
        <v>0</v>
      </c>
      <c r="ED36" s="71">
        <v>0</v>
      </c>
      <c r="EE36" s="72">
        <v>1</v>
      </c>
      <c r="EF36" s="73">
        <v>1</v>
      </c>
      <c r="EG36" s="271"/>
      <c r="EH36" s="72">
        <v>1</v>
      </c>
      <c r="EI36" s="72">
        <v>0</v>
      </c>
      <c r="EJ36" s="72">
        <v>0</v>
      </c>
      <c r="EK36" s="72">
        <v>0</v>
      </c>
      <c r="EL36" s="72">
        <v>0</v>
      </c>
      <c r="EM36" s="73">
        <v>1</v>
      </c>
      <c r="EN36" s="74">
        <v>2</v>
      </c>
      <c r="EO36" s="71">
        <v>0</v>
      </c>
      <c r="EP36" s="72">
        <v>0</v>
      </c>
      <c r="EQ36" s="73">
        <v>0</v>
      </c>
      <c r="ER36" s="271"/>
      <c r="ES36" s="72">
        <v>2</v>
      </c>
      <c r="ET36" s="72">
        <v>0</v>
      </c>
      <c r="EU36" s="72">
        <v>0</v>
      </c>
      <c r="EV36" s="72">
        <v>0</v>
      </c>
      <c r="EW36" s="72">
        <v>0</v>
      </c>
      <c r="EX36" s="73">
        <v>2</v>
      </c>
      <c r="EY36" s="74">
        <v>2</v>
      </c>
      <c r="EZ36" s="71">
        <v>0</v>
      </c>
      <c r="FA36" s="72">
        <v>2</v>
      </c>
      <c r="FB36" s="73">
        <v>2</v>
      </c>
      <c r="FC36" s="271"/>
      <c r="FD36" s="72">
        <v>0</v>
      </c>
      <c r="FE36" s="72">
        <v>1</v>
      </c>
      <c r="FF36" s="72">
        <v>1</v>
      </c>
      <c r="FG36" s="72">
        <v>0</v>
      </c>
      <c r="FH36" s="72">
        <v>2</v>
      </c>
      <c r="FI36" s="73">
        <v>4</v>
      </c>
      <c r="FJ36" s="74">
        <v>6</v>
      </c>
      <c r="FK36" s="71">
        <v>0</v>
      </c>
      <c r="FL36" s="72">
        <v>0</v>
      </c>
      <c r="FM36" s="73">
        <v>0</v>
      </c>
      <c r="FN36" s="271"/>
      <c r="FO36" s="72">
        <v>0</v>
      </c>
      <c r="FP36" s="72">
        <v>3</v>
      </c>
      <c r="FQ36" s="72">
        <v>3</v>
      </c>
      <c r="FR36" s="72">
        <v>1</v>
      </c>
      <c r="FS36" s="72">
        <v>0</v>
      </c>
      <c r="FT36" s="73">
        <v>7</v>
      </c>
      <c r="FU36" s="74">
        <v>7</v>
      </c>
      <c r="FV36" s="71">
        <v>0</v>
      </c>
      <c r="FW36" s="72">
        <v>0</v>
      </c>
      <c r="FX36" s="73">
        <v>0</v>
      </c>
      <c r="FY36" s="271"/>
      <c r="FZ36" s="72">
        <v>0</v>
      </c>
      <c r="GA36" s="72">
        <v>0</v>
      </c>
      <c r="GB36" s="72">
        <v>0</v>
      </c>
      <c r="GC36" s="72">
        <v>0</v>
      </c>
      <c r="GD36" s="72">
        <v>0</v>
      </c>
      <c r="GE36" s="73">
        <v>0</v>
      </c>
      <c r="GF36" s="74">
        <v>0</v>
      </c>
      <c r="GG36" s="71">
        <v>0</v>
      </c>
      <c r="GH36" s="72">
        <v>3</v>
      </c>
      <c r="GI36" s="73">
        <v>3</v>
      </c>
      <c r="GJ36" s="271"/>
      <c r="GK36" s="72">
        <v>3</v>
      </c>
      <c r="GL36" s="72">
        <v>4</v>
      </c>
      <c r="GM36" s="72">
        <v>4</v>
      </c>
      <c r="GN36" s="72">
        <v>1</v>
      </c>
      <c r="GO36" s="72">
        <v>2</v>
      </c>
      <c r="GP36" s="73">
        <v>14</v>
      </c>
      <c r="GQ36" s="74">
        <v>17</v>
      </c>
      <c r="GR36" s="127">
        <v>6</v>
      </c>
      <c r="GS36" s="83">
        <v>4</v>
      </c>
      <c r="GT36" s="84">
        <v>10</v>
      </c>
      <c r="GU36" s="271"/>
      <c r="GV36" s="83">
        <v>9</v>
      </c>
      <c r="GW36" s="83">
        <v>5</v>
      </c>
      <c r="GX36" s="83">
        <v>7</v>
      </c>
      <c r="GY36" s="83">
        <v>1</v>
      </c>
      <c r="GZ36" s="83">
        <v>4</v>
      </c>
      <c r="HA36" s="85">
        <v>26</v>
      </c>
      <c r="HB36" s="86">
        <v>36</v>
      </c>
      <c r="HC36" s="71">
        <v>0</v>
      </c>
      <c r="HD36" s="72">
        <v>0</v>
      </c>
      <c r="HE36" s="73">
        <v>0</v>
      </c>
      <c r="HF36" s="271"/>
      <c r="HG36" s="72">
        <v>1</v>
      </c>
      <c r="HH36" s="72">
        <v>1</v>
      </c>
      <c r="HI36" s="72">
        <v>0</v>
      </c>
      <c r="HJ36" s="72">
        <v>0</v>
      </c>
      <c r="HK36" s="72">
        <v>0</v>
      </c>
      <c r="HL36" s="73">
        <v>2</v>
      </c>
      <c r="HM36" s="74">
        <v>2</v>
      </c>
      <c r="HN36" s="71">
        <v>0</v>
      </c>
      <c r="HO36" s="72">
        <v>0</v>
      </c>
      <c r="HP36" s="73">
        <v>0</v>
      </c>
      <c r="HQ36" s="271"/>
      <c r="HR36" s="72">
        <v>0</v>
      </c>
      <c r="HS36" s="72">
        <v>0</v>
      </c>
      <c r="HT36" s="72">
        <v>1</v>
      </c>
      <c r="HU36" s="72">
        <v>0</v>
      </c>
      <c r="HV36" s="72">
        <v>0</v>
      </c>
      <c r="HW36" s="73">
        <v>1</v>
      </c>
      <c r="HX36" s="74">
        <v>1</v>
      </c>
      <c r="HY36" s="71">
        <v>1</v>
      </c>
      <c r="HZ36" s="72">
        <v>2</v>
      </c>
      <c r="IA36" s="73">
        <v>3</v>
      </c>
      <c r="IB36" s="271"/>
      <c r="IC36" s="72">
        <v>2</v>
      </c>
      <c r="ID36" s="72">
        <v>0</v>
      </c>
      <c r="IE36" s="72">
        <v>0</v>
      </c>
      <c r="IF36" s="72">
        <v>0</v>
      </c>
      <c r="IG36" s="72">
        <v>1</v>
      </c>
      <c r="IH36" s="73">
        <v>3</v>
      </c>
      <c r="II36" s="74">
        <v>6</v>
      </c>
      <c r="IJ36" s="71">
        <v>1</v>
      </c>
      <c r="IK36" s="72">
        <v>0</v>
      </c>
      <c r="IL36" s="73">
        <v>1</v>
      </c>
      <c r="IM36" s="271"/>
      <c r="IN36" s="72">
        <v>2</v>
      </c>
      <c r="IO36" s="72">
        <v>0</v>
      </c>
      <c r="IP36" s="72">
        <v>0</v>
      </c>
      <c r="IQ36" s="72">
        <v>0</v>
      </c>
      <c r="IR36" s="72">
        <v>1</v>
      </c>
      <c r="IS36" s="73">
        <v>3</v>
      </c>
      <c r="IT36" s="74">
        <v>4</v>
      </c>
      <c r="IU36" s="71">
        <v>4</v>
      </c>
      <c r="IV36" s="72">
        <v>2</v>
      </c>
      <c r="IW36" s="73">
        <v>6</v>
      </c>
      <c r="IX36" s="271"/>
      <c r="IY36" s="72">
        <v>2</v>
      </c>
      <c r="IZ36" s="72">
        <v>1</v>
      </c>
      <c r="JA36" s="72">
        <v>3</v>
      </c>
      <c r="JB36" s="72">
        <v>0</v>
      </c>
      <c r="JC36" s="72">
        <v>2</v>
      </c>
      <c r="JD36" s="73">
        <v>8</v>
      </c>
      <c r="JE36" s="74">
        <v>14</v>
      </c>
      <c r="JF36" s="71">
        <v>0</v>
      </c>
      <c r="JG36" s="72">
        <v>0</v>
      </c>
      <c r="JH36" s="73">
        <v>0</v>
      </c>
      <c r="JI36" s="271"/>
      <c r="JJ36" s="72">
        <v>2</v>
      </c>
      <c r="JK36" s="72">
        <v>3</v>
      </c>
      <c r="JL36" s="72">
        <v>3</v>
      </c>
      <c r="JM36" s="72">
        <v>1</v>
      </c>
      <c r="JN36" s="72">
        <v>0</v>
      </c>
      <c r="JO36" s="73">
        <v>9</v>
      </c>
      <c r="JP36" s="74">
        <v>9</v>
      </c>
      <c r="JQ36" s="71">
        <v>0</v>
      </c>
      <c r="JR36" s="72">
        <v>0</v>
      </c>
      <c r="JS36" s="73">
        <v>0</v>
      </c>
      <c r="JT36" s="271"/>
      <c r="JU36" s="72">
        <v>0</v>
      </c>
      <c r="JV36" s="72">
        <v>0</v>
      </c>
      <c r="JW36" s="72">
        <v>0</v>
      </c>
      <c r="JX36" s="72">
        <v>0</v>
      </c>
      <c r="JY36" s="72">
        <v>0</v>
      </c>
      <c r="JZ36" s="73">
        <v>0</v>
      </c>
      <c r="KA36" s="74">
        <v>0</v>
      </c>
      <c r="KB36" s="71">
        <v>6</v>
      </c>
      <c r="KC36" s="72">
        <v>4</v>
      </c>
      <c r="KD36" s="73">
        <v>10</v>
      </c>
      <c r="KE36" s="274"/>
      <c r="KF36" s="72">
        <v>9</v>
      </c>
      <c r="KG36" s="72">
        <v>5</v>
      </c>
      <c r="KH36" s="72">
        <v>7</v>
      </c>
      <c r="KI36" s="72">
        <v>1</v>
      </c>
      <c r="KJ36" s="72">
        <v>4</v>
      </c>
      <c r="KK36" s="73">
        <v>26</v>
      </c>
      <c r="KL36" s="74">
        <v>36</v>
      </c>
    </row>
    <row r="37" spans="1:298" ht="19.5" customHeight="1" x14ac:dyDescent="0.2">
      <c r="A37" s="130" t="s">
        <v>34</v>
      </c>
      <c r="B37" s="353">
        <v>0</v>
      </c>
      <c r="C37" s="83">
        <v>2</v>
      </c>
      <c r="D37" s="84">
        <v>2</v>
      </c>
      <c r="E37" s="271"/>
      <c r="F37" s="83">
        <v>2</v>
      </c>
      <c r="G37" s="83">
        <v>3</v>
      </c>
      <c r="H37" s="83">
        <v>3</v>
      </c>
      <c r="I37" s="83">
        <v>2</v>
      </c>
      <c r="J37" s="83">
        <v>0</v>
      </c>
      <c r="K37" s="85">
        <v>10</v>
      </c>
      <c r="L37" s="86">
        <v>12</v>
      </c>
      <c r="M37" s="71">
        <v>0</v>
      </c>
      <c r="N37" s="72">
        <v>0</v>
      </c>
      <c r="O37" s="73">
        <v>0</v>
      </c>
      <c r="P37" s="271"/>
      <c r="Q37" s="72">
        <v>0</v>
      </c>
      <c r="R37" s="72">
        <v>0</v>
      </c>
      <c r="S37" s="72">
        <v>0</v>
      </c>
      <c r="T37" s="72">
        <v>0</v>
      </c>
      <c r="U37" s="72">
        <v>0</v>
      </c>
      <c r="V37" s="73">
        <v>0</v>
      </c>
      <c r="W37" s="74">
        <v>0</v>
      </c>
      <c r="X37" s="71">
        <v>0</v>
      </c>
      <c r="Y37" s="72">
        <v>0</v>
      </c>
      <c r="Z37" s="73">
        <v>0</v>
      </c>
      <c r="AA37" s="271"/>
      <c r="AB37" s="72">
        <v>0</v>
      </c>
      <c r="AC37" s="72">
        <v>1</v>
      </c>
      <c r="AD37" s="72">
        <v>0</v>
      </c>
      <c r="AE37" s="72">
        <v>0</v>
      </c>
      <c r="AF37" s="72">
        <v>0</v>
      </c>
      <c r="AG37" s="73">
        <v>1</v>
      </c>
      <c r="AH37" s="74">
        <v>1</v>
      </c>
      <c r="AI37" s="71">
        <v>0</v>
      </c>
      <c r="AJ37" s="72">
        <v>1</v>
      </c>
      <c r="AK37" s="73">
        <v>1</v>
      </c>
      <c r="AL37" s="271"/>
      <c r="AM37" s="72">
        <v>0</v>
      </c>
      <c r="AN37" s="72">
        <v>0</v>
      </c>
      <c r="AO37" s="72">
        <v>1</v>
      </c>
      <c r="AP37" s="72">
        <v>1</v>
      </c>
      <c r="AQ37" s="72">
        <v>0</v>
      </c>
      <c r="AR37" s="73">
        <v>2</v>
      </c>
      <c r="AS37" s="74">
        <v>3</v>
      </c>
      <c r="AT37" s="71">
        <v>0</v>
      </c>
      <c r="AU37" s="72">
        <v>0</v>
      </c>
      <c r="AV37" s="73">
        <v>0</v>
      </c>
      <c r="AW37" s="271"/>
      <c r="AX37" s="72">
        <v>0</v>
      </c>
      <c r="AY37" s="72">
        <v>0</v>
      </c>
      <c r="AZ37" s="72">
        <v>0</v>
      </c>
      <c r="BA37" s="72">
        <v>0</v>
      </c>
      <c r="BB37" s="72">
        <v>0</v>
      </c>
      <c r="BC37" s="73">
        <v>0</v>
      </c>
      <c r="BD37" s="74">
        <v>0</v>
      </c>
      <c r="BE37" s="71">
        <v>0</v>
      </c>
      <c r="BF37" s="72">
        <v>0</v>
      </c>
      <c r="BG37" s="73">
        <v>0</v>
      </c>
      <c r="BH37" s="271"/>
      <c r="BI37" s="72">
        <v>1</v>
      </c>
      <c r="BJ37" s="72">
        <v>1</v>
      </c>
      <c r="BK37" s="72">
        <v>1</v>
      </c>
      <c r="BL37" s="72">
        <v>0</v>
      </c>
      <c r="BM37" s="72">
        <v>0</v>
      </c>
      <c r="BN37" s="73">
        <v>3</v>
      </c>
      <c r="BO37" s="74">
        <v>3</v>
      </c>
      <c r="BP37" s="71">
        <v>0</v>
      </c>
      <c r="BQ37" s="72">
        <v>1</v>
      </c>
      <c r="BR37" s="73">
        <v>1</v>
      </c>
      <c r="BS37" s="271"/>
      <c r="BT37" s="72">
        <v>1</v>
      </c>
      <c r="BU37" s="72">
        <v>1</v>
      </c>
      <c r="BV37" s="72">
        <v>1</v>
      </c>
      <c r="BW37" s="72">
        <v>1</v>
      </c>
      <c r="BX37" s="72">
        <v>0</v>
      </c>
      <c r="BY37" s="73">
        <v>4</v>
      </c>
      <c r="BZ37" s="74">
        <v>5</v>
      </c>
      <c r="CA37" s="71">
        <v>0</v>
      </c>
      <c r="CB37" s="72">
        <v>0</v>
      </c>
      <c r="CC37" s="73">
        <v>0</v>
      </c>
      <c r="CD37" s="271"/>
      <c r="CE37" s="72">
        <v>0</v>
      </c>
      <c r="CF37" s="72">
        <v>0</v>
      </c>
      <c r="CG37" s="72">
        <v>0</v>
      </c>
      <c r="CH37" s="72">
        <v>0</v>
      </c>
      <c r="CI37" s="72">
        <v>0</v>
      </c>
      <c r="CJ37" s="73">
        <v>0</v>
      </c>
      <c r="CK37" s="74">
        <v>0</v>
      </c>
      <c r="CL37" s="71">
        <v>0</v>
      </c>
      <c r="CM37" s="72">
        <v>2</v>
      </c>
      <c r="CN37" s="73">
        <v>2</v>
      </c>
      <c r="CO37" s="271"/>
      <c r="CP37" s="72">
        <v>2</v>
      </c>
      <c r="CQ37" s="72">
        <v>3</v>
      </c>
      <c r="CR37" s="72">
        <v>3</v>
      </c>
      <c r="CS37" s="72">
        <v>2</v>
      </c>
      <c r="CT37" s="72">
        <v>0</v>
      </c>
      <c r="CU37" s="73">
        <v>10</v>
      </c>
      <c r="CV37" s="74">
        <v>12</v>
      </c>
      <c r="CW37" s="127">
        <v>1</v>
      </c>
      <c r="CX37" s="83">
        <v>2</v>
      </c>
      <c r="CY37" s="84">
        <v>3</v>
      </c>
      <c r="CZ37" s="271"/>
      <c r="DA37" s="83">
        <v>1</v>
      </c>
      <c r="DB37" s="83">
        <v>0</v>
      </c>
      <c r="DC37" s="83">
        <v>1</v>
      </c>
      <c r="DD37" s="83">
        <v>0</v>
      </c>
      <c r="DE37" s="83">
        <v>1</v>
      </c>
      <c r="DF37" s="85">
        <v>3</v>
      </c>
      <c r="DG37" s="86">
        <v>6</v>
      </c>
      <c r="DH37" s="71">
        <v>0</v>
      </c>
      <c r="DI37" s="72">
        <v>0</v>
      </c>
      <c r="DJ37" s="73">
        <v>0</v>
      </c>
      <c r="DK37" s="271"/>
      <c r="DL37" s="72">
        <v>0</v>
      </c>
      <c r="DM37" s="72">
        <v>0</v>
      </c>
      <c r="DN37" s="72">
        <v>0</v>
      </c>
      <c r="DO37" s="72">
        <v>0</v>
      </c>
      <c r="DP37" s="72">
        <v>1</v>
      </c>
      <c r="DQ37" s="73">
        <v>1</v>
      </c>
      <c r="DR37" s="74">
        <v>1</v>
      </c>
      <c r="DS37" s="71">
        <v>0</v>
      </c>
      <c r="DT37" s="72">
        <v>0</v>
      </c>
      <c r="DU37" s="73">
        <v>0</v>
      </c>
      <c r="DV37" s="271"/>
      <c r="DW37" s="72">
        <v>0</v>
      </c>
      <c r="DX37" s="72">
        <v>0</v>
      </c>
      <c r="DY37" s="72">
        <v>0</v>
      </c>
      <c r="DZ37" s="72">
        <v>0</v>
      </c>
      <c r="EA37" s="72">
        <v>0</v>
      </c>
      <c r="EB37" s="73">
        <v>0</v>
      </c>
      <c r="EC37" s="74">
        <v>0</v>
      </c>
      <c r="ED37" s="71">
        <v>0</v>
      </c>
      <c r="EE37" s="72">
        <v>0</v>
      </c>
      <c r="EF37" s="73">
        <v>0</v>
      </c>
      <c r="EG37" s="271"/>
      <c r="EH37" s="72">
        <v>0</v>
      </c>
      <c r="EI37" s="72">
        <v>0</v>
      </c>
      <c r="EJ37" s="72">
        <v>1</v>
      </c>
      <c r="EK37" s="72">
        <v>0</v>
      </c>
      <c r="EL37" s="72">
        <v>0</v>
      </c>
      <c r="EM37" s="73">
        <v>1</v>
      </c>
      <c r="EN37" s="74">
        <v>1</v>
      </c>
      <c r="EO37" s="71">
        <v>1</v>
      </c>
      <c r="EP37" s="72">
        <v>0</v>
      </c>
      <c r="EQ37" s="73">
        <v>1</v>
      </c>
      <c r="ER37" s="271"/>
      <c r="ES37" s="72">
        <v>0</v>
      </c>
      <c r="ET37" s="72">
        <v>0</v>
      </c>
      <c r="EU37" s="72">
        <v>0</v>
      </c>
      <c r="EV37" s="72">
        <v>0</v>
      </c>
      <c r="EW37" s="72">
        <v>0</v>
      </c>
      <c r="EX37" s="73">
        <v>0</v>
      </c>
      <c r="EY37" s="74">
        <v>1</v>
      </c>
      <c r="EZ37" s="71">
        <v>0</v>
      </c>
      <c r="FA37" s="72">
        <v>0</v>
      </c>
      <c r="FB37" s="73">
        <v>0</v>
      </c>
      <c r="FC37" s="271"/>
      <c r="FD37" s="72">
        <v>1</v>
      </c>
      <c r="FE37" s="72">
        <v>0</v>
      </c>
      <c r="FF37" s="72">
        <v>0</v>
      </c>
      <c r="FG37" s="72">
        <v>0</v>
      </c>
      <c r="FH37" s="72">
        <v>0</v>
      </c>
      <c r="FI37" s="73">
        <v>1</v>
      </c>
      <c r="FJ37" s="74">
        <v>1</v>
      </c>
      <c r="FK37" s="71">
        <v>0</v>
      </c>
      <c r="FL37" s="72">
        <v>2</v>
      </c>
      <c r="FM37" s="73">
        <v>2</v>
      </c>
      <c r="FN37" s="271"/>
      <c r="FO37" s="72">
        <v>0</v>
      </c>
      <c r="FP37" s="72">
        <v>0</v>
      </c>
      <c r="FQ37" s="72">
        <v>0</v>
      </c>
      <c r="FR37" s="72">
        <v>0</v>
      </c>
      <c r="FS37" s="72">
        <v>0</v>
      </c>
      <c r="FT37" s="73">
        <v>0</v>
      </c>
      <c r="FU37" s="74">
        <v>2</v>
      </c>
      <c r="FV37" s="71">
        <v>0</v>
      </c>
      <c r="FW37" s="72">
        <v>0</v>
      </c>
      <c r="FX37" s="73">
        <v>0</v>
      </c>
      <c r="FY37" s="271"/>
      <c r="FZ37" s="72">
        <v>0</v>
      </c>
      <c r="GA37" s="72">
        <v>0</v>
      </c>
      <c r="GB37" s="72">
        <v>0</v>
      </c>
      <c r="GC37" s="72">
        <v>0</v>
      </c>
      <c r="GD37" s="72">
        <v>0</v>
      </c>
      <c r="GE37" s="73">
        <v>0</v>
      </c>
      <c r="GF37" s="74">
        <v>0</v>
      </c>
      <c r="GG37" s="71">
        <v>1</v>
      </c>
      <c r="GH37" s="72">
        <v>2</v>
      </c>
      <c r="GI37" s="73">
        <v>3</v>
      </c>
      <c r="GJ37" s="271"/>
      <c r="GK37" s="72">
        <v>1</v>
      </c>
      <c r="GL37" s="72">
        <v>0</v>
      </c>
      <c r="GM37" s="72">
        <v>1</v>
      </c>
      <c r="GN37" s="72">
        <v>0</v>
      </c>
      <c r="GO37" s="72">
        <v>1</v>
      </c>
      <c r="GP37" s="73">
        <v>3</v>
      </c>
      <c r="GQ37" s="74">
        <v>6</v>
      </c>
      <c r="GR37" s="127">
        <v>1</v>
      </c>
      <c r="GS37" s="83">
        <v>4</v>
      </c>
      <c r="GT37" s="84">
        <v>5</v>
      </c>
      <c r="GU37" s="271"/>
      <c r="GV37" s="83">
        <v>3</v>
      </c>
      <c r="GW37" s="83">
        <v>3</v>
      </c>
      <c r="GX37" s="83">
        <v>4</v>
      </c>
      <c r="GY37" s="83">
        <v>2</v>
      </c>
      <c r="GZ37" s="83">
        <v>1</v>
      </c>
      <c r="HA37" s="85">
        <v>13</v>
      </c>
      <c r="HB37" s="86">
        <v>18</v>
      </c>
      <c r="HC37" s="71">
        <v>0</v>
      </c>
      <c r="HD37" s="72">
        <v>0</v>
      </c>
      <c r="HE37" s="73">
        <v>0</v>
      </c>
      <c r="HF37" s="271"/>
      <c r="HG37" s="72">
        <v>0</v>
      </c>
      <c r="HH37" s="72">
        <v>0</v>
      </c>
      <c r="HI37" s="72">
        <v>0</v>
      </c>
      <c r="HJ37" s="72">
        <v>0</v>
      </c>
      <c r="HK37" s="72">
        <v>1</v>
      </c>
      <c r="HL37" s="73">
        <v>1</v>
      </c>
      <c r="HM37" s="74">
        <v>1</v>
      </c>
      <c r="HN37" s="71">
        <v>0</v>
      </c>
      <c r="HO37" s="72">
        <v>0</v>
      </c>
      <c r="HP37" s="73">
        <v>0</v>
      </c>
      <c r="HQ37" s="271"/>
      <c r="HR37" s="72">
        <v>0</v>
      </c>
      <c r="HS37" s="72">
        <v>1</v>
      </c>
      <c r="HT37" s="72">
        <v>0</v>
      </c>
      <c r="HU37" s="72">
        <v>0</v>
      </c>
      <c r="HV37" s="72">
        <v>0</v>
      </c>
      <c r="HW37" s="73">
        <v>1</v>
      </c>
      <c r="HX37" s="74">
        <v>1</v>
      </c>
      <c r="HY37" s="71">
        <v>0</v>
      </c>
      <c r="HZ37" s="72">
        <v>1</v>
      </c>
      <c r="IA37" s="73">
        <v>1</v>
      </c>
      <c r="IB37" s="271"/>
      <c r="IC37" s="72">
        <v>0</v>
      </c>
      <c r="ID37" s="72">
        <v>0</v>
      </c>
      <c r="IE37" s="72">
        <v>2</v>
      </c>
      <c r="IF37" s="72">
        <v>1</v>
      </c>
      <c r="IG37" s="72">
        <v>0</v>
      </c>
      <c r="IH37" s="73">
        <v>3</v>
      </c>
      <c r="II37" s="74">
        <v>4</v>
      </c>
      <c r="IJ37" s="71">
        <v>1</v>
      </c>
      <c r="IK37" s="72">
        <v>0</v>
      </c>
      <c r="IL37" s="73">
        <v>1</v>
      </c>
      <c r="IM37" s="271"/>
      <c r="IN37" s="72">
        <v>0</v>
      </c>
      <c r="IO37" s="72">
        <v>0</v>
      </c>
      <c r="IP37" s="72">
        <v>0</v>
      </c>
      <c r="IQ37" s="72">
        <v>0</v>
      </c>
      <c r="IR37" s="72">
        <v>0</v>
      </c>
      <c r="IS37" s="73">
        <v>0</v>
      </c>
      <c r="IT37" s="74">
        <v>1</v>
      </c>
      <c r="IU37" s="71">
        <v>0</v>
      </c>
      <c r="IV37" s="72">
        <v>0</v>
      </c>
      <c r="IW37" s="73">
        <v>0</v>
      </c>
      <c r="IX37" s="271"/>
      <c r="IY37" s="72">
        <v>2</v>
      </c>
      <c r="IZ37" s="72">
        <v>1</v>
      </c>
      <c r="JA37" s="72">
        <v>1</v>
      </c>
      <c r="JB37" s="72">
        <v>0</v>
      </c>
      <c r="JC37" s="72">
        <v>0</v>
      </c>
      <c r="JD37" s="73">
        <v>4</v>
      </c>
      <c r="JE37" s="74">
        <v>4</v>
      </c>
      <c r="JF37" s="71">
        <v>0</v>
      </c>
      <c r="JG37" s="72">
        <v>3</v>
      </c>
      <c r="JH37" s="73">
        <v>3</v>
      </c>
      <c r="JI37" s="271"/>
      <c r="JJ37" s="72">
        <v>1</v>
      </c>
      <c r="JK37" s="72">
        <v>1</v>
      </c>
      <c r="JL37" s="72">
        <v>1</v>
      </c>
      <c r="JM37" s="72">
        <v>1</v>
      </c>
      <c r="JN37" s="72">
        <v>0</v>
      </c>
      <c r="JO37" s="73">
        <v>4</v>
      </c>
      <c r="JP37" s="74">
        <v>7</v>
      </c>
      <c r="JQ37" s="71">
        <v>0</v>
      </c>
      <c r="JR37" s="72">
        <v>0</v>
      </c>
      <c r="JS37" s="73">
        <v>0</v>
      </c>
      <c r="JT37" s="271"/>
      <c r="JU37" s="72">
        <v>0</v>
      </c>
      <c r="JV37" s="72">
        <v>0</v>
      </c>
      <c r="JW37" s="72">
        <v>0</v>
      </c>
      <c r="JX37" s="72">
        <v>0</v>
      </c>
      <c r="JY37" s="72">
        <v>0</v>
      </c>
      <c r="JZ37" s="73">
        <v>0</v>
      </c>
      <c r="KA37" s="74">
        <v>0</v>
      </c>
      <c r="KB37" s="71">
        <v>1</v>
      </c>
      <c r="KC37" s="72">
        <v>4</v>
      </c>
      <c r="KD37" s="73">
        <v>5</v>
      </c>
      <c r="KE37" s="274"/>
      <c r="KF37" s="72">
        <v>3</v>
      </c>
      <c r="KG37" s="72">
        <v>3</v>
      </c>
      <c r="KH37" s="72">
        <v>4</v>
      </c>
      <c r="KI37" s="72">
        <v>2</v>
      </c>
      <c r="KJ37" s="72">
        <v>1</v>
      </c>
      <c r="KK37" s="73">
        <v>13</v>
      </c>
      <c r="KL37" s="74">
        <v>18</v>
      </c>
    </row>
    <row r="38" spans="1:298" ht="19.5" customHeight="1" x14ac:dyDescent="0.2">
      <c r="A38" s="130" t="s">
        <v>35</v>
      </c>
      <c r="B38" s="353">
        <v>8</v>
      </c>
      <c r="C38" s="83">
        <v>5</v>
      </c>
      <c r="D38" s="84">
        <v>13</v>
      </c>
      <c r="E38" s="271"/>
      <c r="F38" s="83">
        <v>14</v>
      </c>
      <c r="G38" s="83">
        <v>7</v>
      </c>
      <c r="H38" s="83">
        <v>2</v>
      </c>
      <c r="I38" s="83">
        <v>5</v>
      </c>
      <c r="J38" s="83">
        <v>1</v>
      </c>
      <c r="K38" s="85">
        <v>29</v>
      </c>
      <c r="L38" s="86">
        <v>42</v>
      </c>
      <c r="M38" s="71">
        <v>0</v>
      </c>
      <c r="N38" s="72">
        <v>0</v>
      </c>
      <c r="O38" s="73">
        <v>0</v>
      </c>
      <c r="P38" s="271"/>
      <c r="Q38" s="72">
        <v>0</v>
      </c>
      <c r="R38" s="72">
        <v>0</v>
      </c>
      <c r="S38" s="72">
        <v>0</v>
      </c>
      <c r="T38" s="72">
        <v>0</v>
      </c>
      <c r="U38" s="72">
        <v>0</v>
      </c>
      <c r="V38" s="73">
        <v>0</v>
      </c>
      <c r="W38" s="74">
        <v>0</v>
      </c>
      <c r="X38" s="71">
        <v>0</v>
      </c>
      <c r="Y38" s="72">
        <v>0</v>
      </c>
      <c r="Z38" s="73">
        <v>0</v>
      </c>
      <c r="AA38" s="271"/>
      <c r="AB38" s="72">
        <v>0</v>
      </c>
      <c r="AC38" s="72">
        <v>1</v>
      </c>
      <c r="AD38" s="72">
        <v>0</v>
      </c>
      <c r="AE38" s="72">
        <v>0</v>
      </c>
      <c r="AF38" s="72">
        <v>0</v>
      </c>
      <c r="AG38" s="73">
        <v>1</v>
      </c>
      <c r="AH38" s="74">
        <v>1</v>
      </c>
      <c r="AI38" s="71">
        <v>2</v>
      </c>
      <c r="AJ38" s="72">
        <v>1</v>
      </c>
      <c r="AK38" s="73">
        <v>3</v>
      </c>
      <c r="AL38" s="271"/>
      <c r="AM38" s="72">
        <v>2</v>
      </c>
      <c r="AN38" s="72">
        <v>1</v>
      </c>
      <c r="AO38" s="72">
        <v>1</v>
      </c>
      <c r="AP38" s="72">
        <v>2</v>
      </c>
      <c r="AQ38" s="72">
        <v>0</v>
      </c>
      <c r="AR38" s="73">
        <v>6</v>
      </c>
      <c r="AS38" s="74">
        <v>9</v>
      </c>
      <c r="AT38" s="71">
        <v>3</v>
      </c>
      <c r="AU38" s="72">
        <v>3</v>
      </c>
      <c r="AV38" s="73">
        <v>6</v>
      </c>
      <c r="AW38" s="271"/>
      <c r="AX38" s="72">
        <v>2</v>
      </c>
      <c r="AY38" s="72">
        <v>1</v>
      </c>
      <c r="AZ38" s="72">
        <v>0</v>
      </c>
      <c r="BA38" s="72">
        <v>1</v>
      </c>
      <c r="BB38" s="72">
        <v>1</v>
      </c>
      <c r="BC38" s="73">
        <v>5</v>
      </c>
      <c r="BD38" s="74">
        <v>11</v>
      </c>
      <c r="BE38" s="71">
        <v>1</v>
      </c>
      <c r="BF38" s="72">
        <v>1</v>
      </c>
      <c r="BG38" s="73">
        <v>2</v>
      </c>
      <c r="BH38" s="271"/>
      <c r="BI38" s="72">
        <v>5</v>
      </c>
      <c r="BJ38" s="72">
        <v>2</v>
      </c>
      <c r="BK38" s="72">
        <v>1</v>
      </c>
      <c r="BL38" s="72">
        <v>0</v>
      </c>
      <c r="BM38" s="72">
        <v>0</v>
      </c>
      <c r="BN38" s="73">
        <v>8</v>
      </c>
      <c r="BO38" s="74">
        <v>10</v>
      </c>
      <c r="BP38" s="71">
        <v>2</v>
      </c>
      <c r="BQ38" s="72">
        <v>0</v>
      </c>
      <c r="BR38" s="73">
        <v>2</v>
      </c>
      <c r="BS38" s="271"/>
      <c r="BT38" s="72">
        <v>5</v>
      </c>
      <c r="BU38" s="72">
        <v>2</v>
      </c>
      <c r="BV38" s="72">
        <v>0</v>
      </c>
      <c r="BW38" s="72">
        <v>2</v>
      </c>
      <c r="BX38" s="72">
        <v>0</v>
      </c>
      <c r="BY38" s="73">
        <v>9</v>
      </c>
      <c r="BZ38" s="74">
        <v>11</v>
      </c>
      <c r="CA38" s="71">
        <v>0</v>
      </c>
      <c r="CB38" s="72">
        <v>0</v>
      </c>
      <c r="CC38" s="73">
        <v>0</v>
      </c>
      <c r="CD38" s="271"/>
      <c r="CE38" s="72">
        <v>0</v>
      </c>
      <c r="CF38" s="72">
        <v>0</v>
      </c>
      <c r="CG38" s="72">
        <v>0</v>
      </c>
      <c r="CH38" s="72">
        <v>0</v>
      </c>
      <c r="CI38" s="72">
        <v>0</v>
      </c>
      <c r="CJ38" s="73">
        <v>0</v>
      </c>
      <c r="CK38" s="74">
        <v>0</v>
      </c>
      <c r="CL38" s="71">
        <v>8</v>
      </c>
      <c r="CM38" s="72">
        <v>5</v>
      </c>
      <c r="CN38" s="73">
        <v>13</v>
      </c>
      <c r="CO38" s="271"/>
      <c r="CP38" s="72">
        <v>14</v>
      </c>
      <c r="CQ38" s="72">
        <v>7</v>
      </c>
      <c r="CR38" s="72">
        <v>2</v>
      </c>
      <c r="CS38" s="72">
        <v>5</v>
      </c>
      <c r="CT38" s="72">
        <v>1</v>
      </c>
      <c r="CU38" s="73">
        <v>29</v>
      </c>
      <c r="CV38" s="74">
        <v>42</v>
      </c>
      <c r="CW38" s="127">
        <v>1</v>
      </c>
      <c r="CX38" s="83">
        <v>3</v>
      </c>
      <c r="CY38" s="84">
        <v>4</v>
      </c>
      <c r="CZ38" s="271"/>
      <c r="DA38" s="83">
        <v>5</v>
      </c>
      <c r="DB38" s="83">
        <v>2</v>
      </c>
      <c r="DC38" s="83">
        <v>8</v>
      </c>
      <c r="DD38" s="83">
        <v>2</v>
      </c>
      <c r="DE38" s="83">
        <v>1</v>
      </c>
      <c r="DF38" s="85">
        <v>18</v>
      </c>
      <c r="DG38" s="86">
        <v>22</v>
      </c>
      <c r="DH38" s="71">
        <v>0</v>
      </c>
      <c r="DI38" s="72">
        <v>0</v>
      </c>
      <c r="DJ38" s="73">
        <v>0</v>
      </c>
      <c r="DK38" s="271"/>
      <c r="DL38" s="72">
        <v>0</v>
      </c>
      <c r="DM38" s="72">
        <v>0</v>
      </c>
      <c r="DN38" s="72">
        <v>0</v>
      </c>
      <c r="DO38" s="72">
        <v>0</v>
      </c>
      <c r="DP38" s="72">
        <v>0</v>
      </c>
      <c r="DQ38" s="73">
        <v>0</v>
      </c>
      <c r="DR38" s="74">
        <v>0</v>
      </c>
      <c r="DS38" s="71">
        <v>0</v>
      </c>
      <c r="DT38" s="72">
        <v>0</v>
      </c>
      <c r="DU38" s="73">
        <v>0</v>
      </c>
      <c r="DV38" s="271"/>
      <c r="DW38" s="72">
        <v>1</v>
      </c>
      <c r="DX38" s="72">
        <v>0</v>
      </c>
      <c r="DY38" s="72">
        <v>1</v>
      </c>
      <c r="DZ38" s="72">
        <v>0</v>
      </c>
      <c r="EA38" s="72">
        <v>0</v>
      </c>
      <c r="EB38" s="73">
        <v>2</v>
      </c>
      <c r="EC38" s="74">
        <v>2</v>
      </c>
      <c r="ED38" s="71">
        <v>0</v>
      </c>
      <c r="EE38" s="72">
        <v>0</v>
      </c>
      <c r="EF38" s="73">
        <v>0</v>
      </c>
      <c r="EG38" s="271"/>
      <c r="EH38" s="72">
        <v>0</v>
      </c>
      <c r="EI38" s="72">
        <v>0</v>
      </c>
      <c r="EJ38" s="72">
        <v>0</v>
      </c>
      <c r="EK38" s="72">
        <v>0</v>
      </c>
      <c r="EL38" s="72">
        <v>0</v>
      </c>
      <c r="EM38" s="73">
        <v>0</v>
      </c>
      <c r="EN38" s="74">
        <v>0</v>
      </c>
      <c r="EO38" s="71">
        <v>0</v>
      </c>
      <c r="EP38" s="72">
        <v>1</v>
      </c>
      <c r="EQ38" s="73">
        <v>1</v>
      </c>
      <c r="ER38" s="271"/>
      <c r="ES38" s="72">
        <v>1</v>
      </c>
      <c r="ET38" s="72">
        <v>1</v>
      </c>
      <c r="EU38" s="72">
        <v>1</v>
      </c>
      <c r="EV38" s="72">
        <v>0</v>
      </c>
      <c r="EW38" s="72">
        <v>0</v>
      </c>
      <c r="EX38" s="73">
        <v>3</v>
      </c>
      <c r="EY38" s="74">
        <v>4</v>
      </c>
      <c r="EZ38" s="71">
        <v>0</v>
      </c>
      <c r="FA38" s="72">
        <v>1</v>
      </c>
      <c r="FB38" s="73">
        <v>1</v>
      </c>
      <c r="FC38" s="271"/>
      <c r="FD38" s="72">
        <v>3</v>
      </c>
      <c r="FE38" s="72">
        <v>1</v>
      </c>
      <c r="FF38" s="72">
        <v>3</v>
      </c>
      <c r="FG38" s="72">
        <v>0</v>
      </c>
      <c r="FH38" s="72">
        <v>0</v>
      </c>
      <c r="FI38" s="73">
        <v>7</v>
      </c>
      <c r="FJ38" s="74">
        <v>8</v>
      </c>
      <c r="FK38" s="71">
        <v>1</v>
      </c>
      <c r="FL38" s="72">
        <v>1</v>
      </c>
      <c r="FM38" s="73">
        <v>2</v>
      </c>
      <c r="FN38" s="271"/>
      <c r="FO38" s="72">
        <v>0</v>
      </c>
      <c r="FP38" s="72">
        <v>0</v>
      </c>
      <c r="FQ38" s="72">
        <v>3</v>
      </c>
      <c r="FR38" s="72">
        <v>2</v>
      </c>
      <c r="FS38" s="72">
        <v>1</v>
      </c>
      <c r="FT38" s="73">
        <v>6</v>
      </c>
      <c r="FU38" s="74">
        <v>8</v>
      </c>
      <c r="FV38" s="71">
        <v>0</v>
      </c>
      <c r="FW38" s="72">
        <v>0</v>
      </c>
      <c r="FX38" s="73">
        <v>0</v>
      </c>
      <c r="FY38" s="271"/>
      <c r="FZ38" s="72">
        <v>0</v>
      </c>
      <c r="GA38" s="72">
        <v>0</v>
      </c>
      <c r="GB38" s="72">
        <v>0</v>
      </c>
      <c r="GC38" s="72">
        <v>0</v>
      </c>
      <c r="GD38" s="72">
        <v>0</v>
      </c>
      <c r="GE38" s="73">
        <v>0</v>
      </c>
      <c r="GF38" s="74">
        <v>0</v>
      </c>
      <c r="GG38" s="71">
        <v>1</v>
      </c>
      <c r="GH38" s="72">
        <v>3</v>
      </c>
      <c r="GI38" s="73">
        <v>4</v>
      </c>
      <c r="GJ38" s="271"/>
      <c r="GK38" s="72">
        <v>5</v>
      </c>
      <c r="GL38" s="72">
        <v>2</v>
      </c>
      <c r="GM38" s="72">
        <v>8</v>
      </c>
      <c r="GN38" s="72">
        <v>2</v>
      </c>
      <c r="GO38" s="72">
        <v>1</v>
      </c>
      <c r="GP38" s="73">
        <v>18</v>
      </c>
      <c r="GQ38" s="74">
        <v>22</v>
      </c>
      <c r="GR38" s="127">
        <v>9</v>
      </c>
      <c r="GS38" s="83">
        <v>8</v>
      </c>
      <c r="GT38" s="84">
        <v>17</v>
      </c>
      <c r="GU38" s="271"/>
      <c r="GV38" s="83">
        <v>19</v>
      </c>
      <c r="GW38" s="83">
        <v>9</v>
      </c>
      <c r="GX38" s="83">
        <v>10</v>
      </c>
      <c r="GY38" s="83">
        <v>7</v>
      </c>
      <c r="GZ38" s="83">
        <v>2</v>
      </c>
      <c r="HA38" s="85">
        <v>47</v>
      </c>
      <c r="HB38" s="86">
        <v>64</v>
      </c>
      <c r="HC38" s="71">
        <v>0</v>
      </c>
      <c r="HD38" s="72">
        <v>0</v>
      </c>
      <c r="HE38" s="73">
        <v>0</v>
      </c>
      <c r="HF38" s="271"/>
      <c r="HG38" s="72">
        <v>0</v>
      </c>
      <c r="HH38" s="72">
        <v>0</v>
      </c>
      <c r="HI38" s="72">
        <v>0</v>
      </c>
      <c r="HJ38" s="72">
        <v>0</v>
      </c>
      <c r="HK38" s="72">
        <v>0</v>
      </c>
      <c r="HL38" s="73">
        <v>0</v>
      </c>
      <c r="HM38" s="74">
        <v>0</v>
      </c>
      <c r="HN38" s="71">
        <v>0</v>
      </c>
      <c r="HO38" s="72">
        <v>0</v>
      </c>
      <c r="HP38" s="73">
        <v>0</v>
      </c>
      <c r="HQ38" s="271"/>
      <c r="HR38" s="72">
        <v>1</v>
      </c>
      <c r="HS38" s="72">
        <v>1</v>
      </c>
      <c r="HT38" s="72">
        <v>1</v>
      </c>
      <c r="HU38" s="72">
        <v>0</v>
      </c>
      <c r="HV38" s="72">
        <v>0</v>
      </c>
      <c r="HW38" s="73">
        <v>3</v>
      </c>
      <c r="HX38" s="74">
        <v>3</v>
      </c>
      <c r="HY38" s="71">
        <v>2</v>
      </c>
      <c r="HZ38" s="72">
        <v>1</v>
      </c>
      <c r="IA38" s="73">
        <v>3</v>
      </c>
      <c r="IB38" s="271"/>
      <c r="IC38" s="72">
        <v>2</v>
      </c>
      <c r="ID38" s="72">
        <v>1</v>
      </c>
      <c r="IE38" s="72">
        <v>1</v>
      </c>
      <c r="IF38" s="72">
        <v>2</v>
      </c>
      <c r="IG38" s="72">
        <v>0</v>
      </c>
      <c r="IH38" s="73">
        <v>6</v>
      </c>
      <c r="II38" s="74">
        <v>9</v>
      </c>
      <c r="IJ38" s="71">
        <v>3</v>
      </c>
      <c r="IK38" s="72">
        <v>4</v>
      </c>
      <c r="IL38" s="73">
        <v>7</v>
      </c>
      <c r="IM38" s="271"/>
      <c r="IN38" s="72">
        <v>3</v>
      </c>
      <c r="IO38" s="72">
        <v>2</v>
      </c>
      <c r="IP38" s="72">
        <v>1</v>
      </c>
      <c r="IQ38" s="72">
        <v>1</v>
      </c>
      <c r="IR38" s="72">
        <v>1</v>
      </c>
      <c r="IS38" s="73">
        <v>8</v>
      </c>
      <c r="IT38" s="74">
        <v>15</v>
      </c>
      <c r="IU38" s="71">
        <v>1</v>
      </c>
      <c r="IV38" s="72">
        <v>2</v>
      </c>
      <c r="IW38" s="73">
        <v>3</v>
      </c>
      <c r="IX38" s="271"/>
      <c r="IY38" s="72">
        <v>8</v>
      </c>
      <c r="IZ38" s="72">
        <v>3</v>
      </c>
      <c r="JA38" s="72">
        <v>4</v>
      </c>
      <c r="JB38" s="72">
        <v>0</v>
      </c>
      <c r="JC38" s="72">
        <v>0</v>
      </c>
      <c r="JD38" s="73">
        <v>15</v>
      </c>
      <c r="JE38" s="74">
        <v>18</v>
      </c>
      <c r="JF38" s="71">
        <v>3</v>
      </c>
      <c r="JG38" s="72">
        <v>1</v>
      </c>
      <c r="JH38" s="73">
        <v>4</v>
      </c>
      <c r="JI38" s="271"/>
      <c r="JJ38" s="72">
        <v>5</v>
      </c>
      <c r="JK38" s="72">
        <v>2</v>
      </c>
      <c r="JL38" s="72">
        <v>3</v>
      </c>
      <c r="JM38" s="72">
        <v>4</v>
      </c>
      <c r="JN38" s="72">
        <v>1</v>
      </c>
      <c r="JO38" s="73">
        <v>15</v>
      </c>
      <c r="JP38" s="74">
        <v>19</v>
      </c>
      <c r="JQ38" s="71">
        <v>0</v>
      </c>
      <c r="JR38" s="72">
        <v>0</v>
      </c>
      <c r="JS38" s="73">
        <v>0</v>
      </c>
      <c r="JT38" s="271"/>
      <c r="JU38" s="72">
        <v>0</v>
      </c>
      <c r="JV38" s="72">
        <v>0</v>
      </c>
      <c r="JW38" s="72">
        <v>0</v>
      </c>
      <c r="JX38" s="72">
        <v>0</v>
      </c>
      <c r="JY38" s="72">
        <v>0</v>
      </c>
      <c r="JZ38" s="73">
        <v>0</v>
      </c>
      <c r="KA38" s="74">
        <v>0</v>
      </c>
      <c r="KB38" s="71">
        <v>9</v>
      </c>
      <c r="KC38" s="72">
        <v>8</v>
      </c>
      <c r="KD38" s="73">
        <v>17</v>
      </c>
      <c r="KE38" s="274"/>
      <c r="KF38" s="72">
        <v>19</v>
      </c>
      <c r="KG38" s="72">
        <v>9</v>
      </c>
      <c r="KH38" s="72">
        <v>10</v>
      </c>
      <c r="KI38" s="72">
        <v>7</v>
      </c>
      <c r="KJ38" s="72">
        <v>2</v>
      </c>
      <c r="KK38" s="73">
        <v>47</v>
      </c>
      <c r="KL38" s="74">
        <v>64</v>
      </c>
    </row>
    <row r="39" spans="1:298" ht="19.5" customHeight="1" x14ac:dyDescent="0.2">
      <c r="A39" s="130" t="s">
        <v>36</v>
      </c>
      <c r="B39" s="353">
        <v>2</v>
      </c>
      <c r="C39" s="83">
        <v>6</v>
      </c>
      <c r="D39" s="84">
        <v>8</v>
      </c>
      <c r="E39" s="271"/>
      <c r="F39" s="83">
        <v>6</v>
      </c>
      <c r="G39" s="83">
        <v>5</v>
      </c>
      <c r="H39" s="83">
        <v>4</v>
      </c>
      <c r="I39" s="83">
        <v>6</v>
      </c>
      <c r="J39" s="83">
        <v>3</v>
      </c>
      <c r="K39" s="85">
        <v>24</v>
      </c>
      <c r="L39" s="86">
        <v>32</v>
      </c>
      <c r="M39" s="71">
        <v>0</v>
      </c>
      <c r="N39" s="72">
        <v>0</v>
      </c>
      <c r="O39" s="73">
        <v>0</v>
      </c>
      <c r="P39" s="271"/>
      <c r="Q39" s="72">
        <v>1</v>
      </c>
      <c r="R39" s="72">
        <v>0</v>
      </c>
      <c r="S39" s="72">
        <v>0</v>
      </c>
      <c r="T39" s="72">
        <v>0</v>
      </c>
      <c r="U39" s="72">
        <v>0</v>
      </c>
      <c r="V39" s="73">
        <v>1</v>
      </c>
      <c r="W39" s="74">
        <v>1</v>
      </c>
      <c r="X39" s="71">
        <v>2</v>
      </c>
      <c r="Y39" s="72">
        <v>0</v>
      </c>
      <c r="Z39" s="73">
        <v>2</v>
      </c>
      <c r="AA39" s="271"/>
      <c r="AB39" s="72">
        <v>0</v>
      </c>
      <c r="AC39" s="72">
        <v>2</v>
      </c>
      <c r="AD39" s="72">
        <v>0</v>
      </c>
      <c r="AE39" s="72">
        <v>1</v>
      </c>
      <c r="AF39" s="72">
        <v>0</v>
      </c>
      <c r="AG39" s="73">
        <v>3</v>
      </c>
      <c r="AH39" s="74">
        <v>5</v>
      </c>
      <c r="AI39" s="71">
        <v>0</v>
      </c>
      <c r="AJ39" s="72">
        <v>0</v>
      </c>
      <c r="AK39" s="73">
        <v>0</v>
      </c>
      <c r="AL39" s="271"/>
      <c r="AM39" s="72">
        <v>2</v>
      </c>
      <c r="AN39" s="72">
        <v>0</v>
      </c>
      <c r="AO39" s="72">
        <v>0</v>
      </c>
      <c r="AP39" s="72">
        <v>0</v>
      </c>
      <c r="AQ39" s="72">
        <v>1</v>
      </c>
      <c r="AR39" s="73">
        <v>3</v>
      </c>
      <c r="AS39" s="74">
        <v>3</v>
      </c>
      <c r="AT39" s="71">
        <v>0</v>
      </c>
      <c r="AU39" s="72">
        <v>3</v>
      </c>
      <c r="AV39" s="73">
        <v>3</v>
      </c>
      <c r="AW39" s="271"/>
      <c r="AX39" s="72">
        <v>1</v>
      </c>
      <c r="AY39" s="72">
        <v>2</v>
      </c>
      <c r="AZ39" s="72">
        <v>1</v>
      </c>
      <c r="BA39" s="72">
        <v>1</v>
      </c>
      <c r="BB39" s="72">
        <v>1</v>
      </c>
      <c r="BC39" s="73">
        <v>6</v>
      </c>
      <c r="BD39" s="74">
        <v>9</v>
      </c>
      <c r="BE39" s="71">
        <v>0</v>
      </c>
      <c r="BF39" s="72">
        <v>3</v>
      </c>
      <c r="BG39" s="73">
        <v>3</v>
      </c>
      <c r="BH39" s="271"/>
      <c r="BI39" s="72">
        <v>0</v>
      </c>
      <c r="BJ39" s="72">
        <v>0</v>
      </c>
      <c r="BK39" s="72">
        <v>2</v>
      </c>
      <c r="BL39" s="72">
        <v>2</v>
      </c>
      <c r="BM39" s="72">
        <v>1</v>
      </c>
      <c r="BN39" s="73">
        <v>5</v>
      </c>
      <c r="BO39" s="74">
        <v>8</v>
      </c>
      <c r="BP39" s="71">
        <v>0</v>
      </c>
      <c r="BQ39" s="72">
        <v>0</v>
      </c>
      <c r="BR39" s="73">
        <v>0</v>
      </c>
      <c r="BS39" s="271"/>
      <c r="BT39" s="72">
        <v>2</v>
      </c>
      <c r="BU39" s="72">
        <v>1</v>
      </c>
      <c r="BV39" s="72">
        <v>1</v>
      </c>
      <c r="BW39" s="72">
        <v>2</v>
      </c>
      <c r="BX39" s="72">
        <v>0</v>
      </c>
      <c r="BY39" s="73">
        <v>6</v>
      </c>
      <c r="BZ39" s="74">
        <v>6</v>
      </c>
      <c r="CA39" s="71">
        <v>0</v>
      </c>
      <c r="CB39" s="72">
        <v>0</v>
      </c>
      <c r="CC39" s="73">
        <v>0</v>
      </c>
      <c r="CD39" s="271"/>
      <c r="CE39" s="72">
        <v>0</v>
      </c>
      <c r="CF39" s="72">
        <v>0</v>
      </c>
      <c r="CG39" s="72">
        <v>0</v>
      </c>
      <c r="CH39" s="72">
        <v>0</v>
      </c>
      <c r="CI39" s="72">
        <v>0</v>
      </c>
      <c r="CJ39" s="73">
        <v>0</v>
      </c>
      <c r="CK39" s="74">
        <v>0</v>
      </c>
      <c r="CL39" s="71">
        <v>2</v>
      </c>
      <c r="CM39" s="72">
        <v>6</v>
      </c>
      <c r="CN39" s="73">
        <v>8</v>
      </c>
      <c r="CO39" s="271"/>
      <c r="CP39" s="72">
        <v>6</v>
      </c>
      <c r="CQ39" s="72">
        <v>5</v>
      </c>
      <c r="CR39" s="72">
        <v>4</v>
      </c>
      <c r="CS39" s="72">
        <v>6</v>
      </c>
      <c r="CT39" s="72">
        <v>3</v>
      </c>
      <c r="CU39" s="73">
        <v>24</v>
      </c>
      <c r="CV39" s="74">
        <v>32</v>
      </c>
      <c r="CW39" s="127">
        <v>2</v>
      </c>
      <c r="CX39" s="83">
        <v>3</v>
      </c>
      <c r="CY39" s="84">
        <v>5</v>
      </c>
      <c r="CZ39" s="271"/>
      <c r="DA39" s="83">
        <v>5</v>
      </c>
      <c r="DB39" s="83">
        <v>8</v>
      </c>
      <c r="DC39" s="83">
        <v>1</v>
      </c>
      <c r="DD39" s="83">
        <v>5</v>
      </c>
      <c r="DE39" s="83">
        <v>2</v>
      </c>
      <c r="DF39" s="85">
        <v>21</v>
      </c>
      <c r="DG39" s="86">
        <v>26</v>
      </c>
      <c r="DH39" s="71">
        <v>0</v>
      </c>
      <c r="DI39" s="72">
        <v>0</v>
      </c>
      <c r="DJ39" s="73">
        <v>0</v>
      </c>
      <c r="DK39" s="271"/>
      <c r="DL39" s="72">
        <v>0</v>
      </c>
      <c r="DM39" s="72">
        <v>0</v>
      </c>
      <c r="DN39" s="72">
        <v>0</v>
      </c>
      <c r="DO39" s="72">
        <v>0</v>
      </c>
      <c r="DP39" s="72">
        <v>0</v>
      </c>
      <c r="DQ39" s="73">
        <v>0</v>
      </c>
      <c r="DR39" s="74">
        <v>0</v>
      </c>
      <c r="DS39" s="71">
        <v>0</v>
      </c>
      <c r="DT39" s="72">
        <v>0</v>
      </c>
      <c r="DU39" s="73">
        <v>0</v>
      </c>
      <c r="DV39" s="271"/>
      <c r="DW39" s="72">
        <v>0</v>
      </c>
      <c r="DX39" s="72">
        <v>0</v>
      </c>
      <c r="DY39" s="72">
        <v>0</v>
      </c>
      <c r="DZ39" s="72">
        <v>0</v>
      </c>
      <c r="EA39" s="72">
        <v>0</v>
      </c>
      <c r="EB39" s="73">
        <v>0</v>
      </c>
      <c r="EC39" s="74">
        <v>0</v>
      </c>
      <c r="ED39" s="71">
        <v>0</v>
      </c>
      <c r="EE39" s="72">
        <v>0</v>
      </c>
      <c r="EF39" s="73">
        <v>0</v>
      </c>
      <c r="EG39" s="271"/>
      <c r="EH39" s="72">
        <v>1</v>
      </c>
      <c r="EI39" s="72">
        <v>1</v>
      </c>
      <c r="EJ39" s="72">
        <v>0</v>
      </c>
      <c r="EK39" s="72">
        <v>0</v>
      </c>
      <c r="EL39" s="72">
        <v>0</v>
      </c>
      <c r="EM39" s="73">
        <v>2</v>
      </c>
      <c r="EN39" s="74">
        <v>2</v>
      </c>
      <c r="EO39" s="71">
        <v>0</v>
      </c>
      <c r="EP39" s="72">
        <v>2</v>
      </c>
      <c r="EQ39" s="73">
        <v>2</v>
      </c>
      <c r="ER39" s="271"/>
      <c r="ES39" s="72">
        <v>0</v>
      </c>
      <c r="ET39" s="72">
        <v>1</v>
      </c>
      <c r="EU39" s="72">
        <v>1</v>
      </c>
      <c r="EV39" s="72">
        <v>0</v>
      </c>
      <c r="EW39" s="72">
        <v>0</v>
      </c>
      <c r="EX39" s="73">
        <v>2</v>
      </c>
      <c r="EY39" s="74">
        <v>4</v>
      </c>
      <c r="EZ39" s="71">
        <v>2</v>
      </c>
      <c r="FA39" s="72">
        <v>1</v>
      </c>
      <c r="FB39" s="73">
        <v>3</v>
      </c>
      <c r="FC39" s="271"/>
      <c r="FD39" s="72">
        <v>3</v>
      </c>
      <c r="FE39" s="72">
        <v>3</v>
      </c>
      <c r="FF39" s="72">
        <v>0</v>
      </c>
      <c r="FG39" s="72">
        <v>1</v>
      </c>
      <c r="FH39" s="72">
        <v>0</v>
      </c>
      <c r="FI39" s="73">
        <v>7</v>
      </c>
      <c r="FJ39" s="74">
        <v>10</v>
      </c>
      <c r="FK39" s="71">
        <v>0</v>
      </c>
      <c r="FL39" s="72">
        <v>0</v>
      </c>
      <c r="FM39" s="73">
        <v>0</v>
      </c>
      <c r="FN39" s="271"/>
      <c r="FO39" s="72">
        <v>1</v>
      </c>
      <c r="FP39" s="72">
        <v>3</v>
      </c>
      <c r="FQ39" s="72">
        <v>0</v>
      </c>
      <c r="FR39" s="72">
        <v>4</v>
      </c>
      <c r="FS39" s="72">
        <v>2</v>
      </c>
      <c r="FT39" s="73">
        <v>10</v>
      </c>
      <c r="FU39" s="74">
        <v>10</v>
      </c>
      <c r="FV39" s="71">
        <v>0</v>
      </c>
      <c r="FW39" s="72">
        <v>0</v>
      </c>
      <c r="FX39" s="73">
        <v>0</v>
      </c>
      <c r="FY39" s="271"/>
      <c r="FZ39" s="72">
        <v>0</v>
      </c>
      <c r="GA39" s="72">
        <v>0</v>
      </c>
      <c r="GB39" s="72">
        <v>0</v>
      </c>
      <c r="GC39" s="72">
        <v>0</v>
      </c>
      <c r="GD39" s="72">
        <v>0</v>
      </c>
      <c r="GE39" s="73">
        <v>0</v>
      </c>
      <c r="GF39" s="74">
        <v>0</v>
      </c>
      <c r="GG39" s="71">
        <v>2</v>
      </c>
      <c r="GH39" s="72">
        <v>3</v>
      </c>
      <c r="GI39" s="73">
        <v>5</v>
      </c>
      <c r="GJ39" s="271"/>
      <c r="GK39" s="72">
        <v>5</v>
      </c>
      <c r="GL39" s="72">
        <v>8</v>
      </c>
      <c r="GM39" s="72">
        <v>1</v>
      </c>
      <c r="GN39" s="72">
        <v>5</v>
      </c>
      <c r="GO39" s="72">
        <v>2</v>
      </c>
      <c r="GP39" s="73">
        <v>21</v>
      </c>
      <c r="GQ39" s="74">
        <v>26</v>
      </c>
      <c r="GR39" s="127">
        <v>4</v>
      </c>
      <c r="GS39" s="83">
        <v>9</v>
      </c>
      <c r="GT39" s="84">
        <v>13</v>
      </c>
      <c r="GU39" s="271"/>
      <c r="GV39" s="83">
        <v>11</v>
      </c>
      <c r="GW39" s="83">
        <v>13</v>
      </c>
      <c r="GX39" s="83">
        <v>5</v>
      </c>
      <c r="GY39" s="83">
        <v>11</v>
      </c>
      <c r="GZ39" s="83">
        <v>5</v>
      </c>
      <c r="HA39" s="85">
        <v>45</v>
      </c>
      <c r="HB39" s="86">
        <v>58</v>
      </c>
      <c r="HC39" s="71">
        <v>0</v>
      </c>
      <c r="HD39" s="72">
        <v>0</v>
      </c>
      <c r="HE39" s="73">
        <v>0</v>
      </c>
      <c r="HF39" s="271"/>
      <c r="HG39" s="72">
        <v>1</v>
      </c>
      <c r="HH39" s="72">
        <v>0</v>
      </c>
      <c r="HI39" s="72">
        <v>0</v>
      </c>
      <c r="HJ39" s="72">
        <v>0</v>
      </c>
      <c r="HK39" s="72">
        <v>0</v>
      </c>
      <c r="HL39" s="73">
        <v>1</v>
      </c>
      <c r="HM39" s="74">
        <v>1</v>
      </c>
      <c r="HN39" s="71">
        <v>2</v>
      </c>
      <c r="HO39" s="72">
        <v>0</v>
      </c>
      <c r="HP39" s="73">
        <v>2</v>
      </c>
      <c r="HQ39" s="271"/>
      <c r="HR39" s="72">
        <v>0</v>
      </c>
      <c r="HS39" s="72">
        <v>2</v>
      </c>
      <c r="HT39" s="72">
        <v>0</v>
      </c>
      <c r="HU39" s="72">
        <v>1</v>
      </c>
      <c r="HV39" s="72">
        <v>0</v>
      </c>
      <c r="HW39" s="73">
        <v>3</v>
      </c>
      <c r="HX39" s="74">
        <v>5</v>
      </c>
      <c r="HY39" s="71">
        <v>0</v>
      </c>
      <c r="HZ39" s="72">
        <v>0</v>
      </c>
      <c r="IA39" s="73">
        <v>0</v>
      </c>
      <c r="IB39" s="271"/>
      <c r="IC39" s="72">
        <v>3</v>
      </c>
      <c r="ID39" s="72">
        <v>1</v>
      </c>
      <c r="IE39" s="72">
        <v>0</v>
      </c>
      <c r="IF39" s="72">
        <v>0</v>
      </c>
      <c r="IG39" s="72">
        <v>1</v>
      </c>
      <c r="IH39" s="73">
        <v>5</v>
      </c>
      <c r="II39" s="74">
        <v>5</v>
      </c>
      <c r="IJ39" s="71">
        <v>0</v>
      </c>
      <c r="IK39" s="72">
        <v>5</v>
      </c>
      <c r="IL39" s="73">
        <v>5</v>
      </c>
      <c r="IM39" s="271"/>
      <c r="IN39" s="72">
        <v>1</v>
      </c>
      <c r="IO39" s="72">
        <v>3</v>
      </c>
      <c r="IP39" s="72">
        <v>2</v>
      </c>
      <c r="IQ39" s="72">
        <v>1</v>
      </c>
      <c r="IR39" s="72">
        <v>1</v>
      </c>
      <c r="IS39" s="73">
        <v>8</v>
      </c>
      <c r="IT39" s="74">
        <v>13</v>
      </c>
      <c r="IU39" s="71">
        <v>2</v>
      </c>
      <c r="IV39" s="72">
        <v>4</v>
      </c>
      <c r="IW39" s="73">
        <v>6</v>
      </c>
      <c r="IX39" s="271"/>
      <c r="IY39" s="72">
        <v>3</v>
      </c>
      <c r="IZ39" s="72">
        <v>3</v>
      </c>
      <c r="JA39" s="72">
        <v>2</v>
      </c>
      <c r="JB39" s="72">
        <v>3</v>
      </c>
      <c r="JC39" s="72">
        <v>1</v>
      </c>
      <c r="JD39" s="73">
        <v>12</v>
      </c>
      <c r="JE39" s="74">
        <v>18</v>
      </c>
      <c r="JF39" s="71">
        <v>0</v>
      </c>
      <c r="JG39" s="72">
        <v>0</v>
      </c>
      <c r="JH39" s="73">
        <v>0</v>
      </c>
      <c r="JI39" s="271"/>
      <c r="JJ39" s="72">
        <v>3</v>
      </c>
      <c r="JK39" s="72">
        <v>4</v>
      </c>
      <c r="JL39" s="72">
        <v>1</v>
      </c>
      <c r="JM39" s="72">
        <v>6</v>
      </c>
      <c r="JN39" s="72">
        <v>2</v>
      </c>
      <c r="JO39" s="73">
        <v>16</v>
      </c>
      <c r="JP39" s="74">
        <v>16</v>
      </c>
      <c r="JQ39" s="71">
        <v>0</v>
      </c>
      <c r="JR39" s="72">
        <v>0</v>
      </c>
      <c r="JS39" s="73">
        <v>0</v>
      </c>
      <c r="JT39" s="271"/>
      <c r="JU39" s="72">
        <v>0</v>
      </c>
      <c r="JV39" s="72">
        <v>0</v>
      </c>
      <c r="JW39" s="72">
        <v>0</v>
      </c>
      <c r="JX39" s="72">
        <v>0</v>
      </c>
      <c r="JY39" s="72">
        <v>0</v>
      </c>
      <c r="JZ39" s="73">
        <v>0</v>
      </c>
      <c r="KA39" s="74">
        <v>0</v>
      </c>
      <c r="KB39" s="71">
        <v>4</v>
      </c>
      <c r="KC39" s="72">
        <v>9</v>
      </c>
      <c r="KD39" s="73">
        <v>13</v>
      </c>
      <c r="KE39" s="274"/>
      <c r="KF39" s="72">
        <v>11</v>
      </c>
      <c r="KG39" s="72">
        <v>13</v>
      </c>
      <c r="KH39" s="72">
        <v>5</v>
      </c>
      <c r="KI39" s="72">
        <v>11</v>
      </c>
      <c r="KJ39" s="72">
        <v>5</v>
      </c>
      <c r="KK39" s="73">
        <v>45</v>
      </c>
      <c r="KL39" s="74">
        <v>58</v>
      </c>
    </row>
    <row r="40" spans="1:298" ht="19.5" customHeight="1" thickBot="1" x14ac:dyDescent="0.25">
      <c r="A40" s="131" t="s">
        <v>37</v>
      </c>
      <c r="B40" s="354">
        <v>0</v>
      </c>
      <c r="C40" s="88">
        <v>0</v>
      </c>
      <c r="D40" s="89">
        <v>0</v>
      </c>
      <c r="E40" s="272"/>
      <c r="F40" s="88">
        <v>0</v>
      </c>
      <c r="G40" s="88">
        <v>0</v>
      </c>
      <c r="H40" s="88">
        <v>0</v>
      </c>
      <c r="I40" s="88">
        <v>2</v>
      </c>
      <c r="J40" s="88">
        <v>1</v>
      </c>
      <c r="K40" s="90">
        <v>3</v>
      </c>
      <c r="L40" s="91">
        <v>3</v>
      </c>
      <c r="M40" s="75">
        <v>0</v>
      </c>
      <c r="N40" s="76">
        <v>0</v>
      </c>
      <c r="O40" s="77">
        <v>0</v>
      </c>
      <c r="P40" s="272"/>
      <c r="Q40" s="76">
        <v>0</v>
      </c>
      <c r="R40" s="76">
        <v>0</v>
      </c>
      <c r="S40" s="76">
        <v>0</v>
      </c>
      <c r="T40" s="76">
        <v>0</v>
      </c>
      <c r="U40" s="76">
        <v>0</v>
      </c>
      <c r="V40" s="77">
        <v>0</v>
      </c>
      <c r="W40" s="78">
        <v>0</v>
      </c>
      <c r="X40" s="75">
        <v>0</v>
      </c>
      <c r="Y40" s="76">
        <v>0</v>
      </c>
      <c r="Z40" s="77">
        <v>0</v>
      </c>
      <c r="AA40" s="272"/>
      <c r="AB40" s="76">
        <v>0</v>
      </c>
      <c r="AC40" s="76">
        <v>0</v>
      </c>
      <c r="AD40" s="76">
        <v>0</v>
      </c>
      <c r="AE40" s="76">
        <v>0</v>
      </c>
      <c r="AF40" s="76">
        <v>0</v>
      </c>
      <c r="AG40" s="77">
        <v>0</v>
      </c>
      <c r="AH40" s="78">
        <v>0</v>
      </c>
      <c r="AI40" s="75">
        <v>0</v>
      </c>
      <c r="AJ40" s="76">
        <v>0</v>
      </c>
      <c r="AK40" s="77">
        <v>0</v>
      </c>
      <c r="AL40" s="272"/>
      <c r="AM40" s="76">
        <v>0</v>
      </c>
      <c r="AN40" s="76">
        <v>0</v>
      </c>
      <c r="AO40" s="76">
        <v>0</v>
      </c>
      <c r="AP40" s="76">
        <v>0</v>
      </c>
      <c r="AQ40" s="76">
        <v>0</v>
      </c>
      <c r="AR40" s="77">
        <v>0</v>
      </c>
      <c r="AS40" s="78">
        <v>0</v>
      </c>
      <c r="AT40" s="75">
        <v>0</v>
      </c>
      <c r="AU40" s="76">
        <v>0</v>
      </c>
      <c r="AV40" s="77">
        <v>0</v>
      </c>
      <c r="AW40" s="272"/>
      <c r="AX40" s="76">
        <v>0</v>
      </c>
      <c r="AY40" s="76">
        <v>0</v>
      </c>
      <c r="AZ40" s="76">
        <v>0</v>
      </c>
      <c r="BA40" s="76">
        <v>1</v>
      </c>
      <c r="BB40" s="76">
        <v>1</v>
      </c>
      <c r="BC40" s="77">
        <v>2</v>
      </c>
      <c r="BD40" s="78">
        <v>2</v>
      </c>
      <c r="BE40" s="75">
        <v>0</v>
      </c>
      <c r="BF40" s="76">
        <v>0</v>
      </c>
      <c r="BG40" s="77">
        <v>0</v>
      </c>
      <c r="BH40" s="272"/>
      <c r="BI40" s="76">
        <v>0</v>
      </c>
      <c r="BJ40" s="76">
        <v>0</v>
      </c>
      <c r="BK40" s="76">
        <v>0</v>
      </c>
      <c r="BL40" s="76">
        <v>0</v>
      </c>
      <c r="BM40" s="76">
        <v>0</v>
      </c>
      <c r="BN40" s="77">
        <v>0</v>
      </c>
      <c r="BO40" s="78">
        <v>0</v>
      </c>
      <c r="BP40" s="75">
        <v>0</v>
      </c>
      <c r="BQ40" s="76">
        <v>0</v>
      </c>
      <c r="BR40" s="77">
        <v>0</v>
      </c>
      <c r="BS40" s="272"/>
      <c r="BT40" s="76">
        <v>0</v>
      </c>
      <c r="BU40" s="76">
        <v>0</v>
      </c>
      <c r="BV40" s="76">
        <v>0</v>
      </c>
      <c r="BW40" s="76">
        <v>1</v>
      </c>
      <c r="BX40" s="76">
        <v>0</v>
      </c>
      <c r="BY40" s="77">
        <v>1</v>
      </c>
      <c r="BZ40" s="78">
        <v>1</v>
      </c>
      <c r="CA40" s="75">
        <v>0</v>
      </c>
      <c r="CB40" s="76">
        <v>0</v>
      </c>
      <c r="CC40" s="77">
        <v>0</v>
      </c>
      <c r="CD40" s="272"/>
      <c r="CE40" s="76">
        <v>0</v>
      </c>
      <c r="CF40" s="76">
        <v>0</v>
      </c>
      <c r="CG40" s="76">
        <v>0</v>
      </c>
      <c r="CH40" s="76">
        <v>0</v>
      </c>
      <c r="CI40" s="76">
        <v>0</v>
      </c>
      <c r="CJ40" s="77">
        <v>0</v>
      </c>
      <c r="CK40" s="78">
        <v>0</v>
      </c>
      <c r="CL40" s="75">
        <v>0</v>
      </c>
      <c r="CM40" s="76">
        <v>0</v>
      </c>
      <c r="CN40" s="77">
        <v>0</v>
      </c>
      <c r="CO40" s="272"/>
      <c r="CP40" s="76">
        <v>0</v>
      </c>
      <c r="CQ40" s="76">
        <v>0</v>
      </c>
      <c r="CR40" s="76">
        <v>0</v>
      </c>
      <c r="CS40" s="76">
        <v>2</v>
      </c>
      <c r="CT40" s="76">
        <v>1</v>
      </c>
      <c r="CU40" s="77">
        <v>3</v>
      </c>
      <c r="CV40" s="78">
        <v>3</v>
      </c>
      <c r="CW40" s="128">
        <v>0</v>
      </c>
      <c r="CX40" s="88">
        <v>0</v>
      </c>
      <c r="CY40" s="89">
        <v>0</v>
      </c>
      <c r="CZ40" s="272"/>
      <c r="DA40" s="88">
        <v>0</v>
      </c>
      <c r="DB40" s="88">
        <v>0</v>
      </c>
      <c r="DC40" s="88">
        <v>0</v>
      </c>
      <c r="DD40" s="88">
        <v>0</v>
      </c>
      <c r="DE40" s="88">
        <v>1</v>
      </c>
      <c r="DF40" s="90">
        <v>1</v>
      </c>
      <c r="DG40" s="91">
        <v>1</v>
      </c>
      <c r="DH40" s="75">
        <v>0</v>
      </c>
      <c r="DI40" s="76">
        <v>0</v>
      </c>
      <c r="DJ40" s="77">
        <v>0</v>
      </c>
      <c r="DK40" s="272"/>
      <c r="DL40" s="76">
        <v>0</v>
      </c>
      <c r="DM40" s="76">
        <v>0</v>
      </c>
      <c r="DN40" s="76">
        <v>0</v>
      </c>
      <c r="DO40" s="76">
        <v>0</v>
      </c>
      <c r="DP40" s="76">
        <v>0</v>
      </c>
      <c r="DQ40" s="77">
        <v>0</v>
      </c>
      <c r="DR40" s="78">
        <v>0</v>
      </c>
      <c r="DS40" s="75">
        <v>0</v>
      </c>
      <c r="DT40" s="76">
        <v>0</v>
      </c>
      <c r="DU40" s="77">
        <v>0</v>
      </c>
      <c r="DV40" s="272"/>
      <c r="DW40" s="76">
        <v>0</v>
      </c>
      <c r="DX40" s="76">
        <v>0</v>
      </c>
      <c r="DY40" s="76">
        <v>0</v>
      </c>
      <c r="DZ40" s="76">
        <v>0</v>
      </c>
      <c r="EA40" s="76">
        <v>0</v>
      </c>
      <c r="EB40" s="77">
        <v>0</v>
      </c>
      <c r="EC40" s="78">
        <v>0</v>
      </c>
      <c r="ED40" s="75">
        <v>0</v>
      </c>
      <c r="EE40" s="76">
        <v>0</v>
      </c>
      <c r="EF40" s="77">
        <v>0</v>
      </c>
      <c r="EG40" s="272"/>
      <c r="EH40" s="76">
        <v>0</v>
      </c>
      <c r="EI40" s="76">
        <v>0</v>
      </c>
      <c r="EJ40" s="76">
        <v>0</v>
      </c>
      <c r="EK40" s="76">
        <v>0</v>
      </c>
      <c r="EL40" s="76">
        <v>0</v>
      </c>
      <c r="EM40" s="77">
        <v>0</v>
      </c>
      <c r="EN40" s="78">
        <v>0</v>
      </c>
      <c r="EO40" s="75">
        <v>0</v>
      </c>
      <c r="EP40" s="76">
        <v>0</v>
      </c>
      <c r="EQ40" s="77">
        <v>0</v>
      </c>
      <c r="ER40" s="272"/>
      <c r="ES40" s="76">
        <v>0</v>
      </c>
      <c r="ET40" s="76">
        <v>0</v>
      </c>
      <c r="EU40" s="76">
        <v>0</v>
      </c>
      <c r="EV40" s="76">
        <v>0</v>
      </c>
      <c r="EW40" s="76">
        <v>0</v>
      </c>
      <c r="EX40" s="77">
        <v>0</v>
      </c>
      <c r="EY40" s="78">
        <v>0</v>
      </c>
      <c r="EZ40" s="75">
        <v>0</v>
      </c>
      <c r="FA40" s="76">
        <v>0</v>
      </c>
      <c r="FB40" s="77">
        <v>0</v>
      </c>
      <c r="FC40" s="272"/>
      <c r="FD40" s="76">
        <v>0</v>
      </c>
      <c r="FE40" s="76">
        <v>0</v>
      </c>
      <c r="FF40" s="76">
        <v>0</v>
      </c>
      <c r="FG40" s="76">
        <v>0</v>
      </c>
      <c r="FH40" s="76">
        <v>0</v>
      </c>
      <c r="FI40" s="77">
        <v>0</v>
      </c>
      <c r="FJ40" s="78">
        <v>0</v>
      </c>
      <c r="FK40" s="75">
        <v>0</v>
      </c>
      <c r="FL40" s="76">
        <v>0</v>
      </c>
      <c r="FM40" s="77">
        <v>0</v>
      </c>
      <c r="FN40" s="272"/>
      <c r="FO40" s="76">
        <v>0</v>
      </c>
      <c r="FP40" s="76">
        <v>0</v>
      </c>
      <c r="FQ40" s="76">
        <v>0</v>
      </c>
      <c r="FR40" s="76">
        <v>0</v>
      </c>
      <c r="FS40" s="76">
        <v>1</v>
      </c>
      <c r="FT40" s="77">
        <v>1</v>
      </c>
      <c r="FU40" s="78">
        <v>1</v>
      </c>
      <c r="FV40" s="75">
        <v>0</v>
      </c>
      <c r="FW40" s="76">
        <v>0</v>
      </c>
      <c r="FX40" s="77">
        <v>0</v>
      </c>
      <c r="FY40" s="272"/>
      <c r="FZ40" s="76">
        <v>0</v>
      </c>
      <c r="GA40" s="76">
        <v>0</v>
      </c>
      <c r="GB40" s="76">
        <v>0</v>
      </c>
      <c r="GC40" s="76">
        <v>0</v>
      </c>
      <c r="GD40" s="76">
        <v>0</v>
      </c>
      <c r="GE40" s="77">
        <v>0</v>
      </c>
      <c r="GF40" s="78">
        <v>0</v>
      </c>
      <c r="GG40" s="75">
        <v>0</v>
      </c>
      <c r="GH40" s="76">
        <v>0</v>
      </c>
      <c r="GI40" s="77">
        <v>0</v>
      </c>
      <c r="GJ40" s="272"/>
      <c r="GK40" s="76">
        <v>0</v>
      </c>
      <c r="GL40" s="76">
        <v>0</v>
      </c>
      <c r="GM40" s="76">
        <v>0</v>
      </c>
      <c r="GN40" s="76">
        <v>0</v>
      </c>
      <c r="GO40" s="76">
        <v>1</v>
      </c>
      <c r="GP40" s="77">
        <v>1</v>
      </c>
      <c r="GQ40" s="78">
        <v>1</v>
      </c>
      <c r="GR40" s="128">
        <v>0</v>
      </c>
      <c r="GS40" s="88">
        <v>0</v>
      </c>
      <c r="GT40" s="89">
        <v>0</v>
      </c>
      <c r="GU40" s="272"/>
      <c r="GV40" s="88">
        <v>0</v>
      </c>
      <c r="GW40" s="88">
        <v>0</v>
      </c>
      <c r="GX40" s="88">
        <v>0</v>
      </c>
      <c r="GY40" s="88">
        <v>2</v>
      </c>
      <c r="GZ40" s="88">
        <v>2</v>
      </c>
      <c r="HA40" s="90">
        <v>4</v>
      </c>
      <c r="HB40" s="91">
        <v>4</v>
      </c>
      <c r="HC40" s="75">
        <v>0</v>
      </c>
      <c r="HD40" s="76">
        <v>0</v>
      </c>
      <c r="HE40" s="77">
        <v>0</v>
      </c>
      <c r="HF40" s="272"/>
      <c r="HG40" s="76">
        <v>0</v>
      </c>
      <c r="HH40" s="76">
        <v>0</v>
      </c>
      <c r="HI40" s="76">
        <v>0</v>
      </c>
      <c r="HJ40" s="76">
        <v>0</v>
      </c>
      <c r="HK40" s="76">
        <v>0</v>
      </c>
      <c r="HL40" s="77">
        <v>0</v>
      </c>
      <c r="HM40" s="78">
        <v>0</v>
      </c>
      <c r="HN40" s="75">
        <v>0</v>
      </c>
      <c r="HO40" s="76">
        <v>0</v>
      </c>
      <c r="HP40" s="77">
        <v>0</v>
      </c>
      <c r="HQ40" s="272"/>
      <c r="HR40" s="76">
        <v>0</v>
      </c>
      <c r="HS40" s="76">
        <v>0</v>
      </c>
      <c r="HT40" s="76">
        <v>0</v>
      </c>
      <c r="HU40" s="76">
        <v>0</v>
      </c>
      <c r="HV40" s="76">
        <v>0</v>
      </c>
      <c r="HW40" s="77">
        <v>0</v>
      </c>
      <c r="HX40" s="78">
        <v>0</v>
      </c>
      <c r="HY40" s="75">
        <v>0</v>
      </c>
      <c r="HZ40" s="76">
        <v>0</v>
      </c>
      <c r="IA40" s="77">
        <v>0</v>
      </c>
      <c r="IB40" s="272"/>
      <c r="IC40" s="76">
        <v>0</v>
      </c>
      <c r="ID40" s="76">
        <v>0</v>
      </c>
      <c r="IE40" s="76">
        <v>0</v>
      </c>
      <c r="IF40" s="76">
        <v>0</v>
      </c>
      <c r="IG40" s="76">
        <v>0</v>
      </c>
      <c r="IH40" s="77">
        <v>0</v>
      </c>
      <c r="II40" s="78">
        <v>0</v>
      </c>
      <c r="IJ40" s="75">
        <v>0</v>
      </c>
      <c r="IK40" s="76">
        <v>0</v>
      </c>
      <c r="IL40" s="77">
        <v>0</v>
      </c>
      <c r="IM40" s="272"/>
      <c r="IN40" s="76">
        <v>0</v>
      </c>
      <c r="IO40" s="76">
        <v>0</v>
      </c>
      <c r="IP40" s="76">
        <v>0</v>
      </c>
      <c r="IQ40" s="76">
        <v>1</v>
      </c>
      <c r="IR40" s="76">
        <v>1</v>
      </c>
      <c r="IS40" s="77">
        <v>2</v>
      </c>
      <c r="IT40" s="78">
        <v>2</v>
      </c>
      <c r="IU40" s="75">
        <v>0</v>
      </c>
      <c r="IV40" s="76">
        <v>0</v>
      </c>
      <c r="IW40" s="77">
        <v>0</v>
      </c>
      <c r="IX40" s="272"/>
      <c r="IY40" s="76">
        <v>0</v>
      </c>
      <c r="IZ40" s="76">
        <v>0</v>
      </c>
      <c r="JA40" s="76">
        <v>0</v>
      </c>
      <c r="JB40" s="76">
        <v>0</v>
      </c>
      <c r="JC40" s="76">
        <v>0</v>
      </c>
      <c r="JD40" s="77">
        <v>0</v>
      </c>
      <c r="JE40" s="78">
        <v>0</v>
      </c>
      <c r="JF40" s="75">
        <v>0</v>
      </c>
      <c r="JG40" s="76">
        <v>0</v>
      </c>
      <c r="JH40" s="77">
        <v>0</v>
      </c>
      <c r="JI40" s="272"/>
      <c r="JJ40" s="76">
        <v>0</v>
      </c>
      <c r="JK40" s="76">
        <v>0</v>
      </c>
      <c r="JL40" s="76">
        <v>0</v>
      </c>
      <c r="JM40" s="76">
        <v>1</v>
      </c>
      <c r="JN40" s="76">
        <v>1</v>
      </c>
      <c r="JO40" s="77">
        <v>2</v>
      </c>
      <c r="JP40" s="78">
        <v>2</v>
      </c>
      <c r="JQ40" s="75">
        <v>0</v>
      </c>
      <c r="JR40" s="76">
        <v>0</v>
      </c>
      <c r="JS40" s="77">
        <v>0</v>
      </c>
      <c r="JT40" s="272"/>
      <c r="JU40" s="76">
        <v>0</v>
      </c>
      <c r="JV40" s="76">
        <v>0</v>
      </c>
      <c r="JW40" s="76">
        <v>0</v>
      </c>
      <c r="JX40" s="76">
        <v>0</v>
      </c>
      <c r="JY40" s="76">
        <v>0</v>
      </c>
      <c r="JZ40" s="77">
        <v>0</v>
      </c>
      <c r="KA40" s="78">
        <v>0</v>
      </c>
      <c r="KB40" s="75">
        <v>0</v>
      </c>
      <c r="KC40" s="76">
        <v>0</v>
      </c>
      <c r="KD40" s="77">
        <v>0</v>
      </c>
      <c r="KE40" s="275"/>
      <c r="KF40" s="76">
        <v>0</v>
      </c>
      <c r="KG40" s="76">
        <v>0</v>
      </c>
      <c r="KH40" s="76">
        <v>0</v>
      </c>
      <c r="KI40" s="76">
        <v>2</v>
      </c>
      <c r="KJ40" s="76">
        <v>2</v>
      </c>
      <c r="KK40" s="77">
        <v>4</v>
      </c>
      <c r="KL40" s="78">
        <v>4</v>
      </c>
    </row>
    <row r="41" spans="1:298" ht="32.25" customHeight="1" x14ac:dyDescent="0.2">
      <c r="B41" s="344" t="s">
        <v>126</v>
      </c>
    </row>
  </sheetData>
  <mergeCells count="36">
    <mergeCell ref="EO5:EY5"/>
    <mergeCell ref="EZ5:FJ5"/>
    <mergeCell ref="A3:A5"/>
    <mergeCell ref="B3:CV3"/>
    <mergeCell ref="CW3:GQ3"/>
    <mergeCell ref="B5:L5"/>
    <mergeCell ref="M5:W5"/>
    <mergeCell ref="X5:AH5"/>
    <mergeCell ref="AI5:AS5"/>
    <mergeCell ref="AT5:BD5"/>
    <mergeCell ref="ED5:EN5"/>
    <mergeCell ref="FV4:GF5"/>
    <mergeCell ref="GG4:GQ5"/>
    <mergeCell ref="BE5:BO5"/>
    <mergeCell ref="CW5:DG5"/>
    <mergeCell ref="IU5:JE5"/>
    <mergeCell ref="GR5:HB5"/>
    <mergeCell ref="HC5:HM5"/>
    <mergeCell ref="HN5:HX5"/>
    <mergeCell ref="JF5:JP5"/>
    <mergeCell ref="E1:F1"/>
    <mergeCell ref="H1:I1"/>
    <mergeCell ref="GR3:KL3"/>
    <mergeCell ref="CL4:CV5"/>
    <mergeCell ref="CW4:FU4"/>
    <mergeCell ref="KB4:KL5"/>
    <mergeCell ref="GR4:JP4"/>
    <mergeCell ref="JQ4:KA5"/>
    <mergeCell ref="DH5:DR5"/>
    <mergeCell ref="DS5:EC5"/>
    <mergeCell ref="HY5:II5"/>
    <mergeCell ref="IJ5:IT5"/>
    <mergeCell ref="BP5:BZ5"/>
    <mergeCell ref="B4:BZ4"/>
    <mergeCell ref="CA4:CK5"/>
    <mergeCell ref="FK5:FU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9.6" x14ac:dyDescent="0.2"/>
  <cols>
    <col min="1" max="1" width="8.77734375" style="23" customWidth="1"/>
    <col min="2" max="5" width="7.77734375" style="21" customWidth="1"/>
    <col min="6" max="6" width="8.109375" style="21" customWidth="1"/>
    <col min="7" max="7" width="7.44140625" style="21" customWidth="1"/>
    <col min="8" max="8" width="9.109375" style="21" customWidth="1"/>
    <col min="9" max="9" width="7.77734375" style="21" customWidth="1"/>
    <col min="10" max="10" width="8.6640625" style="21" customWidth="1"/>
    <col min="11" max="11" width="9.33203125" style="21" customWidth="1"/>
    <col min="12" max="12" width="8.33203125" style="21" customWidth="1"/>
    <col min="13" max="25" width="7.77734375" style="21" customWidth="1"/>
    <col min="26" max="32" width="7.77734375" style="23" customWidth="1"/>
    <col min="33" max="33" width="9" style="23"/>
    <col min="34" max="34" width="8.6640625" style="23" customWidth="1"/>
    <col min="35" max="16384" width="9" style="23"/>
  </cols>
  <sheetData>
    <row r="1" spans="1:34" ht="20.25" customHeight="1" x14ac:dyDescent="0.2">
      <c r="A1" s="20" t="s">
        <v>134</v>
      </c>
      <c r="E1" s="22"/>
      <c r="F1" s="457">
        <f>第１表!F2</f>
        <v>3</v>
      </c>
      <c r="G1" s="457"/>
      <c r="H1" s="280">
        <f>第１表!G2</f>
        <v>12</v>
      </c>
      <c r="I1" s="458">
        <f>IF(H1&lt;3,H1+12-2,H1-2)</f>
        <v>10</v>
      </c>
      <c r="J1" s="458"/>
    </row>
    <row r="2" spans="1:34" ht="17.25" customHeight="1" thickBot="1" x14ac:dyDescent="0.25">
      <c r="A2" s="324"/>
      <c r="I2" s="24"/>
      <c r="J2" s="24"/>
      <c r="K2" s="24"/>
      <c r="L2" s="24"/>
      <c r="M2" s="24"/>
      <c r="N2" s="24"/>
      <c r="O2" s="25"/>
      <c r="P2" s="25"/>
      <c r="Q2" s="25"/>
    </row>
    <row r="3" spans="1:34" s="44" customFormat="1" ht="19.5" customHeight="1" thickBot="1" x14ac:dyDescent="0.25">
      <c r="A3" s="54"/>
      <c r="B3" s="454" t="s">
        <v>53</v>
      </c>
      <c r="C3" s="455"/>
      <c r="D3" s="455"/>
      <c r="E3" s="455"/>
      <c r="F3" s="455"/>
      <c r="G3" s="455"/>
      <c r="H3" s="455"/>
      <c r="I3" s="455"/>
      <c r="J3" s="455"/>
      <c r="K3" s="455"/>
      <c r="L3" s="456"/>
      <c r="M3" s="454" t="s">
        <v>54</v>
      </c>
      <c r="N3" s="455"/>
      <c r="O3" s="455"/>
      <c r="P3" s="455"/>
      <c r="Q3" s="455"/>
      <c r="R3" s="455"/>
      <c r="S3" s="455"/>
      <c r="T3" s="455"/>
      <c r="U3" s="455"/>
      <c r="V3" s="455"/>
      <c r="W3" s="456"/>
      <c r="X3" s="454" t="s">
        <v>55</v>
      </c>
      <c r="Y3" s="455"/>
      <c r="Z3" s="455"/>
      <c r="AA3" s="455"/>
      <c r="AB3" s="455"/>
      <c r="AC3" s="455"/>
      <c r="AD3" s="455"/>
      <c r="AE3" s="455"/>
      <c r="AF3" s="455"/>
      <c r="AG3" s="455"/>
      <c r="AH3" s="456"/>
    </row>
    <row r="4" spans="1:34" s="44" customFormat="1" ht="29.25" customHeight="1" thickBot="1" x14ac:dyDescent="0.25">
      <c r="A4" s="54" t="s">
        <v>42</v>
      </c>
      <c r="B4" s="55" t="s">
        <v>43</v>
      </c>
      <c r="C4" s="56" t="s">
        <v>44</v>
      </c>
      <c r="D4" s="57" t="s">
        <v>45</v>
      </c>
      <c r="E4" s="58" t="s">
        <v>46</v>
      </c>
      <c r="F4" s="56" t="s">
        <v>47</v>
      </c>
      <c r="G4" s="56" t="s">
        <v>48</v>
      </c>
      <c r="H4" s="56" t="s">
        <v>49</v>
      </c>
      <c r="I4" s="56" t="s">
        <v>50</v>
      </c>
      <c r="J4" s="56" t="s">
        <v>51</v>
      </c>
      <c r="K4" s="57" t="s">
        <v>45</v>
      </c>
      <c r="L4" s="45" t="s">
        <v>52</v>
      </c>
      <c r="M4" s="55" t="s">
        <v>43</v>
      </c>
      <c r="N4" s="56" t="s">
        <v>44</v>
      </c>
      <c r="O4" s="57" t="s">
        <v>45</v>
      </c>
      <c r="P4" s="58" t="s">
        <v>46</v>
      </c>
      <c r="Q4" s="56" t="s">
        <v>47</v>
      </c>
      <c r="R4" s="56" t="s">
        <v>48</v>
      </c>
      <c r="S4" s="56" t="s">
        <v>49</v>
      </c>
      <c r="T4" s="56" t="s">
        <v>50</v>
      </c>
      <c r="U4" s="56" t="s">
        <v>51</v>
      </c>
      <c r="V4" s="57" t="s">
        <v>45</v>
      </c>
      <c r="W4" s="45" t="s">
        <v>52</v>
      </c>
      <c r="X4" s="55" t="s">
        <v>43</v>
      </c>
      <c r="Y4" s="56" t="s">
        <v>44</v>
      </c>
      <c r="Z4" s="57" t="s">
        <v>45</v>
      </c>
      <c r="AA4" s="58" t="s">
        <v>46</v>
      </c>
      <c r="AB4" s="56" t="s">
        <v>47</v>
      </c>
      <c r="AC4" s="56" t="s">
        <v>48</v>
      </c>
      <c r="AD4" s="56" t="s">
        <v>49</v>
      </c>
      <c r="AE4" s="56" t="s">
        <v>50</v>
      </c>
      <c r="AF4" s="56" t="s">
        <v>51</v>
      </c>
      <c r="AG4" s="57" t="s">
        <v>45</v>
      </c>
      <c r="AH4" s="45" t="s">
        <v>52</v>
      </c>
    </row>
    <row r="5" spans="1:34" ht="19.5" customHeight="1" x14ac:dyDescent="0.2">
      <c r="A5" s="46" t="s">
        <v>4</v>
      </c>
      <c r="B5" s="240">
        <v>15588</v>
      </c>
      <c r="C5" s="241">
        <v>27953</v>
      </c>
      <c r="D5" s="242">
        <v>43541</v>
      </c>
      <c r="E5" s="237">
        <v>0</v>
      </c>
      <c r="F5" s="241">
        <v>58359</v>
      </c>
      <c r="G5" s="241">
        <v>59142</v>
      </c>
      <c r="H5" s="241">
        <v>33905</v>
      </c>
      <c r="I5" s="241">
        <v>26099</v>
      </c>
      <c r="J5" s="241">
        <v>15814</v>
      </c>
      <c r="K5" s="242">
        <v>193319</v>
      </c>
      <c r="L5" s="243">
        <v>236860</v>
      </c>
      <c r="M5" s="244">
        <v>269</v>
      </c>
      <c r="N5" s="241">
        <v>775</v>
      </c>
      <c r="O5" s="242">
        <v>1044</v>
      </c>
      <c r="P5" s="237">
        <v>0</v>
      </c>
      <c r="Q5" s="241">
        <v>1017</v>
      </c>
      <c r="R5" s="241">
        <v>1769</v>
      </c>
      <c r="S5" s="241">
        <v>955</v>
      </c>
      <c r="T5" s="241">
        <v>778</v>
      </c>
      <c r="U5" s="241">
        <v>722</v>
      </c>
      <c r="V5" s="242">
        <v>5241</v>
      </c>
      <c r="W5" s="243">
        <v>6285</v>
      </c>
      <c r="X5" s="240">
        <v>15857</v>
      </c>
      <c r="Y5" s="241">
        <v>28728</v>
      </c>
      <c r="Z5" s="242">
        <v>44585</v>
      </c>
      <c r="AA5" s="237">
        <v>0</v>
      </c>
      <c r="AB5" s="241">
        <v>59376</v>
      </c>
      <c r="AC5" s="241">
        <v>60911</v>
      </c>
      <c r="AD5" s="241">
        <v>34860</v>
      </c>
      <c r="AE5" s="241">
        <v>26877</v>
      </c>
      <c r="AF5" s="241">
        <v>16536</v>
      </c>
      <c r="AG5" s="242">
        <v>198560</v>
      </c>
      <c r="AH5" s="243">
        <v>243145</v>
      </c>
    </row>
    <row r="6" spans="1:34" ht="19.5" customHeight="1" x14ac:dyDescent="0.2">
      <c r="A6" s="49" t="s">
        <v>5</v>
      </c>
      <c r="B6" s="245">
        <v>5751</v>
      </c>
      <c r="C6" s="246">
        <v>12265</v>
      </c>
      <c r="D6" s="247">
        <v>18016</v>
      </c>
      <c r="E6" s="238">
        <v>0</v>
      </c>
      <c r="F6" s="246">
        <v>15588</v>
      </c>
      <c r="G6" s="246">
        <v>22543</v>
      </c>
      <c r="H6" s="246">
        <v>11236</v>
      </c>
      <c r="I6" s="246">
        <v>8737</v>
      </c>
      <c r="J6" s="246">
        <v>5331</v>
      </c>
      <c r="K6" s="247">
        <v>63435</v>
      </c>
      <c r="L6" s="248">
        <v>81451</v>
      </c>
      <c r="M6" s="249">
        <v>114</v>
      </c>
      <c r="N6" s="246">
        <v>322</v>
      </c>
      <c r="O6" s="247">
        <v>436</v>
      </c>
      <c r="P6" s="238">
        <v>0</v>
      </c>
      <c r="Q6" s="246">
        <v>208</v>
      </c>
      <c r="R6" s="246">
        <v>736</v>
      </c>
      <c r="S6" s="246">
        <v>362</v>
      </c>
      <c r="T6" s="246">
        <v>293</v>
      </c>
      <c r="U6" s="246">
        <v>276</v>
      </c>
      <c r="V6" s="247">
        <v>1875</v>
      </c>
      <c r="W6" s="248">
        <v>2311</v>
      </c>
      <c r="X6" s="245">
        <v>5865</v>
      </c>
      <c r="Y6" s="246">
        <v>12587</v>
      </c>
      <c r="Z6" s="247">
        <v>18452</v>
      </c>
      <c r="AA6" s="238">
        <v>0</v>
      </c>
      <c r="AB6" s="246">
        <v>15796</v>
      </c>
      <c r="AC6" s="246">
        <v>23279</v>
      </c>
      <c r="AD6" s="246">
        <v>11598</v>
      </c>
      <c r="AE6" s="246">
        <v>9030</v>
      </c>
      <c r="AF6" s="246">
        <v>5607</v>
      </c>
      <c r="AG6" s="247">
        <v>65310</v>
      </c>
      <c r="AH6" s="248">
        <v>83762</v>
      </c>
    </row>
    <row r="7" spans="1:34" ht="19.5" customHeight="1" x14ac:dyDescent="0.2">
      <c r="A7" s="49" t="s">
        <v>6</v>
      </c>
      <c r="B7" s="245">
        <v>2212</v>
      </c>
      <c r="C7" s="246">
        <v>3473</v>
      </c>
      <c r="D7" s="247">
        <v>5685</v>
      </c>
      <c r="E7" s="238">
        <v>0</v>
      </c>
      <c r="F7" s="246">
        <v>10705</v>
      </c>
      <c r="G7" s="246">
        <v>8531</v>
      </c>
      <c r="H7" s="246">
        <v>5508</v>
      </c>
      <c r="I7" s="246">
        <v>4539</v>
      </c>
      <c r="J7" s="246">
        <v>2770</v>
      </c>
      <c r="K7" s="247">
        <v>32053</v>
      </c>
      <c r="L7" s="248">
        <v>37738</v>
      </c>
      <c r="M7" s="249">
        <v>48</v>
      </c>
      <c r="N7" s="246">
        <v>112</v>
      </c>
      <c r="O7" s="247">
        <v>160</v>
      </c>
      <c r="P7" s="238">
        <v>0</v>
      </c>
      <c r="Q7" s="246">
        <v>224</v>
      </c>
      <c r="R7" s="246">
        <v>262</v>
      </c>
      <c r="S7" s="246">
        <v>159</v>
      </c>
      <c r="T7" s="246">
        <v>133</v>
      </c>
      <c r="U7" s="246">
        <v>135</v>
      </c>
      <c r="V7" s="247">
        <v>913</v>
      </c>
      <c r="W7" s="248">
        <v>1073</v>
      </c>
      <c r="X7" s="245">
        <v>2260</v>
      </c>
      <c r="Y7" s="246">
        <v>3585</v>
      </c>
      <c r="Z7" s="247">
        <v>5845</v>
      </c>
      <c r="AA7" s="238">
        <v>0</v>
      </c>
      <c r="AB7" s="246">
        <v>10929</v>
      </c>
      <c r="AC7" s="246">
        <v>8793</v>
      </c>
      <c r="AD7" s="246">
        <v>5667</v>
      </c>
      <c r="AE7" s="246">
        <v>4672</v>
      </c>
      <c r="AF7" s="246">
        <v>2905</v>
      </c>
      <c r="AG7" s="247">
        <v>32966</v>
      </c>
      <c r="AH7" s="248">
        <v>38811</v>
      </c>
    </row>
    <row r="8" spans="1:34" ht="19.5" customHeight="1" x14ac:dyDescent="0.2">
      <c r="A8" s="49" t="s">
        <v>14</v>
      </c>
      <c r="B8" s="245">
        <v>1120</v>
      </c>
      <c r="C8" s="246">
        <v>2611</v>
      </c>
      <c r="D8" s="247">
        <v>3731</v>
      </c>
      <c r="E8" s="238">
        <v>0</v>
      </c>
      <c r="F8" s="246">
        <v>4369</v>
      </c>
      <c r="G8" s="246">
        <v>5098</v>
      </c>
      <c r="H8" s="246">
        <v>3237</v>
      </c>
      <c r="I8" s="246">
        <v>2311</v>
      </c>
      <c r="J8" s="246">
        <v>1232</v>
      </c>
      <c r="K8" s="247">
        <v>16247</v>
      </c>
      <c r="L8" s="248">
        <v>19978</v>
      </c>
      <c r="M8" s="249">
        <v>19</v>
      </c>
      <c r="N8" s="246">
        <v>83</v>
      </c>
      <c r="O8" s="247">
        <v>102</v>
      </c>
      <c r="P8" s="238">
        <v>0</v>
      </c>
      <c r="Q8" s="246">
        <v>63</v>
      </c>
      <c r="R8" s="246">
        <v>146</v>
      </c>
      <c r="S8" s="246">
        <v>84</v>
      </c>
      <c r="T8" s="246">
        <v>77</v>
      </c>
      <c r="U8" s="246">
        <v>57</v>
      </c>
      <c r="V8" s="247">
        <v>427</v>
      </c>
      <c r="W8" s="248">
        <v>529</v>
      </c>
      <c r="X8" s="245">
        <v>1139</v>
      </c>
      <c r="Y8" s="246">
        <v>2694</v>
      </c>
      <c r="Z8" s="247">
        <v>3833</v>
      </c>
      <c r="AA8" s="238">
        <v>0</v>
      </c>
      <c r="AB8" s="246">
        <v>4432</v>
      </c>
      <c r="AC8" s="246">
        <v>5244</v>
      </c>
      <c r="AD8" s="246">
        <v>3321</v>
      </c>
      <c r="AE8" s="246">
        <v>2388</v>
      </c>
      <c r="AF8" s="246">
        <v>1289</v>
      </c>
      <c r="AG8" s="247">
        <v>16674</v>
      </c>
      <c r="AH8" s="248">
        <v>20507</v>
      </c>
    </row>
    <row r="9" spans="1:34" ht="19.5" customHeight="1" x14ac:dyDescent="0.2">
      <c r="A9" s="49" t="s">
        <v>7</v>
      </c>
      <c r="B9" s="245">
        <v>462</v>
      </c>
      <c r="C9" s="246">
        <v>765</v>
      </c>
      <c r="D9" s="247">
        <v>1227</v>
      </c>
      <c r="E9" s="238">
        <v>0</v>
      </c>
      <c r="F9" s="246">
        <v>4859</v>
      </c>
      <c r="G9" s="246">
        <v>3480</v>
      </c>
      <c r="H9" s="246">
        <v>2028</v>
      </c>
      <c r="I9" s="246">
        <v>1541</v>
      </c>
      <c r="J9" s="246">
        <v>891</v>
      </c>
      <c r="K9" s="247">
        <v>12799</v>
      </c>
      <c r="L9" s="248">
        <v>14026</v>
      </c>
      <c r="M9" s="249">
        <v>6</v>
      </c>
      <c r="N9" s="246">
        <v>10</v>
      </c>
      <c r="O9" s="247">
        <v>16</v>
      </c>
      <c r="P9" s="238">
        <v>0</v>
      </c>
      <c r="Q9" s="246">
        <v>88</v>
      </c>
      <c r="R9" s="246">
        <v>89</v>
      </c>
      <c r="S9" s="246">
        <v>50</v>
      </c>
      <c r="T9" s="246">
        <v>31</v>
      </c>
      <c r="U9" s="246">
        <v>37</v>
      </c>
      <c r="V9" s="247">
        <v>295</v>
      </c>
      <c r="W9" s="248">
        <v>311</v>
      </c>
      <c r="X9" s="245">
        <v>468</v>
      </c>
      <c r="Y9" s="246">
        <v>775</v>
      </c>
      <c r="Z9" s="247">
        <v>1243</v>
      </c>
      <c r="AA9" s="238">
        <v>0</v>
      </c>
      <c r="AB9" s="246">
        <v>4947</v>
      </c>
      <c r="AC9" s="246">
        <v>3569</v>
      </c>
      <c r="AD9" s="246">
        <v>2078</v>
      </c>
      <c r="AE9" s="246">
        <v>1572</v>
      </c>
      <c r="AF9" s="246">
        <v>928</v>
      </c>
      <c r="AG9" s="247">
        <v>13094</v>
      </c>
      <c r="AH9" s="248">
        <v>14337</v>
      </c>
    </row>
    <row r="10" spans="1:34" ht="19.5" customHeight="1" x14ac:dyDescent="0.2">
      <c r="A10" s="49" t="s">
        <v>8</v>
      </c>
      <c r="B10" s="245">
        <v>522</v>
      </c>
      <c r="C10" s="246">
        <v>633</v>
      </c>
      <c r="D10" s="247">
        <v>1155</v>
      </c>
      <c r="E10" s="238">
        <v>0</v>
      </c>
      <c r="F10" s="246">
        <v>1951</v>
      </c>
      <c r="G10" s="246">
        <v>2022</v>
      </c>
      <c r="H10" s="246">
        <v>1235</v>
      </c>
      <c r="I10" s="246">
        <v>838</v>
      </c>
      <c r="J10" s="246">
        <v>523</v>
      </c>
      <c r="K10" s="247">
        <v>6569</v>
      </c>
      <c r="L10" s="248">
        <v>7724</v>
      </c>
      <c r="M10" s="249">
        <v>9</v>
      </c>
      <c r="N10" s="246">
        <v>23</v>
      </c>
      <c r="O10" s="247">
        <v>32</v>
      </c>
      <c r="P10" s="238">
        <v>0</v>
      </c>
      <c r="Q10" s="246">
        <v>34</v>
      </c>
      <c r="R10" s="246">
        <v>63</v>
      </c>
      <c r="S10" s="246">
        <v>30</v>
      </c>
      <c r="T10" s="246">
        <v>23</v>
      </c>
      <c r="U10" s="246">
        <v>21</v>
      </c>
      <c r="V10" s="247">
        <v>171</v>
      </c>
      <c r="W10" s="248">
        <v>203</v>
      </c>
      <c r="X10" s="245">
        <v>531</v>
      </c>
      <c r="Y10" s="246">
        <v>656</v>
      </c>
      <c r="Z10" s="247">
        <v>1187</v>
      </c>
      <c r="AA10" s="238">
        <v>0</v>
      </c>
      <c r="AB10" s="246">
        <v>1985</v>
      </c>
      <c r="AC10" s="246">
        <v>2085</v>
      </c>
      <c r="AD10" s="246">
        <v>1265</v>
      </c>
      <c r="AE10" s="246">
        <v>861</v>
      </c>
      <c r="AF10" s="246">
        <v>544</v>
      </c>
      <c r="AG10" s="247">
        <v>6740</v>
      </c>
      <c r="AH10" s="248">
        <v>7927</v>
      </c>
    </row>
    <row r="11" spans="1:34" ht="19.5" customHeight="1" x14ac:dyDescent="0.2">
      <c r="A11" s="49" t="s">
        <v>9</v>
      </c>
      <c r="B11" s="245">
        <v>465</v>
      </c>
      <c r="C11" s="246">
        <v>558</v>
      </c>
      <c r="D11" s="247">
        <v>1023</v>
      </c>
      <c r="E11" s="238">
        <v>0</v>
      </c>
      <c r="F11" s="246">
        <v>1833</v>
      </c>
      <c r="G11" s="246">
        <v>1490</v>
      </c>
      <c r="H11" s="246">
        <v>1013</v>
      </c>
      <c r="I11" s="246">
        <v>827</v>
      </c>
      <c r="J11" s="246">
        <v>538</v>
      </c>
      <c r="K11" s="247">
        <v>5701</v>
      </c>
      <c r="L11" s="248">
        <v>6724</v>
      </c>
      <c r="M11" s="249">
        <v>1</v>
      </c>
      <c r="N11" s="246">
        <v>10</v>
      </c>
      <c r="O11" s="247">
        <v>11</v>
      </c>
      <c r="P11" s="238">
        <v>0</v>
      </c>
      <c r="Q11" s="246">
        <v>25</v>
      </c>
      <c r="R11" s="246">
        <v>34</v>
      </c>
      <c r="S11" s="246">
        <v>17</v>
      </c>
      <c r="T11" s="246">
        <v>19</v>
      </c>
      <c r="U11" s="246">
        <v>13</v>
      </c>
      <c r="V11" s="247">
        <v>108</v>
      </c>
      <c r="W11" s="248">
        <v>119</v>
      </c>
      <c r="X11" s="245">
        <v>466</v>
      </c>
      <c r="Y11" s="246">
        <v>568</v>
      </c>
      <c r="Z11" s="247">
        <v>1034</v>
      </c>
      <c r="AA11" s="238">
        <v>0</v>
      </c>
      <c r="AB11" s="246">
        <v>1858</v>
      </c>
      <c r="AC11" s="246">
        <v>1524</v>
      </c>
      <c r="AD11" s="246">
        <v>1030</v>
      </c>
      <c r="AE11" s="246">
        <v>846</v>
      </c>
      <c r="AF11" s="246">
        <v>551</v>
      </c>
      <c r="AG11" s="247">
        <v>5809</v>
      </c>
      <c r="AH11" s="248">
        <v>6843</v>
      </c>
    </row>
    <row r="12" spans="1:34" ht="19.5" customHeight="1" x14ac:dyDescent="0.2">
      <c r="A12" s="49" t="s">
        <v>10</v>
      </c>
      <c r="B12" s="245">
        <v>1277</v>
      </c>
      <c r="C12" s="246">
        <v>1630</v>
      </c>
      <c r="D12" s="247">
        <v>2907</v>
      </c>
      <c r="E12" s="238">
        <v>0</v>
      </c>
      <c r="F12" s="246">
        <v>3838</v>
      </c>
      <c r="G12" s="246">
        <v>2260</v>
      </c>
      <c r="H12" s="246">
        <v>1426</v>
      </c>
      <c r="I12" s="246">
        <v>1118</v>
      </c>
      <c r="J12" s="246">
        <v>795</v>
      </c>
      <c r="K12" s="247">
        <v>9437</v>
      </c>
      <c r="L12" s="248">
        <v>12344</v>
      </c>
      <c r="M12" s="249">
        <v>18</v>
      </c>
      <c r="N12" s="246">
        <v>46</v>
      </c>
      <c r="O12" s="247">
        <v>64</v>
      </c>
      <c r="P12" s="238">
        <v>0</v>
      </c>
      <c r="Q12" s="246">
        <v>91</v>
      </c>
      <c r="R12" s="246">
        <v>67</v>
      </c>
      <c r="S12" s="246">
        <v>46</v>
      </c>
      <c r="T12" s="246">
        <v>29</v>
      </c>
      <c r="U12" s="246">
        <v>31</v>
      </c>
      <c r="V12" s="247">
        <v>264</v>
      </c>
      <c r="W12" s="248">
        <v>328</v>
      </c>
      <c r="X12" s="245">
        <v>1295</v>
      </c>
      <c r="Y12" s="246">
        <v>1676</v>
      </c>
      <c r="Z12" s="247">
        <v>2971</v>
      </c>
      <c r="AA12" s="238">
        <v>0</v>
      </c>
      <c r="AB12" s="246">
        <v>3929</v>
      </c>
      <c r="AC12" s="246">
        <v>2327</v>
      </c>
      <c r="AD12" s="246">
        <v>1472</v>
      </c>
      <c r="AE12" s="246">
        <v>1147</v>
      </c>
      <c r="AF12" s="246">
        <v>826</v>
      </c>
      <c r="AG12" s="247">
        <v>9701</v>
      </c>
      <c r="AH12" s="248">
        <v>12672</v>
      </c>
    </row>
    <row r="13" spans="1:34" ht="19.5" customHeight="1" x14ac:dyDescent="0.2">
      <c r="A13" s="49" t="s">
        <v>11</v>
      </c>
      <c r="B13" s="245">
        <v>538</v>
      </c>
      <c r="C13" s="246">
        <v>555</v>
      </c>
      <c r="D13" s="247">
        <v>1093</v>
      </c>
      <c r="E13" s="238">
        <v>0</v>
      </c>
      <c r="F13" s="246">
        <v>2203</v>
      </c>
      <c r="G13" s="246">
        <v>1276</v>
      </c>
      <c r="H13" s="246">
        <v>861</v>
      </c>
      <c r="I13" s="246">
        <v>699</v>
      </c>
      <c r="J13" s="246">
        <v>389</v>
      </c>
      <c r="K13" s="247">
        <v>5428</v>
      </c>
      <c r="L13" s="248">
        <v>6521</v>
      </c>
      <c r="M13" s="249">
        <v>4</v>
      </c>
      <c r="N13" s="246">
        <v>9</v>
      </c>
      <c r="O13" s="247">
        <v>13</v>
      </c>
      <c r="P13" s="238">
        <v>0</v>
      </c>
      <c r="Q13" s="246">
        <v>36</v>
      </c>
      <c r="R13" s="246">
        <v>30</v>
      </c>
      <c r="S13" s="246">
        <v>14</v>
      </c>
      <c r="T13" s="246">
        <v>15</v>
      </c>
      <c r="U13" s="246">
        <v>13</v>
      </c>
      <c r="V13" s="247">
        <v>108</v>
      </c>
      <c r="W13" s="248">
        <v>121</v>
      </c>
      <c r="X13" s="245">
        <v>542</v>
      </c>
      <c r="Y13" s="246">
        <v>564</v>
      </c>
      <c r="Z13" s="247">
        <v>1106</v>
      </c>
      <c r="AA13" s="238">
        <v>0</v>
      </c>
      <c r="AB13" s="246">
        <v>2239</v>
      </c>
      <c r="AC13" s="246">
        <v>1306</v>
      </c>
      <c r="AD13" s="246">
        <v>875</v>
      </c>
      <c r="AE13" s="246">
        <v>714</v>
      </c>
      <c r="AF13" s="246">
        <v>402</v>
      </c>
      <c r="AG13" s="247">
        <v>5536</v>
      </c>
      <c r="AH13" s="248">
        <v>6642</v>
      </c>
    </row>
    <row r="14" spans="1:34" ht="19.5" customHeight="1" x14ac:dyDescent="0.2">
      <c r="A14" s="49" t="s">
        <v>12</v>
      </c>
      <c r="B14" s="245">
        <v>736</v>
      </c>
      <c r="C14" s="246">
        <v>958</v>
      </c>
      <c r="D14" s="247">
        <v>1694</v>
      </c>
      <c r="E14" s="238">
        <v>0</v>
      </c>
      <c r="F14" s="246">
        <v>1614</v>
      </c>
      <c r="G14" s="246">
        <v>1327</v>
      </c>
      <c r="H14" s="246">
        <v>932</v>
      </c>
      <c r="I14" s="246">
        <v>796</v>
      </c>
      <c r="J14" s="246">
        <v>471</v>
      </c>
      <c r="K14" s="247">
        <v>5140</v>
      </c>
      <c r="L14" s="248">
        <v>6834</v>
      </c>
      <c r="M14" s="249">
        <v>9</v>
      </c>
      <c r="N14" s="246">
        <v>26</v>
      </c>
      <c r="O14" s="247">
        <v>35</v>
      </c>
      <c r="P14" s="238">
        <v>0</v>
      </c>
      <c r="Q14" s="246">
        <v>20</v>
      </c>
      <c r="R14" s="246">
        <v>29</v>
      </c>
      <c r="S14" s="246">
        <v>15</v>
      </c>
      <c r="T14" s="246">
        <v>20</v>
      </c>
      <c r="U14" s="246">
        <v>17</v>
      </c>
      <c r="V14" s="247">
        <v>101</v>
      </c>
      <c r="W14" s="248">
        <v>136</v>
      </c>
      <c r="X14" s="245">
        <v>745</v>
      </c>
      <c r="Y14" s="246">
        <v>984</v>
      </c>
      <c r="Z14" s="247">
        <v>1729</v>
      </c>
      <c r="AA14" s="238">
        <v>0</v>
      </c>
      <c r="AB14" s="246">
        <v>1634</v>
      </c>
      <c r="AC14" s="246">
        <v>1356</v>
      </c>
      <c r="AD14" s="246">
        <v>947</v>
      </c>
      <c r="AE14" s="246">
        <v>816</v>
      </c>
      <c r="AF14" s="246">
        <v>488</v>
      </c>
      <c r="AG14" s="247">
        <v>5241</v>
      </c>
      <c r="AH14" s="248">
        <v>6970</v>
      </c>
    </row>
    <row r="15" spans="1:34" ht="19.5" customHeight="1" x14ac:dyDescent="0.2">
      <c r="A15" s="49" t="s">
        <v>13</v>
      </c>
      <c r="B15" s="245">
        <v>118</v>
      </c>
      <c r="C15" s="246">
        <v>228</v>
      </c>
      <c r="D15" s="247">
        <v>346</v>
      </c>
      <c r="E15" s="238">
        <v>0</v>
      </c>
      <c r="F15" s="246">
        <v>618</v>
      </c>
      <c r="G15" s="246">
        <v>621</v>
      </c>
      <c r="H15" s="246">
        <v>389</v>
      </c>
      <c r="I15" s="246">
        <v>294</v>
      </c>
      <c r="J15" s="246">
        <v>209</v>
      </c>
      <c r="K15" s="247">
        <v>2131</v>
      </c>
      <c r="L15" s="248">
        <v>2477</v>
      </c>
      <c r="M15" s="249">
        <v>0</v>
      </c>
      <c r="N15" s="246">
        <v>1</v>
      </c>
      <c r="O15" s="247">
        <v>1</v>
      </c>
      <c r="P15" s="238">
        <v>0</v>
      </c>
      <c r="Q15" s="246">
        <v>12</v>
      </c>
      <c r="R15" s="246">
        <v>15</v>
      </c>
      <c r="S15" s="246">
        <v>6</v>
      </c>
      <c r="T15" s="246">
        <v>6</v>
      </c>
      <c r="U15" s="246">
        <v>9</v>
      </c>
      <c r="V15" s="247">
        <v>48</v>
      </c>
      <c r="W15" s="248">
        <v>49</v>
      </c>
      <c r="X15" s="245">
        <v>118</v>
      </c>
      <c r="Y15" s="246">
        <v>229</v>
      </c>
      <c r="Z15" s="247">
        <v>347</v>
      </c>
      <c r="AA15" s="238">
        <v>0</v>
      </c>
      <c r="AB15" s="246">
        <v>630</v>
      </c>
      <c r="AC15" s="246">
        <v>636</v>
      </c>
      <c r="AD15" s="246">
        <v>395</v>
      </c>
      <c r="AE15" s="246">
        <v>300</v>
      </c>
      <c r="AF15" s="246">
        <v>218</v>
      </c>
      <c r="AG15" s="247">
        <v>2179</v>
      </c>
      <c r="AH15" s="248">
        <v>2526</v>
      </c>
    </row>
    <row r="16" spans="1:34" ht="19.5" customHeight="1" x14ac:dyDescent="0.2">
      <c r="A16" s="49" t="s">
        <v>15</v>
      </c>
      <c r="B16" s="245">
        <v>84</v>
      </c>
      <c r="C16" s="246">
        <v>167</v>
      </c>
      <c r="D16" s="247">
        <v>251</v>
      </c>
      <c r="E16" s="238">
        <v>0</v>
      </c>
      <c r="F16" s="246">
        <v>459</v>
      </c>
      <c r="G16" s="246">
        <v>538</v>
      </c>
      <c r="H16" s="246">
        <v>288</v>
      </c>
      <c r="I16" s="246">
        <v>205</v>
      </c>
      <c r="J16" s="246">
        <v>107</v>
      </c>
      <c r="K16" s="247">
        <v>1597</v>
      </c>
      <c r="L16" s="248">
        <v>1848</v>
      </c>
      <c r="M16" s="249">
        <v>0</v>
      </c>
      <c r="N16" s="246">
        <v>5</v>
      </c>
      <c r="O16" s="247">
        <v>5</v>
      </c>
      <c r="P16" s="238">
        <v>0</v>
      </c>
      <c r="Q16" s="246">
        <v>5</v>
      </c>
      <c r="R16" s="246">
        <v>14</v>
      </c>
      <c r="S16" s="246">
        <v>2</v>
      </c>
      <c r="T16" s="246">
        <v>4</v>
      </c>
      <c r="U16" s="246">
        <v>9</v>
      </c>
      <c r="V16" s="247">
        <v>34</v>
      </c>
      <c r="W16" s="248">
        <v>39</v>
      </c>
      <c r="X16" s="245">
        <v>84</v>
      </c>
      <c r="Y16" s="246">
        <v>172</v>
      </c>
      <c r="Z16" s="247">
        <v>256</v>
      </c>
      <c r="AA16" s="238">
        <v>0</v>
      </c>
      <c r="AB16" s="246">
        <v>464</v>
      </c>
      <c r="AC16" s="246">
        <v>552</v>
      </c>
      <c r="AD16" s="246">
        <v>290</v>
      </c>
      <c r="AE16" s="246">
        <v>209</v>
      </c>
      <c r="AF16" s="246">
        <v>116</v>
      </c>
      <c r="AG16" s="247">
        <v>1631</v>
      </c>
      <c r="AH16" s="248">
        <v>1887</v>
      </c>
    </row>
    <row r="17" spans="1:34" ht="19.5" customHeight="1" x14ac:dyDescent="0.2">
      <c r="A17" s="49" t="s">
        <v>16</v>
      </c>
      <c r="B17" s="245">
        <v>256</v>
      </c>
      <c r="C17" s="246">
        <v>379</v>
      </c>
      <c r="D17" s="247">
        <v>635</v>
      </c>
      <c r="E17" s="238">
        <v>0</v>
      </c>
      <c r="F17" s="246">
        <v>1016</v>
      </c>
      <c r="G17" s="246">
        <v>1283</v>
      </c>
      <c r="H17" s="246">
        <v>720</v>
      </c>
      <c r="I17" s="246">
        <v>504</v>
      </c>
      <c r="J17" s="246">
        <v>309</v>
      </c>
      <c r="K17" s="247">
        <v>3832</v>
      </c>
      <c r="L17" s="248">
        <v>4467</v>
      </c>
      <c r="M17" s="249">
        <v>5</v>
      </c>
      <c r="N17" s="246">
        <v>9</v>
      </c>
      <c r="O17" s="247">
        <v>14</v>
      </c>
      <c r="P17" s="238">
        <v>0</v>
      </c>
      <c r="Q17" s="246">
        <v>11</v>
      </c>
      <c r="R17" s="246">
        <v>34</v>
      </c>
      <c r="S17" s="246">
        <v>20</v>
      </c>
      <c r="T17" s="246">
        <v>13</v>
      </c>
      <c r="U17" s="246">
        <v>9</v>
      </c>
      <c r="V17" s="247">
        <v>87</v>
      </c>
      <c r="W17" s="248">
        <v>101</v>
      </c>
      <c r="X17" s="245">
        <v>261</v>
      </c>
      <c r="Y17" s="246">
        <v>388</v>
      </c>
      <c r="Z17" s="247">
        <v>649</v>
      </c>
      <c r="AA17" s="238">
        <v>0</v>
      </c>
      <c r="AB17" s="246">
        <v>1027</v>
      </c>
      <c r="AC17" s="246">
        <v>1317</v>
      </c>
      <c r="AD17" s="246">
        <v>740</v>
      </c>
      <c r="AE17" s="246">
        <v>517</v>
      </c>
      <c r="AF17" s="246">
        <v>318</v>
      </c>
      <c r="AG17" s="247">
        <v>3919</v>
      </c>
      <c r="AH17" s="248">
        <v>4568</v>
      </c>
    </row>
    <row r="18" spans="1:34" ht="19.5" customHeight="1" x14ac:dyDescent="0.2">
      <c r="A18" s="49" t="s">
        <v>17</v>
      </c>
      <c r="B18" s="245">
        <v>257</v>
      </c>
      <c r="C18" s="246">
        <v>539</v>
      </c>
      <c r="D18" s="247">
        <v>796</v>
      </c>
      <c r="E18" s="238">
        <v>0</v>
      </c>
      <c r="F18" s="246">
        <v>1107</v>
      </c>
      <c r="G18" s="246">
        <v>1548</v>
      </c>
      <c r="H18" s="246">
        <v>896</v>
      </c>
      <c r="I18" s="246">
        <v>668</v>
      </c>
      <c r="J18" s="246">
        <v>409</v>
      </c>
      <c r="K18" s="247">
        <v>4628</v>
      </c>
      <c r="L18" s="248">
        <v>5424</v>
      </c>
      <c r="M18" s="249">
        <v>3</v>
      </c>
      <c r="N18" s="246">
        <v>24</v>
      </c>
      <c r="O18" s="247">
        <v>27</v>
      </c>
      <c r="P18" s="238">
        <v>0</v>
      </c>
      <c r="Q18" s="246">
        <v>15</v>
      </c>
      <c r="R18" s="246">
        <v>53</v>
      </c>
      <c r="S18" s="246">
        <v>38</v>
      </c>
      <c r="T18" s="246">
        <v>24</v>
      </c>
      <c r="U18" s="246">
        <v>18</v>
      </c>
      <c r="V18" s="247">
        <v>148</v>
      </c>
      <c r="W18" s="248">
        <v>175</v>
      </c>
      <c r="X18" s="245">
        <v>260</v>
      </c>
      <c r="Y18" s="246">
        <v>563</v>
      </c>
      <c r="Z18" s="247">
        <v>823</v>
      </c>
      <c r="AA18" s="238">
        <v>0</v>
      </c>
      <c r="AB18" s="246">
        <v>1122</v>
      </c>
      <c r="AC18" s="246">
        <v>1601</v>
      </c>
      <c r="AD18" s="246">
        <v>934</v>
      </c>
      <c r="AE18" s="246">
        <v>692</v>
      </c>
      <c r="AF18" s="246">
        <v>427</v>
      </c>
      <c r="AG18" s="247">
        <v>4776</v>
      </c>
      <c r="AH18" s="248">
        <v>5599</v>
      </c>
    </row>
    <row r="19" spans="1:34" ht="19.5" customHeight="1" x14ac:dyDescent="0.2">
      <c r="A19" s="49" t="s">
        <v>18</v>
      </c>
      <c r="B19" s="245">
        <v>320</v>
      </c>
      <c r="C19" s="246">
        <v>641</v>
      </c>
      <c r="D19" s="247">
        <v>961</v>
      </c>
      <c r="E19" s="238">
        <v>0</v>
      </c>
      <c r="F19" s="246">
        <v>1760</v>
      </c>
      <c r="G19" s="246">
        <v>1656</v>
      </c>
      <c r="H19" s="246">
        <v>942</v>
      </c>
      <c r="I19" s="246">
        <v>677</v>
      </c>
      <c r="J19" s="246">
        <v>408</v>
      </c>
      <c r="K19" s="247">
        <v>5443</v>
      </c>
      <c r="L19" s="248">
        <v>6404</v>
      </c>
      <c r="M19" s="249">
        <v>11</v>
      </c>
      <c r="N19" s="246">
        <v>17</v>
      </c>
      <c r="O19" s="247">
        <v>28</v>
      </c>
      <c r="P19" s="238">
        <v>0</v>
      </c>
      <c r="Q19" s="246">
        <v>42</v>
      </c>
      <c r="R19" s="246">
        <v>56</v>
      </c>
      <c r="S19" s="246">
        <v>40</v>
      </c>
      <c r="T19" s="246">
        <v>27</v>
      </c>
      <c r="U19" s="246">
        <v>21</v>
      </c>
      <c r="V19" s="247">
        <v>186</v>
      </c>
      <c r="W19" s="248">
        <v>214</v>
      </c>
      <c r="X19" s="245">
        <v>331</v>
      </c>
      <c r="Y19" s="246">
        <v>658</v>
      </c>
      <c r="Z19" s="247">
        <v>989</v>
      </c>
      <c r="AA19" s="238">
        <v>0</v>
      </c>
      <c r="AB19" s="246">
        <v>1802</v>
      </c>
      <c r="AC19" s="246">
        <v>1712</v>
      </c>
      <c r="AD19" s="246">
        <v>982</v>
      </c>
      <c r="AE19" s="246">
        <v>704</v>
      </c>
      <c r="AF19" s="246">
        <v>429</v>
      </c>
      <c r="AG19" s="247">
        <v>5629</v>
      </c>
      <c r="AH19" s="248">
        <v>6618</v>
      </c>
    </row>
    <row r="20" spans="1:34" ht="19.5" customHeight="1" x14ac:dyDescent="0.2">
      <c r="A20" s="49" t="s">
        <v>19</v>
      </c>
      <c r="B20" s="245">
        <v>155</v>
      </c>
      <c r="C20" s="246">
        <v>291</v>
      </c>
      <c r="D20" s="247">
        <v>446</v>
      </c>
      <c r="E20" s="238">
        <v>0</v>
      </c>
      <c r="F20" s="246">
        <v>773</v>
      </c>
      <c r="G20" s="246">
        <v>702</v>
      </c>
      <c r="H20" s="246">
        <v>416</v>
      </c>
      <c r="I20" s="246">
        <v>269</v>
      </c>
      <c r="J20" s="246">
        <v>179</v>
      </c>
      <c r="K20" s="247">
        <v>2339</v>
      </c>
      <c r="L20" s="248">
        <v>2785</v>
      </c>
      <c r="M20" s="249">
        <v>1</v>
      </c>
      <c r="N20" s="246">
        <v>9</v>
      </c>
      <c r="O20" s="247">
        <v>10</v>
      </c>
      <c r="P20" s="238">
        <v>0</v>
      </c>
      <c r="Q20" s="246">
        <v>16</v>
      </c>
      <c r="R20" s="246">
        <v>13</v>
      </c>
      <c r="S20" s="246">
        <v>16</v>
      </c>
      <c r="T20" s="246">
        <v>9</v>
      </c>
      <c r="U20" s="246">
        <v>7</v>
      </c>
      <c r="V20" s="247">
        <v>61</v>
      </c>
      <c r="W20" s="248">
        <v>71</v>
      </c>
      <c r="X20" s="245">
        <v>156</v>
      </c>
      <c r="Y20" s="246">
        <v>300</v>
      </c>
      <c r="Z20" s="247">
        <v>456</v>
      </c>
      <c r="AA20" s="238">
        <v>0</v>
      </c>
      <c r="AB20" s="246">
        <v>789</v>
      </c>
      <c r="AC20" s="246">
        <v>715</v>
      </c>
      <c r="AD20" s="246">
        <v>432</v>
      </c>
      <c r="AE20" s="246">
        <v>278</v>
      </c>
      <c r="AF20" s="246">
        <v>186</v>
      </c>
      <c r="AG20" s="247">
        <v>2400</v>
      </c>
      <c r="AH20" s="248">
        <v>2856</v>
      </c>
    </row>
    <row r="21" spans="1:34" ht="19.5" customHeight="1" x14ac:dyDescent="0.2">
      <c r="A21" s="49" t="s">
        <v>20</v>
      </c>
      <c r="B21" s="245">
        <v>215</v>
      </c>
      <c r="C21" s="246">
        <v>445</v>
      </c>
      <c r="D21" s="247">
        <v>660</v>
      </c>
      <c r="E21" s="238">
        <v>0</v>
      </c>
      <c r="F21" s="246">
        <v>1088</v>
      </c>
      <c r="G21" s="246">
        <v>661</v>
      </c>
      <c r="H21" s="246">
        <v>444</v>
      </c>
      <c r="I21" s="246">
        <v>351</v>
      </c>
      <c r="J21" s="246">
        <v>154</v>
      </c>
      <c r="K21" s="247">
        <v>2698</v>
      </c>
      <c r="L21" s="248">
        <v>3358</v>
      </c>
      <c r="M21" s="249">
        <v>0</v>
      </c>
      <c r="N21" s="246">
        <v>19</v>
      </c>
      <c r="O21" s="247">
        <v>19</v>
      </c>
      <c r="P21" s="238">
        <v>0</v>
      </c>
      <c r="Q21" s="246">
        <v>34</v>
      </c>
      <c r="R21" s="246">
        <v>16</v>
      </c>
      <c r="S21" s="246">
        <v>16</v>
      </c>
      <c r="T21" s="246">
        <v>10</v>
      </c>
      <c r="U21" s="246">
        <v>9</v>
      </c>
      <c r="V21" s="247">
        <v>85</v>
      </c>
      <c r="W21" s="248">
        <v>104</v>
      </c>
      <c r="X21" s="245">
        <v>215</v>
      </c>
      <c r="Y21" s="246">
        <v>464</v>
      </c>
      <c r="Z21" s="247">
        <v>679</v>
      </c>
      <c r="AA21" s="238">
        <v>0</v>
      </c>
      <c r="AB21" s="246">
        <v>1122</v>
      </c>
      <c r="AC21" s="246">
        <v>677</v>
      </c>
      <c r="AD21" s="246">
        <v>460</v>
      </c>
      <c r="AE21" s="246">
        <v>361</v>
      </c>
      <c r="AF21" s="246">
        <v>163</v>
      </c>
      <c r="AG21" s="247">
        <v>2783</v>
      </c>
      <c r="AH21" s="248">
        <v>3462</v>
      </c>
    </row>
    <row r="22" spans="1:34" ht="19.5" customHeight="1" x14ac:dyDescent="0.2">
      <c r="A22" s="49" t="s">
        <v>21</v>
      </c>
      <c r="B22" s="245">
        <v>266</v>
      </c>
      <c r="C22" s="246">
        <v>444</v>
      </c>
      <c r="D22" s="247">
        <v>710</v>
      </c>
      <c r="E22" s="238">
        <v>0</v>
      </c>
      <c r="F22" s="246">
        <v>891</v>
      </c>
      <c r="G22" s="246">
        <v>1075</v>
      </c>
      <c r="H22" s="246">
        <v>573</v>
      </c>
      <c r="I22" s="246">
        <v>414</v>
      </c>
      <c r="J22" s="246">
        <v>270</v>
      </c>
      <c r="K22" s="247">
        <v>3223</v>
      </c>
      <c r="L22" s="248">
        <v>3933</v>
      </c>
      <c r="M22" s="249">
        <v>4</v>
      </c>
      <c r="N22" s="246">
        <v>13</v>
      </c>
      <c r="O22" s="247">
        <v>17</v>
      </c>
      <c r="P22" s="238">
        <v>0</v>
      </c>
      <c r="Q22" s="246">
        <v>16</v>
      </c>
      <c r="R22" s="246">
        <v>34</v>
      </c>
      <c r="S22" s="246">
        <v>9</v>
      </c>
      <c r="T22" s="246">
        <v>9</v>
      </c>
      <c r="U22" s="246">
        <v>10</v>
      </c>
      <c r="V22" s="247">
        <v>78</v>
      </c>
      <c r="W22" s="248">
        <v>95</v>
      </c>
      <c r="X22" s="245">
        <v>270</v>
      </c>
      <c r="Y22" s="246">
        <v>457</v>
      </c>
      <c r="Z22" s="247">
        <v>727</v>
      </c>
      <c r="AA22" s="238">
        <v>0</v>
      </c>
      <c r="AB22" s="246">
        <v>907</v>
      </c>
      <c r="AC22" s="246">
        <v>1109</v>
      </c>
      <c r="AD22" s="246">
        <v>582</v>
      </c>
      <c r="AE22" s="246">
        <v>423</v>
      </c>
      <c r="AF22" s="246">
        <v>280</v>
      </c>
      <c r="AG22" s="247">
        <v>3301</v>
      </c>
      <c r="AH22" s="248">
        <v>4028</v>
      </c>
    </row>
    <row r="23" spans="1:34" ht="19.5" customHeight="1" x14ac:dyDescent="0.2">
      <c r="A23" s="49" t="s">
        <v>22</v>
      </c>
      <c r="B23" s="245">
        <v>61</v>
      </c>
      <c r="C23" s="246">
        <v>160</v>
      </c>
      <c r="D23" s="247">
        <v>221</v>
      </c>
      <c r="E23" s="238">
        <v>0</v>
      </c>
      <c r="F23" s="246">
        <v>407</v>
      </c>
      <c r="G23" s="246">
        <v>368</v>
      </c>
      <c r="H23" s="246">
        <v>166</v>
      </c>
      <c r="I23" s="246">
        <v>130</v>
      </c>
      <c r="J23" s="246">
        <v>88</v>
      </c>
      <c r="K23" s="247">
        <v>1159</v>
      </c>
      <c r="L23" s="248">
        <v>1380</v>
      </c>
      <c r="M23" s="249">
        <v>0</v>
      </c>
      <c r="N23" s="246">
        <v>3</v>
      </c>
      <c r="O23" s="247">
        <v>3</v>
      </c>
      <c r="P23" s="238">
        <v>0</v>
      </c>
      <c r="Q23" s="246">
        <v>11</v>
      </c>
      <c r="R23" s="246">
        <v>7</v>
      </c>
      <c r="S23" s="246">
        <v>4</v>
      </c>
      <c r="T23" s="246">
        <v>4</v>
      </c>
      <c r="U23" s="246">
        <v>1</v>
      </c>
      <c r="V23" s="247">
        <v>27</v>
      </c>
      <c r="W23" s="248">
        <v>30</v>
      </c>
      <c r="X23" s="245">
        <v>61</v>
      </c>
      <c r="Y23" s="246">
        <v>163</v>
      </c>
      <c r="Z23" s="247">
        <v>224</v>
      </c>
      <c r="AA23" s="238">
        <v>0</v>
      </c>
      <c r="AB23" s="246">
        <v>418</v>
      </c>
      <c r="AC23" s="246">
        <v>375</v>
      </c>
      <c r="AD23" s="246">
        <v>170</v>
      </c>
      <c r="AE23" s="246">
        <v>134</v>
      </c>
      <c r="AF23" s="246">
        <v>89</v>
      </c>
      <c r="AG23" s="247">
        <v>1186</v>
      </c>
      <c r="AH23" s="248">
        <v>1410</v>
      </c>
    </row>
    <row r="24" spans="1:34" ht="19.5" customHeight="1" x14ac:dyDescent="0.2">
      <c r="A24" s="49" t="s">
        <v>23</v>
      </c>
      <c r="B24" s="245">
        <v>115</v>
      </c>
      <c r="C24" s="246">
        <v>225</v>
      </c>
      <c r="D24" s="247">
        <v>340</v>
      </c>
      <c r="E24" s="238">
        <v>0</v>
      </c>
      <c r="F24" s="246">
        <v>645</v>
      </c>
      <c r="G24" s="246">
        <v>551</v>
      </c>
      <c r="H24" s="246">
        <v>294</v>
      </c>
      <c r="I24" s="246">
        <v>243</v>
      </c>
      <c r="J24" s="246">
        <v>132</v>
      </c>
      <c r="K24" s="247">
        <v>1865</v>
      </c>
      <c r="L24" s="248">
        <v>2205</v>
      </c>
      <c r="M24" s="249">
        <v>5</v>
      </c>
      <c r="N24" s="246">
        <v>14</v>
      </c>
      <c r="O24" s="247">
        <v>19</v>
      </c>
      <c r="P24" s="238">
        <v>0</v>
      </c>
      <c r="Q24" s="246">
        <v>8</v>
      </c>
      <c r="R24" s="246">
        <v>11</v>
      </c>
      <c r="S24" s="246">
        <v>6</v>
      </c>
      <c r="T24" s="246">
        <v>7</v>
      </c>
      <c r="U24" s="246">
        <v>4</v>
      </c>
      <c r="V24" s="247">
        <v>36</v>
      </c>
      <c r="W24" s="248">
        <v>55</v>
      </c>
      <c r="X24" s="245">
        <v>120</v>
      </c>
      <c r="Y24" s="246">
        <v>239</v>
      </c>
      <c r="Z24" s="247">
        <v>359</v>
      </c>
      <c r="AA24" s="238">
        <v>0</v>
      </c>
      <c r="AB24" s="246">
        <v>653</v>
      </c>
      <c r="AC24" s="246">
        <v>562</v>
      </c>
      <c r="AD24" s="246">
        <v>300</v>
      </c>
      <c r="AE24" s="246">
        <v>250</v>
      </c>
      <c r="AF24" s="246">
        <v>136</v>
      </c>
      <c r="AG24" s="247">
        <v>1901</v>
      </c>
      <c r="AH24" s="248">
        <v>2260</v>
      </c>
    </row>
    <row r="25" spans="1:34" ht="19.5" customHeight="1" x14ac:dyDescent="0.2">
      <c r="A25" s="49" t="s">
        <v>24</v>
      </c>
      <c r="B25" s="245">
        <v>116</v>
      </c>
      <c r="C25" s="246">
        <v>87</v>
      </c>
      <c r="D25" s="247">
        <v>203</v>
      </c>
      <c r="E25" s="238">
        <v>0</v>
      </c>
      <c r="F25" s="246">
        <v>347</v>
      </c>
      <c r="G25" s="246">
        <v>235</v>
      </c>
      <c r="H25" s="246">
        <v>154</v>
      </c>
      <c r="I25" s="246">
        <v>109</v>
      </c>
      <c r="J25" s="246">
        <v>87</v>
      </c>
      <c r="K25" s="247">
        <v>932</v>
      </c>
      <c r="L25" s="248">
        <v>1135</v>
      </c>
      <c r="M25" s="249">
        <v>2</v>
      </c>
      <c r="N25" s="246">
        <v>4</v>
      </c>
      <c r="O25" s="247">
        <v>6</v>
      </c>
      <c r="P25" s="238">
        <v>0</v>
      </c>
      <c r="Q25" s="246">
        <v>5</v>
      </c>
      <c r="R25" s="246">
        <v>8</v>
      </c>
      <c r="S25" s="246">
        <v>0</v>
      </c>
      <c r="T25" s="246">
        <v>2</v>
      </c>
      <c r="U25" s="246">
        <v>2</v>
      </c>
      <c r="V25" s="247">
        <v>17</v>
      </c>
      <c r="W25" s="248">
        <v>23</v>
      </c>
      <c r="X25" s="245">
        <v>118</v>
      </c>
      <c r="Y25" s="246">
        <v>91</v>
      </c>
      <c r="Z25" s="247">
        <v>209</v>
      </c>
      <c r="AA25" s="238">
        <v>0</v>
      </c>
      <c r="AB25" s="246">
        <v>352</v>
      </c>
      <c r="AC25" s="246">
        <v>243</v>
      </c>
      <c r="AD25" s="246">
        <v>154</v>
      </c>
      <c r="AE25" s="246">
        <v>111</v>
      </c>
      <c r="AF25" s="246">
        <v>89</v>
      </c>
      <c r="AG25" s="247">
        <v>949</v>
      </c>
      <c r="AH25" s="248">
        <v>1158</v>
      </c>
    </row>
    <row r="26" spans="1:34" ht="19.5" customHeight="1" x14ac:dyDescent="0.2">
      <c r="A26" s="49" t="s">
        <v>25</v>
      </c>
      <c r="B26" s="245">
        <v>73</v>
      </c>
      <c r="C26" s="246">
        <v>132</v>
      </c>
      <c r="D26" s="247">
        <v>205</v>
      </c>
      <c r="E26" s="238">
        <v>0</v>
      </c>
      <c r="F26" s="246">
        <v>358</v>
      </c>
      <c r="G26" s="246">
        <v>252</v>
      </c>
      <c r="H26" s="246">
        <v>139</v>
      </c>
      <c r="I26" s="246">
        <v>140</v>
      </c>
      <c r="J26" s="246">
        <v>80</v>
      </c>
      <c r="K26" s="247">
        <v>969</v>
      </c>
      <c r="L26" s="248">
        <v>1174</v>
      </c>
      <c r="M26" s="249">
        <v>1</v>
      </c>
      <c r="N26" s="246">
        <v>6</v>
      </c>
      <c r="O26" s="247">
        <v>7</v>
      </c>
      <c r="P26" s="238">
        <v>0</v>
      </c>
      <c r="Q26" s="246">
        <v>9</v>
      </c>
      <c r="R26" s="246">
        <v>7</v>
      </c>
      <c r="S26" s="246">
        <v>3</v>
      </c>
      <c r="T26" s="246">
        <v>4</v>
      </c>
      <c r="U26" s="246">
        <v>3</v>
      </c>
      <c r="V26" s="247">
        <v>26</v>
      </c>
      <c r="W26" s="248">
        <v>33</v>
      </c>
      <c r="X26" s="245">
        <v>74</v>
      </c>
      <c r="Y26" s="246">
        <v>138</v>
      </c>
      <c r="Z26" s="247">
        <v>212</v>
      </c>
      <c r="AA26" s="238">
        <v>0</v>
      </c>
      <c r="AB26" s="246">
        <v>367</v>
      </c>
      <c r="AC26" s="246">
        <v>259</v>
      </c>
      <c r="AD26" s="246">
        <v>142</v>
      </c>
      <c r="AE26" s="246">
        <v>144</v>
      </c>
      <c r="AF26" s="246">
        <v>83</v>
      </c>
      <c r="AG26" s="247">
        <v>995</v>
      </c>
      <c r="AH26" s="248">
        <v>1207</v>
      </c>
    </row>
    <row r="27" spans="1:34" ht="19.5" customHeight="1" x14ac:dyDescent="0.2">
      <c r="A27" s="49" t="s">
        <v>26</v>
      </c>
      <c r="B27" s="245">
        <v>79</v>
      </c>
      <c r="C27" s="246">
        <v>104</v>
      </c>
      <c r="D27" s="247">
        <v>183</v>
      </c>
      <c r="E27" s="238">
        <v>0</v>
      </c>
      <c r="F27" s="246">
        <v>301</v>
      </c>
      <c r="G27" s="246">
        <v>238</v>
      </c>
      <c r="H27" s="246">
        <v>145</v>
      </c>
      <c r="I27" s="246">
        <v>114</v>
      </c>
      <c r="J27" s="246">
        <v>102</v>
      </c>
      <c r="K27" s="247">
        <v>900</v>
      </c>
      <c r="L27" s="248">
        <v>1083</v>
      </c>
      <c r="M27" s="249">
        <v>5</v>
      </c>
      <c r="N27" s="246">
        <v>1</v>
      </c>
      <c r="O27" s="247">
        <v>6</v>
      </c>
      <c r="P27" s="238">
        <v>0</v>
      </c>
      <c r="Q27" s="246">
        <v>6</v>
      </c>
      <c r="R27" s="246">
        <v>7</v>
      </c>
      <c r="S27" s="246">
        <v>2</v>
      </c>
      <c r="T27" s="246">
        <v>2</v>
      </c>
      <c r="U27" s="246">
        <v>3</v>
      </c>
      <c r="V27" s="247">
        <v>20</v>
      </c>
      <c r="W27" s="248">
        <v>26</v>
      </c>
      <c r="X27" s="245">
        <v>84</v>
      </c>
      <c r="Y27" s="246">
        <v>105</v>
      </c>
      <c r="Z27" s="247">
        <v>189</v>
      </c>
      <c r="AA27" s="238">
        <v>0</v>
      </c>
      <c r="AB27" s="246">
        <v>307</v>
      </c>
      <c r="AC27" s="246">
        <v>245</v>
      </c>
      <c r="AD27" s="246">
        <v>147</v>
      </c>
      <c r="AE27" s="246">
        <v>116</v>
      </c>
      <c r="AF27" s="246">
        <v>105</v>
      </c>
      <c r="AG27" s="247">
        <v>920</v>
      </c>
      <c r="AH27" s="248">
        <v>1109</v>
      </c>
    </row>
    <row r="28" spans="1:34" ht="19.5" customHeight="1" x14ac:dyDescent="0.2">
      <c r="A28" s="49" t="s">
        <v>27</v>
      </c>
      <c r="B28" s="245">
        <v>107</v>
      </c>
      <c r="C28" s="246">
        <v>154</v>
      </c>
      <c r="D28" s="247">
        <v>261</v>
      </c>
      <c r="E28" s="238">
        <v>0</v>
      </c>
      <c r="F28" s="246">
        <v>229</v>
      </c>
      <c r="G28" s="246">
        <v>201</v>
      </c>
      <c r="H28" s="246">
        <v>161</v>
      </c>
      <c r="I28" s="246">
        <v>108</v>
      </c>
      <c r="J28" s="246">
        <v>73</v>
      </c>
      <c r="K28" s="247">
        <v>772</v>
      </c>
      <c r="L28" s="248">
        <v>1033</v>
      </c>
      <c r="M28" s="249">
        <v>1</v>
      </c>
      <c r="N28" s="246">
        <v>3</v>
      </c>
      <c r="O28" s="247">
        <v>4</v>
      </c>
      <c r="P28" s="238">
        <v>0</v>
      </c>
      <c r="Q28" s="246">
        <v>6</v>
      </c>
      <c r="R28" s="246">
        <v>5</v>
      </c>
      <c r="S28" s="246">
        <v>1</v>
      </c>
      <c r="T28" s="246">
        <v>2</v>
      </c>
      <c r="U28" s="246">
        <v>2</v>
      </c>
      <c r="V28" s="247">
        <v>16</v>
      </c>
      <c r="W28" s="248">
        <v>20</v>
      </c>
      <c r="X28" s="245">
        <v>108</v>
      </c>
      <c r="Y28" s="246">
        <v>157</v>
      </c>
      <c r="Z28" s="247">
        <v>265</v>
      </c>
      <c r="AA28" s="238">
        <v>0</v>
      </c>
      <c r="AB28" s="246">
        <v>235</v>
      </c>
      <c r="AC28" s="246">
        <v>206</v>
      </c>
      <c r="AD28" s="246">
        <v>162</v>
      </c>
      <c r="AE28" s="246">
        <v>110</v>
      </c>
      <c r="AF28" s="246">
        <v>75</v>
      </c>
      <c r="AG28" s="247">
        <v>788</v>
      </c>
      <c r="AH28" s="248">
        <v>1053</v>
      </c>
    </row>
    <row r="29" spans="1:34" ht="19.5" customHeight="1" x14ac:dyDescent="0.2">
      <c r="A29" s="49" t="s">
        <v>28</v>
      </c>
      <c r="B29" s="245">
        <v>8</v>
      </c>
      <c r="C29" s="246">
        <v>22</v>
      </c>
      <c r="D29" s="247">
        <v>30</v>
      </c>
      <c r="E29" s="238">
        <v>0</v>
      </c>
      <c r="F29" s="246">
        <v>73</v>
      </c>
      <c r="G29" s="246">
        <v>94</v>
      </c>
      <c r="H29" s="246">
        <v>38</v>
      </c>
      <c r="I29" s="246">
        <v>32</v>
      </c>
      <c r="J29" s="246">
        <v>23</v>
      </c>
      <c r="K29" s="247">
        <v>260</v>
      </c>
      <c r="L29" s="248">
        <v>290</v>
      </c>
      <c r="M29" s="249">
        <v>0</v>
      </c>
      <c r="N29" s="246">
        <v>0</v>
      </c>
      <c r="O29" s="247">
        <v>0</v>
      </c>
      <c r="P29" s="238">
        <v>0</v>
      </c>
      <c r="Q29" s="246">
        <v>0</v>
      </c>
      <c r="R29" s="246">
        <v>1</v>
      </c>
      <c r="S29" s="246">
        <v>0</v>
      </c>
      <c r="T29" s="246">
        <v>0</v>
      </c>
      <c r="U29" s="246">
        <v>4</v>
      </c>
      <c r="V29" s="247">
        <v>5</v>
      </c>
      <c r="W29" s="248">
        <v>5</v>
      </c>
      <c r="X29" s="245">
        <v>8</v>
      </c>
      <c r="Y29" s="246">
        <v>22</v>
      </c>
      <c r="Z29" s="247">
        <v>30</v>
      </c>
      <c r="AA29" s="238">
        <v>0</v>
      </c>
      <c r="AB29" s="246">
        <v>73</v>
      </c>
      <c r="AC29" s="246">
        <v>95</v>
      </c>
      <c r="AD29" s="246">
        <v>38</v>
      </c>
      <c r="AE29" s="246">
        <v>32</v>
      </c>
      <c r="AF29" s="246">
        <v>27</v>
      </c>
      <c r="AG29" s="247">
        <v>265</v>
      </c>
      <c r="AH29" s="248">
        <v>295</v>
      </c>
    </row>
    <row r="30" spans="1:34" ht="19.5" customHeight="1" x14ac:dyDescent="0.2">
      <c r="A30" s="49" t="s">
        <v>29</v>
      </c>
      <c r="B30" s="245">
        <v>30</v>
      </c>
      <c r="C30" s="246">
        <v>36</v>
      </c>
      <c r="D30" s="247">
        <v>66</v>
      </c>
      <c r="E30" s="238">
        <v>0</v>
      </c>
      <c r="F30" s="246">
        <v>99</v>
      </c>
      <c r="G30" s="246">
        <v>98</v>
      </c>
      <c r="H30" s="246">
        <v>53</v>
      </c>
      <c r="I30" s="246">
        <v>46</v>
      </c>
      <c r="J30" s="246">
        <v>28</v>
      </c>
      <c r="K30" s="247">
        <v>324</v>
      </c>
      <c r="L30" s="248">
        <v>390</v>
      </c>
      <c r="M30" s="249">
        <v>1</v>
      </c>
      <c r="N30" s="246">
        <v>2</v>
      </c>
      <c r="O30" s="247">
        <v>3</v>
      </c>
      <c r="P30" s="238">
        <v>0</v>
      </c>
      <c r="Q30" s="246">
        <v>4</v>
      </c>
      <c r="R30" s="246">
        <v>2</v>
      </c>
      <c r="S30" s="246">
        <v>4</v>
      </c>
      <c r="T30" s="246">
        <v>0</v>
      </c>
      <c r="U30" s="246">
        <v>0</v>
      </c>
      <c r="V30" s="247">
        <v>10</v>
      </c>
      <c r="W30" s="248">
        <v>13</v>
      </c>
      <c r="X30" s="245">
        <v>31</v>
      </c>
      <c r="Y30" s="246">
        <v>38</v>
      </c>
      <c r="Z30" s="247">
        <v>69</v>
      </c>
      <c r="AA30" s="238">
        <v>0</v>
      </c>
      <c r="AB30" s="246">
        <v>103</v>
      </c>
      <c r="AC30" s="246">
        <v>100</v>
      </c>
      <c r="AD30" s="246">
        <v>57</v>
      </c>
      <c r="AE30" s="246">
        <v>46</v>
      </c>
      <c r="AF30" s="246">
        <v>28</v>
      </c>
      <c r="AG30" s="247">
        <v>334</v>
      </c>
      <c r="AH30" s="248">
        <v>403</v>
      </c>
    </row>
    <row r="31" spans="1:34" ht="19.5" customHeight="1" x14ac:dyDescent="0.2">
      <c r="A31" s="49" t="s">
        <v>30</v>
      </c>
      <c r="B31" s="245">
        <v>27</v>
      </c>
      <c r="C31" s="246">
        <v>27</v>
      </c>
      <c r="D31" s="247">
        <v>54</v>
      </c>
      <c r="E31" s="238">
        <v>0</v>
      </c>
      <c r="F31" s="246">
        <v>101</v>
      </c>
      <c r="G31" s="246">
        <v>90</v>
      </c>
      <c r="H31" s="246">
        <v>72</v>
      </c>
      <c r="I31" s="246">
        <v>36</v>
      </c>
      <c r="J31" s="246">
        <v>21</v>
      </c>
      <c r="K31" s="247">
        <v>320</v>
      </c>
      <c r="L31" s="248">
        <v>374</v>
      </c>
      <c r="M31" s="249">
        <v>0</v>
      </c>
      <c r="N31" s="246">
        <v>0</v>
      </c>
      <c r="O31" s="247">
        <v>0</v>
      </c>
      <c r="P31" s="238">
        <v>0</v>
      </c>
      <c r="Q31" s="246">
        <v>2</v>
      </c>
      <c r="R31" s="246">
        <v>1</v>
      </c>
      <c r="S31" s="246">
        <v>1</v>
      </c>
      <c r="T31" s="246">
        <v>4</v>
      </c>
      <c r="U31" s="246">
        <v>0</v>
      </c>
      <c r="V31" s="247">
        <v>8</v>
      </c>
      <c r="W31" s="248">
        <v>8</v>
      </c>
      <c r="X31" s="245">
        <v>27</v>
      </c>
      <c r="Y31" s="246">
        <v>27</v>
      </c>
      <c r="Z31" s="247">
        <v>54</v>
      </c>
      <c r="AA31" s="238">
        <v>0</v>
      </c>
      <c r="AB31" s="246">
        <v>103</v>
      </c>
      <c r="AC31" s="246">
        <v>91</v>
      </c>
      <c r="AD31" s="246">
        <v>73</v>
      </c>
      <c r="AE31" s="246">
        <v>40</v>
      </c>
      <c r="AF31" s="246">
        <v>21</v>
      </c>
      <c r="AG31" s="247">
        <v>328</v>
      </c>
      <c r="AH31" s="248">
        <v>382</v>
      </c>
    </row>
    <row r="32" spans="1:34" ht="19.5" customHeight="1" x14ac:dyDescent="0.2">
      <c r="A32" s="49" t="s">
        <v>31</v>
      </c>
      <c r="B32" s="245">
        <v>21</v>
      </c>
      <c r="C32" s="246">
        <v>44</v>
      </c>
      <c r="D32" s="247">
        <v>65</v>
      </c>
      <c r="E32" s="238">
        <v>0</v>
      </c>
      <c r="F32" s="246">
        <v>113</v>
      </c>
      <c r="G32" s="246">
        <v>119</v>
      </c>
      <c r="H32" s="246">
        <v>68</v>
      </c>
      <c r="I32" s="246">
        <v>27</v>
      </c>
      <c r="J32" s="246">
        <v>25</v>
      </c>
      <c r="K32" s="247">
        <v>352</v>
      </c>
      <c r="L32" s="248">
        <v>417</v>
      </c>
      <c r="M32" s="249">
        <v>0</v>
      </c>
      <c r="N32" s="246">
        <v>0</v>
      </c>
      <c r="O32" s="247">
        <v>0</v>
      </c>
      <c r="P32" s="238">
        <v>0</v>
      </c>
      <c r="Q32" s="246">
        <v>2</v>
      </c>
      <c r="R32" s="246">
        <v>1</v>
      </c>
      <c r="S32" s="246">
        <v>2</v>
      </c>
      <c r="T32" s="246">
        <v>2</v>
      </c>
      <c r="U32" s="246">
        <v>1</v>
      </c>
      <c r="V32" s="247">
        <v>8</v>
      </c>
      <c r="W32" s="248">
        <v>8</v>
      </c>
      <c r="X32" s="245">
        <v>21</v>
      </c>
      <c r="Y32" s="246">
        <v>44</v>
      </c>
      <c r="Z32" s="247">
        <v>65</v>
      </c>
      <c r="AA32" s="238">
        <v>0</v>
      </c>
      <c r="AB32" s="246">
        <v>115</v>
      </c>
      <c r="AC32" s="246">
        <v>120</v>
      </c>
      <c r="AD32" s="246">
        <v>70</v>
      </c>
      <c r="AE32" s="246">
        <v>29</v>
      </c>
      <c r="AF32" s="246">
        <v>26</v>
      </c>
      <c r="AG32" s="247">
        <v>360</v>
      </c>
      <c r="AH32" s="248">
        <v>425</v>
      </c>
    </row>
    <row r="33" spans="1:34" ht="19.5" customHeight="1" x14ac:dyDescent="0.2">
      <c r="A33" s="49" t="s">
        <v>32</v>
      </c>
      <c r="B33" s="245">
        <v>30</v>
      </c>
      <c r="C33" s="246">
        <v>49</v>
      </c>
      <c r="D33" s="247">
        <v>79</v>
      </c>
      <c r="E33" s="238">
        <v>0</v>
      </c>
      <c r="F33" s="246">
        <v>144</v>
      </c>
      <c r="G33" s="246">
        <v>118</v>
      </c>
      <c r="H33" s="246">
        <v>59</v>
      </c>
      <c r="I33" s="246">
        <v>45</v>
      </c>
      <c r="J33" s="246">
        <v>25</v>
      </c>
      <c r="K33" s="247">
        <v>391</v>
      </c>
      <c r="L33" s="248">
        <v>470</v>
      </c>
      <c r="M33" s="249">
        <v>1</v>
      </c>
      <c r="N33" s="246">
        <v>1</v>
      </c>
      <c r="O33" s="247">
        <v>2</v>
      </c>
      <c r="P33" s="238">
        <v>0</v>
      </c>
      <c r="Q33" s="246">
        <v>8</v>
      </c>
      <c r="R33" s="246">
        <v>7</v>
      </c>
      <c r="S33" s="246">
        <v>0</v>
      </c>
      <c r="T33" s="246">
        <v>3</v>
      </c>
      <c r="U33" s="246">
        <v>2</v>
      </c>
      <c r="V33" s="247">
        <v>20</v>
      </c>
      <c r="W33" s="248">
        <v>22</v>
      </c>
      <c r="X33" s="245">
        <v>31</v>
      </c>
      <c r="Y33" s="246">
        <v>50</v>
      </c>
      <c r="Z33" s="247">
        <v>81</v>
      </c>
      <c r="AA33" s="238">
        <v>0</v>
      </c>
      <c r="AB33" s="246">
        <v>152</v>
      </c>
      <c r="AC33" s="246">
        <v>125</v>
      </c>
      <c r="AD33" s="246">
        <v>59</v>
      </c>
      <c r="AE33" s="246">
        <v>48</v>
      </c>
      <c r="AF33" s="246">
        <v>27</v>
      </c>
      <c r="AG33" s="247">
        <v>411</v>
      </c>
      <c r="AH33" s="248">
        <v>492</v>
      </c>
    </row>
    <row r="34" spans="1:34" ht="19.5" customHeight="1" x14ac:dyDescent="0.2">
      <c r="A34" s="49" t="s">
        <v>33</v>
      </c>
      <c r="B34" s="245">
        <v>38</v>
      </c>
      <c r="C34" s="246">
        <v>62</v>
      </c>
      <c r="D34" s="247">
        <v>100</v>
      </c>
      <c r="E34" s="238">
        <v>0</v>
      </c>
      <c r="F34" s="246">
        <v>120</v>
      </c>
      <c r="G34" s="246">
        <v>89</v>
      </c>
      <c r="H34" s="246">
        <v>42</v>
      </c>
      <c r="I34" s="246">
        <v>27</v>
      </c>
      <c r="J34" s="246">
        <v>21</v>
      </c>
      <c r="K34" s="247">
        <v>299</v>
      </c>
      <c r="L34" s="248">
        <v>399</v>
      </c>
      <c r="M34" s="249">
        <v>0</v>
      </c>
      <c r="N34" s="246">
        <v>0</v>
      </c>
      <c r="O34" s="247">
        <v>0</v>
      </c>
      <c r="P34" s="238">
        <v>0</v>
      </c>
      <c r="Q34" s="246">
        <v>2</v>
      </c>
      <c r="R34" s="246">
        <v>0</v>
      </c>
      <c r="S34" s="246">
        <v>0</v>
      </c>
      <c r="T34" s="246">
        <v>0</v>
      </c>
      <c r="U34" s="246">
        <v>0</v>
      </c>
      <c r="V34" s="247">
        <v>2</v>
      </c>
      <c r="W34" s="248">
        <v>2</v>
      </c>
      <c r="X34" s="245">
        <v>38</v>
      </c>
      <c r="Y34" s="246">
        <v>62</v>
      </c>
      <c r="Z34" s="247">
        <v>100</v>
      </c>
      <c r="AA34" s="238">
        <v>0</v>
      </c>
      <c r="AB34" s="246">
        <v>122</v>
      </c>
      <c r="AC34" s="246">
        <v>89</v>
      </c>
      <c r="AD34" s="246">
        <v>42</v>
      </c>
      <c r="AE34" s="246">
        <v>27</v>
      </c>
      <c r="AF34" s="246">
        <v>21</v>
      </c>
      <c r="AG34" s="247">
        <v>301</v>
      </c>
      <c r="AH34" s="248">
        <v>401</v>
      </c>
    </row>
    <row r="35" spans="1:34" ht="19.5" customHeight="1" x14ac:dyDescent="0.2">
      <c r="A35" s="49" t="s">
        <v>34</v>
      </c>
      <c r="B35" s="245">
        <v>18</v>
      </c>
      <c r="C35" s="246">
        <v>31</v>
      </c>
      <c r="D35" s="247">
        <v>49</v>
      </c>
      <c r="E35" s="238">
        <v>0</v>
      </c>
      <c r="F35" s="246">
        <v>100</v>
      </c>
      <c r="G35" s="246">
        <v>62</v>
      </c>
      <c r="H35" s="246">
        <v>38</v>
      </c>
      <c r="I35" s="246">
        <v>28</v>
      </c>
      <c r="J35" s="246">
        <v>17</v>
      </c>
      <c r="K35" s="247">
        <v>245</v>
      </c>
      <c r="L35" s="248">
        <v>294</v>
      </c>
      <c r="M35" s="249">
        <v>0</v>
      </c>
      <c r="N35" s="246">
        <v>0</v>
      </c>
      <c r="O35" s="247">
        <v>0</v>
      </c>
      <c r="P35" s="238">
        <v>0</v>
      </c>
      <c r="Q35" s="246">
        <v>6</v>
      </c>
      <c r="R35" s="246">
        <v>2</v>
      </c>
      <c r="S35" s="246">
        <v>1</v>
      </c>
      <c r="T35" s="246">
        <v>1</v>
      </c>
      <c r="U35" s="246">
        <v>2</v>
      </c>
      <c r="V35" s="247">
        <v>12</v>
      </c>
      <c r="W35" s="248">
        <v>12</v>
      </c>
      <c r="X35" s="245">
        <v>18</v>
      </c>
      <c r="Y35" s="246">
        <v>31</v>
      </c>
      <c r="Z35" s="247">
        <v>49</v>
      </c>
      <c r="AA35" s="238">
        <v>0</v>
      </c>
      <c r="AB35" s="246">
        <v>106</v>
      </c>
      <c r="AC35" s="246">
        <v>64</v>
      </c>
      <c r="AD35" s="246">
        <v>39</v>
      </c>
      <c r="AE35" s="246">
        <v>29</v>
      </c>
      <c r="AF35" s="246">
        <v>19</v>
      </c>
      <c r="AG35" s="247">
        <v>257</v>
      </c>
      <c r="AH35" s="248">
        <v>306</v>
      </c>
    </row>
    <row r="36" spans="1:34" ht="19.5" customHeight="1" x14ac:dyDescent="0.2">
      <c r="A36" s="49" t="s">
        <v>35</v>
      </c>
      <c r="B36" s="245">
        <v>59</v>
      </c>
      <c r="C36" s="246">
        <v>119</v>
      </c>
      <c r="D36" s="247">
        <v>178</v>
      </c>
      <c r="E36" s="238">
        <v>0</v>
      </c>
      <c r="F36" s="246">
        <v>349</v>
      </c>
      <c r="G36" s="246">
        <v>244</v>
      </c>
      <c r="H36" s="246">
        <v>146</v>
      </c>
      <c r="I36" s="246">
        <v>116</v>
      </c>
      <c r="J36" s="246">
        <v>40</v>
      </c>
      <c r="K36" s="247">
        <v>895</v>
      </c>
      <c r="L36" s="248">
        <v>1073</v>
      </c>
      <c r="M36" s="249">
        <v>1</v>
      </c>
      <c r="N36" s="246">
        <v>3</v>
      </c>
      <c r="O36" s="247">
        <v>4</v>
      </c>
      <c r="P36" s="238">
        <v>0</v>
      </c>
      <c r="Q36" s="246">
        <v>4</v>
      </c>
      <c r="R36" s="246">
        <v>7</v>
      </c>
      <c r="S36" s="246">
        <v>1</v>
      </c>
      <c r="T36" s="246">
        <v>0</v>
      </c>
      <c r="U36" s="246">
        <v>2</v>
      </c>
      <c r="V36" s="247">
        <v>14</v>
      </c>
      <c r="W36" s="248">
        <v>18</v>
      </c>
      <c r="X36" s="245">
        <v>60</v>
      </c>
      <c r="Y36" s="246">
        <v>122</v>
      </c>
      <c r="Z36" s="247">
        <v>182</v>
      </c>
      <c r="AA36" s="238">
        <v>0</v>
      </c>
      <c r="AB36" s="246">
        <v>353</v>
      </c>
      <c r="AC36" s="246">
        <v>251</v>
      </c>
      <c r="AD36" s="246">
        <v>147</v>
      </c>
      <c r="AE36" s="246">
        <v>116</v>
      </c>
      <c r="AF36" s="246">
        <v>42</v>
      </c>
      <c r="AG36" s="247">
        <v>909</v>
      </c>
      <c r="AH36" s="248">
        <v>1091</v>
      </c>
    </row>
    <row r="37" spans="1:34" ht="19.5" customHeight="1" x14ac:dyDescent="0.2">
      <c r="A37" s="49" t="s">
        <v>36</v>
      </c>
      <c r="B37" s="245">
        <v>47</v>
      </c>
      <c r="C37" s="246">
        <v>109</v>
      </c>
      <c r="D37" s="247">
        <v>156</v>
      </c>
      <c r="E37" s="238">
        <v>0</v>
      </c>
      <c r="F37" s="246">
        <v>272</v>
      </c>
      <c r="G37" s="246">
        <v>246</v>
      </c>
      <c r="H37" s="246">
        <v>170</v>
      </c>
      <c r="I37" s="246">
        <v>103</v>
      </c>
      <c r="J37" s="246">
        <v>63</v>
      </c>
      <c r="K37" s="247">
        <v>854</v>
      </c>
      <c r="L37" s="248">
        <v>1010</v>
      </c>
      <c r="M37" s="249">
        <v>0</v>
      </c>
      <c r="N37" s="246">
        <v>0</v>
      </c>
      <c r="O37" s="247">
        <v>0</v>
      </c>
      <c r="P37" s="238">
        <v>0</v>
      </c>
      <c r="Q37" s="246">
        <v>4</v>
      </c>
      <c r="R37" s="246">
        <v>11</v>
      </c>
      <c r="S37" s="246">
        <v>5</v>
      </c>
      <c r="T37" s="246">
        <v>3</v>
      </c>
      <c r="U37" s="246">
        <v>4</v>
      </c>
      <c r="V37" s="247">
        <v>27</v>
      </c>
      <c r="W37" s="248">
        <v>27</v>
      </c>
      <c r="X37" s="245">
        <v>47</v>
      </c>
      <c r="Y37" s="246">
        <v>109</v>
      </c>
      <c r="Z37" s="247">
        <v>156</v>
      </c>
      <c r="AA37" s="238">
        <v>0</v>
      </c>
      <c r="AB37" s="246">
        <v>276</v>
      </c>
      <c r="AC37" s="246">
        <v>257</v>
      </c>
      <c r="AD37" s="246">
        <v>175</v>
      </c>
      <c r="AE37" s="246">
        <v>106</v>
      </c>
      <c r="AF37" s="246">
        <v>67</v>
      </c>
      <c r="AG37" s="247">
        <v>881</v>
      </c>
      <c r="AH37" s="248">
        <v>1037</v>
      </c>
    </row>
    <row r="38" spans="1:34" ht="19.5" customHeight="1" thickBot="1" x14ac:dyDescent="0.25">
      <c r="A38" s="50" t="s">
        <v>37</v>
      </c>
      <c r="B38" s="250">
        <v>5</v>
      </c>
      <c r="C38" s="251">
        <v>10</v>
      </c>
      <c r="D38" s="252">
        <v>15</v>
      </c>
      <c r="E38" s="239">
        <v>0</v>
      </c>
      <c r="F38" s="251">
        <v>29</v>
      </c>
      <c r="G38" s="251">
        <v>26</v>
      </c>
      <c r="H38" s="251">
        <v>16</v>
      </c>
      <c r="I38" s="251">
        <v>7</v>
      </c>
      <c r="J38" s="251">
        <v>4</v>
      </c>
      <c r="K38" s="252">
        <v>82</v>
      </c>
      <c r="L38" s="253">
        <v>97</v>
      </c>
      <c r="M38" s="254">
        <v>0</v>
      </c>
      <c r="N38" s="251">
        <v>0</v>
      </c>
      <c r="O38" s="252">
        <v>0</v>
      </c>
      <c r="P38" s="239">
        <v>0</v>
      </c>
      <c r="Q38" s="251">
        <v>0</v>
      </c>
      <c r="R38" s="251">
        <v>1</v>
      </c>
      <c r="S38" s="251">
        <v>1</v>
      </c>
      <c r="T38" s="251">
        <v>2</v>
      </c>
      <c r="U38" s="251">
        <v>0</v>
      </c>
      <c r="V38" s="252">
        <v>4</v>
      </c>
      <c r="W38" s="253">
        <v>4</v>
      </c>
      <c r="X38" s="250">
        <v>5</v>
      </c>
      <c r="Y38" s="251">
        <v>10</v>
      </c>
      <c r="Z38" s="252">
        <v>15</v>
      </c>
      <c r="AA38" s="239">
        <v>0</v>
      </c>
      <c r="AB38" s="251">
        <v>29</v>
      </c>
      <c r="AC38" s="251">
        <v>27</v>
      </c>
      <c r="AD38" s="251">
        <v>17</v>
      </c>
      <c r="AE38" s="251">
        <v>9</v>
      </c>
      <c r="AF38" s="251">
        <v>4</v>
      </c>
      <c r="AG38" s="252">
        <v>86</v>
      </c>
      <c r="AH38" s="253">
        <v>101</v>
      </c>
    </row>
    <row r="39" spans="1:34" x14ac:dyDescent="0.2">
      <c r="Z39" s="21"/>
      <c r="AA39" s="21"/>
      <c r="AB39" s="21"/>
      <c r="AC39" s="21"/>
      <c r="AD39" s="21"/>
      <c r="AE39" s="21"/>
      <c r="AF39" s="21"/>
      <c r="AG39" s="21"/>
      <c r="AH39" s="21"/>
    </row>
  </sheetData>
  <mergeCells count="5">
    <mergeCell ref="B3:L3"/>
    <mergeCell ref="M3:W3"/>
    <mergeCell ref="X3:AH3"/>
    <mergeCell ref="F1:G1"/>
    <mergeCell ref="I1:J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88"/>
    <col min="4" max="4" width="10.33203125" style="288" customWidth="1"/>
    <col min="5" max="5" width="7.6640625" style="288" customWidth="1"/>
    <col min="6" max="6" width="10.21875" style="288" customWidth="1"/>
    <col min="7" max="7" width="10.44140625" style="288" customWidth="1"/>
    <col min="8" max="15" width="9" style="288"/>
    <col min="16" max="16" width="7.21875" style="288" customWidth="1"/>
    <col min="17" max="26" width="9" style="288"/>
    <col min="27" max="27" width="7.6640625" style="288" customWidth="1"/>
    <col min="28" max="37" width="9" style="288"/>
    <col min="38" max="38" width="7.6640625" style="288" customWidth="1"/>
    <col min="39" max="48" width="9" style="288"/>
    <col min="49" max="49" width="7.21875" style="288" customWidth="1"/>
    <col min="50" max="59" width="9" style="288"/>
    <col min="60" max="60" width="7.21875" style="288" customWidth="1"/>
    <col min="61" max="70" width="9" style="288"/>
    <col min="71" max="71" width="7.33203125" style="288" customWidth="1"/>
    <col min="72" max="81" width="9" style="288"/>
    <col min="82" max="82" width="7.44140625" style="288" customWidth="1"/>
    <col min="83" max="92" width="9" style="288"/>
    <col min="93" max="93" width="7.6640625" style="288" customWidth="1"/>
    <col min="94" max="103" width="9" style="288"/>
    <col min="104" max="104" width="7.44140625" style="288" customWidth="1"/>
    <col min="105" max="114" width="9" style="288"/>
    <col min="115" max="115" width="7.44140625" style="288" customWidth="1"/>
    <col min="116" max="125" width="9" style="288"/>
    <col min="126" max="126" width="7.44140625" style="288" customWidth="1"/>
    <col min="127" max="136" width="9" style="288"/>
    <col min="137" max="137" width="7.33203125" style="288" customWidth="1"/>
    <col min="138" max="147" width="9" style="288"/>
    <col min="148" max="148" width="7.77734375" style="288" customWidth="1"/>
    <col min="149" max="16384" width="9" style="288"/>
  </cols>
  <sheetData>
    <row r="1" spans="1:155" ht="24" customHeight="1" x14ac:dyDescent="0.2">
      <c r="A1" s="323" t="s">
        <v>122</v>
      </c>
      <c r="H1" s="457">
        <f>第１表!F2</f>
        <v>3</v>
      </c>
      <c r="I1" s="457"/>
      <c r="J1" s="280">
        <f>第１表!G2</f>
        <v>12</v>
      </c>
      <c r="K1" s="458">
        <f>IF(J1&lt;3,J1+12-2,J1-2)</f>
        <v>10</v>
      </c>
      <c r="L1" s="458"/>
    </row>
    <row r="2" spans="1:155" ht="21" customHeight="1" thickBot="1" x14ac:dyDescent="0.25">
      <c r="A2" s="323" t="s">
        <v>138</v>
      </c>
      <c r="F2" s="279"/>
      <c r="G2" s="280"/>
      <c r="I2" s="287"/>
      <c r="J2" s="287"/>
    </row>
    <row r="3" spans="1:155" ht="23.25" customHeight="1" thickBot="1" x14ac:dyDescent="0.25">
      <c r="A3" s="466"/>
      <c r="B3" s="469" t="s">
        <v>70</v>
      </c>
      <c r="C3" s="470"/>
      <c r="D3" s="470"/>
      <c r="E3" s="470"/>
      <c r="F3" s="470"/>
      <c r="G3" s="470"/>
      <c r="H3" s="470"/>
      <c r="I3" s="470"/>
      <c r="J3" s="470"/>
      <c r="K3" s="470"/>
      <c r="L3" s="471"/>
      <c r="M3" s="469" t="s">
        <v>71</v>
      </c>
      <c r="N3" s="470"/>
      <c r="O3" s="470"/>
      <c r="P3" s="470"/>
      <c r="Q3" s="470"/>
      <c r="R3" s="470"/>
      <c r="S3" s="470"/>
      <c r="T3" s="470"/>
      <c r="U3" s="470"/>
      <c r="V3" s="470"/>
      <c r="W3" s="471"/>
      <c r="X3" s="469" t="s">
        <v>72</v>
      </c>
      <c r="Y3" s="470"/>
      <c r="Z3" s="470"/>
      <c r="AA3" s="470"/>
      <c r="AB3" s="470"/>
      <c r="AC3" s="470"/>
      <c r="AD3" s="470"/>
      <c r="AE3" s="470"/>
      <c r="AF3" s="470"/>
      <c r="AG3" s="470"/>
      <c r="AH3" s="471"/>
      <c r="AI3" s="469" t="s">
        <v>73</v>
      </c>
      <c r="AJ3" s="470"/>
      <c r="AK3" s="470"/>
      <c r="AL3" s="470"/>
      <c r="AM3" s="470"/>
      <c r="AN3" s="470"/>
      <c r="AO3" s="470"/>
      <c r="AP3" s="470"/>
      <c r="AQ3" s="470"/>
      <c r="AR3" s="470"/>
      <c r="AS3" s="471"/>
      <c r="AT3" s="469" t="s">
        <v>74</v>
      </c>
      <c r="AU3" s="470"/>
      <c r="AV3" s="470"/>
      <c r="AW3" s="470"/>
      <c r="AX3" s="470"/>
      <c r="AY3" s="470"/>
      <c r="AZ3" s="470"/>
      <c r="BA3" s="470"/>
      <c r="BB3" s="470"/>
      <c r="BC3" s="470"/>
      <c r="BD3" s="471"/>
      <c r="BE3" s="469" t="s">
        <v>75</v>
      </c>
      <c r="BF3" s="470"/>
      <c r="BG3" s="470"/>
      <c r="BH3" s="470"/>
      <c r="BI3" s="470"/>
      <c r="BJ3" s="470"/>
      <c r="BK3" s="470"/>
      <c r="BL3" s="470"/>
      <c r="BM3" s="470"/>
      <c r="BN3" s="470"/>
      <c r="BO3" s="471"/>
      <c r="BP3" s="469" t="s">
        <v>76</v>
      </c>
      <c r="BQ3" s="470"/>
      <c r="BR3" s="470"/>
      <c r="BS3" s="470"/>
      <c r="BT3" s="470"/>
      <c r="BU3" s="470"/>
      <c r="BV3" s="470"/>
      <c r="BW3" s="470"/>
      <c r="BX3" s="470"/>
      <c r="BY3" s="470"/>
      <c r="BZ3" s="471"/>
      <c r="CA3" s="469" t="s">
        <v>77</v>
      </c>
      <c r="CB3" s="470"/>
      <c r="CC3" s="470"/>
      <c r="CD3" s="470"/>
      <c r="CE3" s="470"/>
      <c r="CF3" s="470"/>
      <c r="CG3" s="470"/>
      <c r="CH3" s="470"/>
      <c r="CI3" s="470"/>
      <c r="CJ3" s="470"/>
      <c r="CK3" s="471"/>
      <c r="CL3" s="469" t="s">
        <v>78</v>
      </c>
      <c r="CM3" s="470"/>
      <c r="CN3" s="470"/>
      <c r="CO3" s="470"/>
      <c r="CP3" s="470"/>
      <c r="CQ3" s="470"/>
      <c r="CR3" s="470"/>
      <c r="CS3" s="470"/>
      <c r="CT3" s="470"/>
      <c r="CU3" s="470"/>
      <c r="CV3" s="471"/>
      <c r="CW3" s="469" t="s">
        <v>79</v>
      </c>
      <c r="CX3" s="470"/>
      <c r="CY3" s="470"/>
      <c r="CZ3" s="470"/>
      <c r="DA3" s="470"/>
      <c r="DB3" s="470"/>
      <c r="DC3" s="470"/>
      <c r="DD3" s="470"/>
      <c r="DE3" s="470"/>
      <c r="DF3" s="470"/>
      <c r="DG3" s="471"/>
      <c r="DH3" s="469" t="s">
        <v>152</v>
      </c>
      <c r="DI3" s="470"/>
      <c r="DJ3" s="470"/>
      <c r="DK3" s="470"/>
      <c r="DL3" s="470"/>
      <c r="DM3" s="470"/>
      <c r="DN3" s="470"/>
      <c r="DO3" s="470"/>
      <c r="DP3" s="470"/>
      <c r="DQ3" s="470"/>
      <c r="DR3" s="471"/>
      <c r="DS3" s="469" t="s">
        <v>80</v>
      </c>
      <c r="DT3" s="470"/>
      <c r="DU3" s="470"/>
      <c r="DV3" s="470"/>
      <c r="DW3" s="470"/>
      <c r="DX3" s="470"/>
      <c r="DY3" s="470"/>
      <c r="DZ3" s="470"/>
      <c r="EA3" s="470"/>
      <c r="EB3" s="470"/>
      <c r="EC3" s="471"/>
      <c r="ED3" s="469" t="s">
        <v>68</v>
      </c>
      <c r="EE3" s="470"/>
      <c r="EF3" s="470"/>
      <c r="EG3" s="470"/>
      <c r="EH3" s="470"/>
      <c r="EI3" s="470"/>
      <c r="EJ3" s="470"/>
      <c r="EK3" s="470"/>
      <c r="EL3" s="470"/>
      <c r="EM3" s="470"/>
      <c r="EN3" s="471"/>
      <c r="EO3" s="472" t="s">
        <v>69</v>
      </c>
      <c r="EP3" s="473"/>
      <c r="EQ3" s="473"/>
      <c r="ER3" s="473"/>
      <c r="ES3" s="473"/>
      <c r="ET3" s="473"/>
      <c r="EU3" s="473"/>
      <c r="EV3" s="473"/>
      <c r="EW3" s="473"/>
      <c r="EX3" s="473"/>
      <c r="EY3" s="474"/>
    </row>
    <row r="4" spans="1:155" ht="22.5" customHeight="1" x14ac:dyDescent="0.2">
      <c r="A4" s="467"/>
      <c r="B4" s="461" t="s">
        <v>61</v>
      </c>
      <c r="C4" s="462"/>
      <c r="D4" s="463"/>
      <c r="E4" s="464" t="s">
        <v>62</v>
      </c>
      <c r="F4" s="462"/>
      <c r="G4" s="462"/>
      <c r="H4" s="462"/>
      <c r="I4" s="462"/>
      <c r="J4" s="462"/>
      <c r="K4" s="465"/>
      <c r="L4" s="459" t="s">
        <v>52</v>
      </c>
      <c r="M4" s="461" t="s">
        <v>61</v>
      </c>
      <c r="N4" s="462"/>
      <c r="O4" s="463"/>
      <c r="P4" s="464" t="s">
        <v>62</v>
      </c>
      <c r="Q4" s="462"/>
      <c r="R4" s="462"/>
      <c r="S4" s="462"/>
      <c r="T4" s="462"/>
      <c r="U4" s="462"/>
      <c r="V4" s="463"/>
      <c r="W4" s="459" t="s">
        <v>52</v>
      </c>
      <c r="X4" s="461" t="s">
        <v>61</v>
      </c>
      <c r="Y4" s="462"/>
      <c r="Z4" s="463"/>
      <c r="AA4" s="464" t="s">
        <v>62</v>
      </c>
      <c r="AB4" s="462"/>
      <c r="AC4" s="462"/>
      <c r="AD4" s="462"/>
      <c r="AE4" s="462"/>
      <c r="AF4" s="462"/>
      <c r="AG4" s="463"/>
      <c r="AH4" s="459" t="s">
        <v>52</v>
      </c>
      <c r="AI4" s="461" t="s">
        <v>61</v>
      </c>
      <c r="AJ4" s="462"/>
      <c r="AK4" s="463"/>
      <c r="AL4" s="464" t="s">
        <v>62</v>
      </c>
      <c r="AM4" s="462"/>
      <c r="AN4" s="462"/>
      <c r="AO4" s="462"/>
      <c r="AP4" s="462"/>
      <c r="AQ4" s="462"/>
      <c r="AR4" s="463"/>
      <c r="AS4" s="459" t="s">
        <v>52</v>
      </c>
      <c r="AT4" s="461" t="s">
        <v>61</v>
      </c>
      <c r="AU4" s="462"/>
      <c r="AV4" s="463"/>
      <c r="AW4" s="464" t="s">
        <v>62</v>
      </c>
      <c r="AX4" s="462"/>
      <c r="AY4" s="462"/>
      <c r="AZ4" s="462"/>
      <c r="BA4" s="462"/>
      <c r="BB4" s="462"/>
      <c r="BC4" s="465"/>
      <c r="BD4" s="459" t="s">
        <v>52</v>
      </c>
      <c r="BE4" s="461" t="s">
        <v>61</v>
      </c>
      <c r="BF4" s="462"/>
      <c r="BG4" s="463"/>
      <c r="BH4" s="464" t="s">
        <v>62</v>
      </c>
      <c r="BI4" s="462"/>
      <c r="BJ4" s="462"/>
      <c r="BK4" s="462"/>
      <c r="BL4" s="462"/>
      <c r="BM4" s="462"/>
      <c r="BN4" s="463"/>
      <c r="BO4" s="459" t="s">
        <v>52</v>
      </c>
      <c r="BP4" s="461" t="s">
        <v>61</v>
      </c>
      <c r="BQ4" s="462"/>
      <c r="BR4" s="463"/>
      <c r="BS4" s="464" t="s">
        <v>62</v>
      </c>
      <c r="BT4" s="462"/>
      <c r="BU4" s="462"/>
      <c r="BV4" s="462"/>
      <c r="BW4" s="462"/>
      <c r="BX4" s="462"/>
      <c r="BY4" s="463"/>
      <c r="BZ4" s="459" t="s">
        <v>52</v>
      </c>
      <c r="CA4" s="461" t="s">
        <v>61</v>
      </c>
      <c r="CB4" s="462"/>
      <c r="CC4" s="463"/>
      <c r="CD4" s="464" t="s">
        <v>62</v>
      </c>
      <c r="CE4" s="462"/>
      <c r="CF4" s="462"/>
      <c r="CG4" s="462"/>
      <c r="CH4" s="462"/>
      <c r="CI4" s="462"/>
      <c r="CJ4" s="463"/>
      <c r="CK4" s="459" t="s">
        <v>52</v>
      </c>
      <c r="CL4" s="461" t="s">
        <v>61</v>
      </c>
      <c r="CM4" s="462"/>
      <c r="CN4" s="463"/>
      <c r="CO4" s="464" t="s">
        <v>62</v>
      </c>
      <c r="CP4" s="462"/>
      <c r="CQ4" s="462"/>
      <c r="CR4" s="462"/>
      <c r="CS4" s="462"/>
      <c r="CT4" s="462"/>
      <c r="CU4" s="463"/>
      <c r="CV4" s="459" t="s">
        <v>52</v>
      </c>
      <c r="CW4" s="461" t="s">
        <v>61</v>
      </c>
      <c r="CX4" s="462"/>
      <c r="CY4" s="463"/>
      <c r="CZ4" s="464" t="s">
        <v>62</v>
      </c>
      <c r="DA4" s="462"/>
      <c r="DB4" s="462"/>
      <c r="DC4" s="462"/>
      <c r="DD4" s="462"/>
      <c r="DE4" s="462"/>
      <c r="DF4" s="463"/>
      <c r="DG4" s="459" t="s">
        <v>52</v>
      </c>
      <c r="DH4" s="461" t="s">
        <v>61</v>
      </c>
      <c r="DI4" s="462"/>
      <c r="DJ4" s="463"/>
      <c r="DK4" s="464" t="s">
        <v>62</v>
      </c>
      <c r="DL4" s="462"/>
      <c r="DM4" s="462"/>
      <c r="DN4" s="462"/>
      <c r="DO4" s="462"/>
      <c r="DP4" s="462"/>
      <c r="DQ4" s="463"/>
      <c r="DR4" s="459" t="s">
        <v>52</v>
      </c>
      <c r="DS4" s="461" t="s">
        <v>61</v>
      </c>
      <c r="DT4" s="462"/>
      <c r="DU4" s="463"/>
      <c r="DV4" s="464" t="s">
        <v>62</v>
      </c>
      <c r="DW4" s="462"/>
      <c r="DX4" s="462"/>
      <c r="DY4" s="462"/>
      <c r="DZ4" s="462"/>
      <c r="EA4" s="462"/>
      <c r="EB4" s="463"/>
      <c r="EC4" s="459" t="s">
        <v>52</v>
      </c>
      <c r="ED4" s="461" t="s">
        <v>61</v>
      </c>
      <c r="EE4" s="462"/>
      <c r="EF4" s="463"/>
      <c r="EG4" s="464" t="s">
        <v>62</v>
      </c>
      <c r="EH4" s="462"/>
      <c r="EI4" s="462"/>
      <c r="EJ4" s="462"/>
      <c r="EK4" s="462"/>
      <c r="EL4" s="462"/>
      <c r="EM4" s="463"/>
      <c r="EN4" s="459" t="s">
        <v>52</v>
      </c>
      <c r="EO4" s="461" t="s">
        <v>61</v>
      </c>
      <c r="EP4" s="462"/>
      <c r="EQ4" s="463"/>
      <c r="ER4" s="464" t="s">
        <v>62</v>
      </c>
      <c r="ES4" s="462"/>
      <c r="ET4" s="462"/>
      <c r="EU4" s="462"/>
      <c r="EV4" s="462"/>
      <c r="EW4" s="462"/>
      <c r="EX4" s="463"/>
      <c r="EY4" s="459" t="s">
        <v>52</v>
      </c>
    </row>
    <row r="5" spans="1:155" ht="34.5" customHeight="1" thickBot="1" x14ac:dyDescent="0.25">
      <c r="A5" s="468"/>
      <c r="B5" s="296" t="s">
        <v>43</v>
      </c>
      <c r="C5" s="298" t="s">
        <v>44</v>
      </c>
      <c r="D5" s="299" t="s">
        <v>45</v>
      </c>
      <c r="E5" s="300" t="s">
        <v>83</v>
      </c>
      <c r="F5" s="292" t="s">
        <v>47</v>
      </c>
      <c r="G5" s="292" t="s">
        <v>48</v>
      </c>
      <c r="H5" s="292" t="s">
        <v>49</v>
      </c>
      <c r="I5" s="292" t="s">
        <v>50</v>
      </c>
      <c r="J5" s="292" t="s">
        <v>51</v>
      </c>
      <c r="K5" s="301" t="s">
        <v>45</v>
      </c>
      <c r="L5" s="460"/>
      <c r="M5" s="296" t="s">
        <v>43</v>
      </c>
      <c r="N5" s="292" t="s">
        <v>44</v>
      </c>
      <c r="O5" s="298" t="s">
        <v>45</v>
      </c>
      <c r="P5" s="300" t="s">
        <v>83</v>
      </c>
      <c r="Q5" s="292" t="s">
        <v>47</v>
      </c>
      <c r="R5" s="292" t="s">
        <v>48</v>
      </c>
      <c r="S5" s="292" t="s">
        <v>49</v>
      </c>
      <c r="T5" s="292" t="s">
        <v>50</v>
      </c>
      <c r="U5" s="292" t="s">
        <v>51</v>
      </c>
      <c r="V5" s="298" t="s">
        <v>45</v>
      </c>
      <c r="W5" s="460"/>
      <c r="X5" s="296" t="s">
        <v>43</v>
      </c>
      <c r="Y5" s="292" t="s">
        <v>44</v>
      </c>
      <c r="Z5" s="298" t="s">
        <v>45</v>
      </c>
      <c r="AA5" s="300" t="s">
        <v>83</v>
      </c>
      <c r="AB5" s="292" t="s">
        <v>47</v>
      </c>
      <c r="AC5" s="292" t="s">
        <v>48</v>
      </c>
      <c r="AD5" s="292" t="s">
        <v>49</v>
      </c>
      <c r="AE5" s="292" t="s">
        <v>50</v>
      </c>
      <c r="AF5" s="292" t="s">
        <v>51</v>
      </c>
      <c r="AG5" s="298" t="s">
        <v>45</v>
      </c>
      <c r="AH5" s="460"/>
      <c r="AI5" s="296" t="s">
        <v>43</v>
      </c>
      <c r="AJ5" s="292" t="s">
        <v>44</v>
      </c>
      <c r="AK5" s="298" t="s">
        <v>45</v>
      </c>
      <c r="AL5" s="300" t="s">
        <v>83</v>
      </c>
      <c r="AM5" s="292" t="s">
        <v>47</v>
      </c>
      <c r="AN5" s="292" t="s">
        <v>48</v>
      </c>
      <c r="AO5" s="292" t="s">
        <v>49</v>
      </c>
      <c r="AP5" s="292" t="s">
        <v>50</v>
      </c>
      <c r="AQ5" s="292" t="s">
        <v>51</v>
      </c>
      <c r="AR5" s="298" t="s">
        <v>45</v>
      </c>
      <c r="AS5" s="460"/>
      <c r="AT5" s="296" t="s">
        <v>43</v>
      </c>
      <c r="AU5" s="292" t="s">
        <v>44</v>
      </c>
      <c r="AV5" s="298" t="s">
        <v>45</v>
      </c>
      <c r="AW5" s="300" t="s">
        <v>83</v>
      </c>
      <c r="AX5" s="292" t="s">
        <v>47</v>
      </c>
      <c r="AY5" s="292" t="s">
        <v>48</v>
      </c>
      <c r="AZ5" s="292" t="s">
        <v>49</v>
      </c>
      <c r="BA5" s="292" t="s">
        <v>50</v>
      </c>
      <c r="BB5" s="292" t="s">
        <v>51</v>
      </c>
      <c r="BC5" s="301" t="s">
        <v>45</v>
      </c>
      <c r="BD5" s="460"/>
      <c r="BE5" s="296" t="s">
        <v>43</v>
      </c>
      <c r="BF5" s="292" t="s">
        <v>44</v>
      </c>
      <c r="BG5" s="298" t="s">
        <v>45</v>
      </c>
      <c r="BH5" s="300" t="s">
        <v>83</v>
      </c>
      <c r="BI5" s="292" t="s">
        <v>47</v>
      </c>
      <c r="BJ5" s="292" t="s">
        <v>48</v>
      </c>
      <c r="BK5" s="292" t="s">
        <v>49</v>
      </c>
      <c r="BL5" s="292" t="s">
        <v>50</v>
      </c>
      <c r="BM5" s="292" t="s">
        <v>51</v>
      </c>
      <c r="BN5" s="298" t="s">
        <v>45</v>
      </c>
      <c r="BO5" s="460"/>
      <c r="BP5" s="296" t="s">
        <v>43</v>
      </c>
      <c r="BQ5" s="292" t="s">
        <v>44</v>
      </c>
      <c r="BR5" s="298" t="s">
        <v>45</v>
      </c>
      <c r="BS5" s="300" t="s">
        <v>83</v>
      </c>
      <c r="BT5" s="292" t="s">
        <v>47</v>
      </c>
      <c r="BU5" s="292" t="s">
        <v>48</v>
      </c>
      <c r="BV5" s="292" t="s">
        <v>49</v>
      </c>
      <c r="BW5" s="292" t="s">
        <v>50</v>
      </c>
      <c r="BX5" s="292" t="s">
        <v>51</v>
      </c>
      <c r="BY5" s="298" t="s">
        <v>45</v>
      </c>
      <c r="BZ5" s="460"/>
      <c r="CA5" s="296" t="s">
        <v>43</v>
      </c>
      <c r="CB5" s="292" t="s">
        <v>44</v>
      </c>
      <c r="CC5" s="298" t="s">
        <v>45</v>
      </c>
      <c r="CD5" s="300" t="s">
        <v>83</v>
      </c>
      <c r="CE5" s="292" t="s">
        <v>47</v>
      </c>
      <c r="CF5" s="292" t="s">
        <v>48</v>
      </c>
      <c r="CG5" s="292" t="s">
        <v>49</v>
      </c>
      <c r="CH5" s="292" t="s">
        <v>50</v>
      </c>
      <c r="CI5" s="292" t="s">
        <v>51</v>
      </c>
      <c r="CJ5" s="298" t="s">
        <v>45</v>
      </c>
      <c r="CK5" s="460"/>
      <c r="CL5" s="296" t="s">
        <v>43</v>
      </c>
      <c r="CM5" s="292" t="s">
        <v>44</v>
      </c>
      <c r="CN5" s="298" t="s">
        <v>45</v>
      </c>
      <c r="CO5" s="300" t="s">
        <v>83</v>
      </c>
      <c r="CP5" s="292" t="s">
        <v>47</v>
      </c>
      <c r="CQ5" s="292" t="s">
        <v>48</v>
      </c>
      <c r="CR5" s="292" t="s">
        <v>49</v>
      </c>
      <c r="CS5" s="292" t="s">
        <v>50</v>
      </c>
      <c r="CT5" s="292" t="s">
        <v>51</v>
      </c>
      <c r="CU5" s="298" t="s">
        <v>45</v>
      </c>
      <c r="CV5" s="460"/>
      <c r="CW5" s="296" t="s">
        <v>43</v>
      </c>
      <c r="CX5" s="292" t="s">
        <v>44</v>
      </c>
      <c r="CY5" s="298" t="s">
        <v>45</v>
      </c>
      <c r="CZ5" s="300" t="s">
        <v>83</v>
      </c>
      <c r="DA5" s="292" t="s">
        <v>47</v>
      </c>
      <c r="DB5" s="292" t="s">
        <v>48</v>
      </c>
      <c r="DC5" s="292" t="s">
        <v>49</v>
      </c>
      <c r="DD5" s="292" t="s">
        <v>50</v>
      </c>
      <c r="DE5" s="292" t="s">
        <v>51</v>
      </c>
      <c r="DF5" s="298" t="s">
        <v>45</v>
      </c>
      <c r="DG5" s="460"/>
      <c r="DH5" s="387" t="s">
        <v>43</v>
      </c>
      <c r="DI5" s="292" t="s">
        <v>44</v>
      </c>
      <c r="DJ5" s="298" t="s">
        <v>45</v>
      </c>
      <c r="DK5" s="300" t="s">
        <v>83</v>
      </c>
      <c r="DL5" s="292" t="s">
        <v>47</v>
      </c>
      <c r="DM5" s="292" t="s">
        <v>48</v>
      </c>
      <c r="DN5" s="292" t="s">
        <v>49</v>
      </c>
      <c r="DO5" s="292" t="s">
        <v>50</v>
      </c>
      <c r="DP5" s="292" t="s">
        <v>51</v>
      </c>
      <c r="DQ5" s="298" t="s">
        <v>45</v>
      </c>
      <c r="DR5" s="460"/>
      <c r="DS5" s="296" t="s">
        <v>43</v>
      </c>
      <c r="DT5" s="292" t="s">
        <v>44</v>
      </c>
      <c r="DU5" s="298" t="s">
        <v>45</v>
      </c>
      <c r="DV5" s="300" t="s">
        <v>83</v>
      </c>
      <c r="DW5" s="292" t="s">
        <v>47</v>
      </c>
      <c r="DX5" s="292" t="s">
        <v>48</v>
      </c>
      <c r="DY5" s="292" t="s">
        <v>49</v>
      </c>
      <c r="DZ5" s="292" t="s">
        <v>50</v>
      </c>
      <c r="EA5" s="292" t="s">
        <v>51</v>
      </c>
      <c r="EB5" s="298" t="s">
        <v>45</v>
      </c>
      <c r="EC5" s="460"/>
      <c r="ED5" s="296" t="s">
        <v>43</v>
      </c>
      <c r="EE5" s="292" t="s">
        <v>44</v>
      </c>
      <c r="EF5" s="298" t="s">
        <v>45</v>
      </c>
      <c r="EG5" s="300" t="s">
        <v>83</v>
      </c>
      <c r="EH5" s="292" t="s">
        <v>47</v>
      </c>
      <c r="EI5" s="292" t="s">
        <v>48</v>
      </c>
      <c r="EJ5" s="292" t="s">
        <v>49</v>
      </c>
      <c r="EK5" s="292" t="s">
        <v>50</v>
      </c>
      <c r="EL5" s="292" t="s">
        <v>51</v>
      </c>
      <c r="EM5" s="298" t="s">
        <v>45</v>
      </c>
      <c r="EN5" s="460"/>
      <c r="EO5" s="296" t="s">
        <v>43</v>
      </c>
      <c r="EP5" s="292" t="s">
        <v>44</v>
      </c>
      <c r="EQ5" s="298" t="s">
        <v>45</v>
      </c>
      <c r="ER5" s="300" t="s">
        <v>83</v>
      </c>
      <c r="ES5" s="292" t="s">
        <v>47</v>
      </c>
      <c r="ET5" s="292" t="s">
        <v>48</v>
      </c>
      <c r="EU5" s="292" t="s">
        <v>49</v>
      </c>
      <c r="EV5" s="292" t="s">
        <v>50</v>
      </c>
      <c r="EW5" s="292" t="s">
        <v>51</v>
      </c>
      <c r="EX5" s="298" t="s">
        <v>45</v>
      </c>
      <c r="EY5" s="460"/>
    </row>
    <row r="6" spans="1:155" ht="19.5" customHeight="1" x14ac:dyDescent="0.2">
      <c r="A6" s="293" t="s">
        <v>4</v>
      </c>
      <c r="B6" s="302">
        <v>0</v>
      </c>
      <c r="C6" s="303">
        <v>0</v>
      </c>
      <c r="D6" s="304">
        <v>0</v>
      </c>
      <c r="E6" s="305">
        <v>0</v>
      </c>
      <c r="F6" s="306">
        <v>19100</v>
      </c>
      <c r="G6" s="306">
        <v>22413</v>
      </c>
      <c r="H6" s="306">
        <v>11955</v>
      </c>
      <c r="I6" s="306">
        <v>9517</v>
      </c>
      <c r="J6" s="306">
        <v>7140</v>
      </c>
      <c r="K6" s="307">
        <v>70125</v>
      </c>
      <c r="L6" s="308">
        <v>70125</v>
      </c>
      <c r="M6" s="302">
        <v>2</v>
      </c>
      <c r="N6" s="306">
        <v>27</v>
      </c>
      <c r="O6" s="303">
        <v>29</v>
      </c>
      <c r="P6" s="305">
        <v>0</v>
      </c>
      <c r="Q6" s="306">
        <v>122</v>
      </c>
      <c r="R6" s="306">
        <v>454</v>
      </c>
      <c r="S6" s="306">
        <v>792</v>
      </c>
      <c r="T6" s="306">
        <v>1914</v>
      </c>
      <c r="U6" s="306">
        <v>3376</v>
      </c>
      <c r="V6" s="303">
        <v>6658</v>
      </c>
      <c r="W6" s="308">
        <v>6687</v>
      </c>
      <c r="X6" s="302">
        <v>2170</v>
      </c>
      <c r="Y6" s="306">
        <v>5367</v>
      </c>
      <c r="Z6" s="303">
        <v>7537</v>
      </c>
      <c r="AA6" s="305">
        <v>0</v>
      </c>
      <c r="AB6" s="306">
        <v>10592</v>
      </c>
      <c r="AC6" s="306">
        <v>14996</v>
      </c>
      <c r="AD6" s="306">
        <v>8839</v>
      </c>
      <c r="AE6" s="306">
        <v>7985</v>
      </c>
      <c r="AF6" s="306">
        <v>6256</v>
      </c>
      <c r="AG6" s="303">
        <v>48668</v>
      </c>
      <c r="AH6" s="308">
        <v>56205</v>
      </c>
      <c r="AI6" s="302">
        <v>247</v>
      </c>
      <c r="AJ6" s="306">
        <v>684</v>
      </c>
      <c r="AK6" s="303">
        <v>931</v>
      </c>
      <c r="AL6" s="305">
        <v>0</v>
      </c>
      <c r="AM6" s="306">
        <v>968</v>
      </c>
      <c r="AN6" s="306">
        <v>1672</v>
      </c>
      <c r="AO6" s="306">
        <v>1037</v>
      </c>
      <c r="AP6" s="306">
        <v>907</v>
      </c>
      <c r="AQ6" s="306">
        <v>628</v>
      </c>
      <c r="AR6" s="303">
        <v>5212</v>
      </c>
      <c r="AS6" s="308">
        <v>6143</v>
      </c>
      <c r="AT6" s="302">
        <v>2744</v>
      </c>
      <c r="AU6" s="306">
        <v>3560</v>
      </c>
      <c r="AV6" s="303">
        <v>6304</v>
      </c>
      <c r="AW6" s="305">
        <v>0</v>
      </c>
      <c r="AX6" s="306">
        <v>17002</v>
      </c>
      <c r="AY6" s="306">
        <v>20774</v>
      </c>
      <c r="AZ6" s="306">
        <v>17858</v>
      </c>
      <c r="BA6" s="306">
        <v>17303</v>
      </c>
      <c r="BB6" s="306">
        <v>13490</v>
      </c>
      <c r="BC6" s="307">
        <v>86427</v>
      </c>
      <c r="BD6" s="308">
        <v>92731</v>
      </c>
      <c r="BE6" s="302">
        <v>0</v>
      </c>
      <c r="BF6" s="306">
        <v>0</v>
      </c>
      <c r="BG6" s="303">
        <v>0</v>
      </c>
      <c r="BH6" s="305">
        <v>0</v>
      </c>
      <c r="BI6" s="306">
        <v>21083</v>
      </c>
      <c r="BJ6" s="306">
        <v>19896</v>
      </c>
      <c r="BK6" s="306">
        <v>10559</v>
      </c>
      <c r="BL6" s="306">
        <v>6266</v>
      </c>
      <c r="BM6" s="306">
        <v>2975</v>
      </c>
      <c r="BN6" s="303">
        <v>60779</v>
      </c>
      <c r="BO6" s="308">
        <v>60779</v>
      </c>
      <c r="BP6" s="302">
        <v>1545</v>
      </c>
      <c r="BQ6" s="306">
        <v>2558</v>
      </c>
      <c r="BR6" s="303">
        <v>4103</v>
      </c>
      <c r="BS6" s="305">
        <v>0</v>
      </c>
      <c r="BT6" s="306">
        <v>4251</v>
      </c>
      <c r="BU6" s="306">
        <v>6437</v>
      </c>
      <c r="BV6" s="306">
        <v>3661</v>
      </c>
      <c r="BW6" s="306">
        <v>2314</v>
      </c>
      <c r="BX6" s="306">
        <v>853</v>
      </c>
      <c r="BY6" s="303">
        <v>17516</v>
      </c>
      <c r="BZ6" s="308">
        <v>21619</v>
      </c>
      <c r="CA6" s="302">
        <v>56</v>
      </c>
      <c r="CB6" s="306">
        <v>229</v>
      </c>
      <c r="CC6" s="303">
        <v>285</v>
      </c>
      <c r="CD6" s="305">
        <v>0</v>
      </c>
      <c r="CE6" s="306">
        <v>2109</v>
      </c>
      <c r="CF6" s="306">
        <v>3477</v>
      </c>
      <c r="CG6" s="306">
        <v>4245</v>
      </c>
      <c r="CH6" s="306">
        <v>3082</v>
      </c>
      <c r="CI6" s="306">
        <v>1774</v>
      </c>
      <c r="CJ6" s="303">
        <v>14687</v>
      </c>
      <c r="CK6" s="308">
        <v>14972</v>
      </c>
      <c r="CL6" s="302">
        <v>4</v>
      </c>
      <c r="CM6" s="306">
        <v>20</v>
      </c>
      <c r="CN6" s="303">
        <v>24</v>
      </c>
      <c r="CO6" s="305">
        <v>0</v>
      </c>
      <c r="CP6" s="306">
        <v>200</v>
      </c>
      <c r="CQ6" s="306">
        <v>452</v>
      </c>
      <c r="CR6" s="306">
        <v>571</v>
      </c>
      <c r="CS6" s="306">
        <v>487</v>
      </c>
      <c r="CT6" s="306">
        <v>332</v>
      </c>
      <c r="CU6" s="303">
        <v>2042</v>
      </c>
      <c r="CV6" s="308">
        <v>2066</v>
      </c>
      <c r="CW6" s="302">
        <v>0</v>
      </c>
      <c r="CX6" s="306">
        <v>0</v>
      </c>
      <c r="CY6" s="303">
        <v>0</v>
      </c>
      <c r="CZ6" s="305">
        <v>0</v>
      </c>
      <c r="DA6" s="306">
        <v>0</v>
      </c>
      <c r="DB6" s="306">
        <v>0</v>
      </c>
      <c r="DC6" s="306">
        <v>0</v>
      </c>
      <c r="DD6" s="306">
        <v>0</v>
      </c>
      <c r="DE6" s="306">
        <v>0</v>
      </c>
      <c r="DF6" s="303">
        <v>0</v>
      </c>
      <c r="DG6" s="308">
        <v>0</v>
      </c>
      <c r="DH6" s="302">
        <v>0</v>
      </c>
      <c r="DI6" s="306">
        <v>0</v>
      </c>
      <c r="DJ6" s="303">
        <v>0</v>
      </c>
      <c r="DK6" s="305">
        <v>0</v>
      </c>
      <c r="DL6" s="306">
        <v>0</v>
      </c>
      <c r="DM6" s="306">
        <v>0</v>
      </c>
      <c r="DN6" s="306">
        <v>0</v>
      </c>
      <c r="DO6" s="306">
        <v>0</v>
      </c>
      <c r="DP6" s="306">
        <v>0</v>
      </c>
      <c r="DQ6" s="303">
        <v>0</v>
      </c>
      <c r="DR6" s="308">
        <v>0</v>
      </c>
      <c r="DS6" s="302">
        <v>9875</v>
      </c>
      <c r="DT6" s="306">
        <v>21459</v>
      </c>
      <c r="DU6" s="303">
        <v>31334</v>
      </c>
      <c r="DV6" s="305">
        <v>0</v>
      </c>
      <c r="DW6" s="306">
        <v>25130</v>
      </c>
      <c r="DX6" s="306">
        <v>43101</v>
      </c>
      <c r="DY6" s="306">
        <v>25121</v>
      </c>
      <c r="DZ6" s="306">
        <v>19469</v>
      </c>
      <c r="EA6" s="306">
        <v>12367</v>
      </c>
      <c r="EB6" s="303">
        <v>125188</v>
      </c>
      <c r="EC6" s="308">
        <v>156522</v>
      </c>
      <c r="ED6" s="302">
        <v>1752</v>
      </c>
      <c r="EE6" s="306">
        <v>1365</v>
      </c>
      <c r="EF6" s="303">
        <v>3117</v>
      </c>
      <c r="EG6" s="305">
        <v>0</v>
      </c>
      <c r="EH6" s="306">
        <v>5779</v>
      </c>
      <c r="EI6" s="306">
        <v>5278</v>
      </c>
      <c r="EJ6" s="306">
        <v>4498</v>
      </c>
      <c r="EK6" s="306">
        <v>5087</v>
      </c>
      <c r="EL6" s="306">
        <v>3094</v>
      </c>
      <c r="EM6" s="303">
        <v>23736</v>
      </c>
      <c r="EN6" s="308">
        <v>26853</v>
      </c>
      <c r="EO6" s="302">
        <v>12871</v>
      </c>
      <c r="EP6" s="306">
        <v>25851</v>
      </c>
      <c r="EQ6" s="303">
        <v>38722</v>
      </c>
      <c r="ER6" s="305">
        <v>0</v>
      </c>
      <c r="ES6" s="306">
        <v>55016</v>
      </c>
      <c r="ET6" s="306">
        <v>58478</v>
      </c>
      <c r="EU6" s="306">
        <v>30372</v>
      </c>
      <c r="EV6" s="306">
        <v>21181</v>
      </c>
      <c r="EW6" s="306">
        <v>12947</v>
      </c>
      <c r="EX6" s="303">
        <v>177994</v>
      </c>
      <c r="EY6" s="308">
        <v>216716</v>
      </c>
    </row>
    <row r="7" spans="1:155" ht="19.5" customHeight="1" x14ac:dyDescent="0.2">
      <c r="A7" s="294" t="s">
        <v>5</v>
      </c>
      <c r="B7" s="309">
        <v>0</v>
      </c>
      <c r="C7" s="310">
        <v>0</v>
      </c>
      <c r="D7" s="311">
        <v>0</v>
      </c>
      <c r="E7" s="312">
        <v>0</v>
      </c>
      <c r="F7" s="313">
        <v>6763</v>
      </c>
      <c r="G7" s="313">
        <v>11211</v>
      </c>
      <c r="H7" s="313">
        <v>5357</v>
      </c>
      <c r="I7" s="313">
        <v>3920</v>
      </c>
      <c r="J7" s="313">
        <v>2957</v>
      </c>
      <c r="K7" s="314">
        <v>30208</v>
      </c>
      <c r="L7" s="315">
        <v>30208</v>
      </c>
      <c r="M7" s="309">
        <v>0</v>
      </c>
      <c r="N7" s="313">
        <v>12</v>
      </c>
      <c r="O7" s="310">
        <v>12</v>
      </c>
      <c r="P7" s="312">
        <v>0</v>
      </c>
      <c r="Q7" s="313">
        <v>26</v>
      </c>
      <c r="R7" s="313">
        <v>175</v>
      </c>
      <c r="S7" s="313">
        <v>306</v>
      </c>
      <c r="T7" s="313">
        <v>752</v>
      </c>
      <c r="U7" s="313">
        <v>1470</v>
      </c>
      <c r="V7" s="310">
        <v>2729</v>
      </c>
      <c r="W7" s="315">
        <v>2741</v>
      </c>
      <c r="X7" s="309">
        <v>958</v>
      </c>
      <c r="Y7" s="313">
        <v>2810</v>
      </c>
      <c r="Z7" s="310">
        <v>3768</v>
      </c>
      <c r="AA7" s="312">
        <v>0</v>
      </c>
      <c r="AB7" s="313">
        <v>3859</v>
      </c>
      <c r="AC7" s="313">
        <v>7716</v>
      </c>
      <c r="AD7" s="313">
        <v>4180</v>
      </c>
      <c r="AE7" s="313">
        <v>3501</v>
      </c>
      <c r="AF7" s="313">
        <v>2744</v>
      </c>
      <c r="AG7" s="310">
        <v>22000</v>
      </c>
      <c r="AH7" s="315">
        <v>25768</v>
      </c>
      <c r="AI7" s="309">
        <v>112</v>
      </c>
      <c r="AJ7" s="313">
        <v>323</v>
      </c>
      <c r="AK7" s="310">
        <v>435</v>
      </c>
      <c r="AL7" s="312">
        <v>0</v>
      </c>
      <c r="AM7" s="313">
        <v>246</v>
      </c>
      <c r="AN7" s="313">
        <v>737</v>
      </c>
      <c r="AO7" s="313">
        <v>404</v>
      </c>
      <c r="AP7" s="313">
        <v>351</v>
      </c>
      <c r="AQ7" s="313">
        <v>232</v>
      </c>
      <c r="AR7" s="310">
        <v>1970</v>
      </c>
      <c r="AS7" s="315">
        <v>2405</v>
      </c>
      <c r="AT7" s="309">
        <v>1095</v>
      </c>
      <c r="AU7" s="313">
        <v>1645</v>
      </c>
      <c r="AV7" s="310">
        <v>2740</v>
      </c>
      <c r="AW7" s="312">
        <v>0</v>
      </c>
      <c r="AX7" s="313">
        <v>6077</v>
      </c>
      <c r="AY7" s="313">
        <v>9097</v>
      </c>
      <c r="AZ7" s="313">
        <v>7334</v>
      </c>
      <c r="BA7" s="313">
        <v>6833</v>
      </c>
      <c r="BB7" s="313">
        <v>5500</v>
      </c>
      <c r="BC7" s="314">
        <v>34841</v>
      </c>
      <c r="BD7" s="315">
        <v>37581</v>
      </c>
      <c r="BE7" s="309">
        <v>0</v>
      </c>
      <c r="BF7" s="313">
        <v>0</v>
      </c>
      <c r="BG7" s="310">
        <v>0</v>
      </c>
      <c r="BH7" s="312">
        <v>0</v>
      </c>
      <c r="BI7" s="313">
        <v>6470</v>
      </c>
      <c r="BJ7" s="313">
        <v>8267</v>
      </c>
      <c r="BK7" s="313">
        <v>4002</v>
      </c>
      <c r="BL7" s="313">
        <v>2213</v>
      </c>
      <c r="BM7" s="313">
        <v>1091</v>
      </c>
      <c r="BN7" s="310">
        <v>22043</v>
      </c>
      <c r="BO7" s="315">
        <v>22043</v>
      </c>
      <c r="BP7" s="309">
        <v>691</v>
      </c>
      <c r="BQ7" s="313">
        <v>1179</v>
      </c>
      <c r="BR7" s="310">
        <v>1870</v>
      </c>
      <c r="BS7" s="312">
        <v>0</v>
      </c>
      <c r="BT7" s="313">
        <v>1312</v>
      </c>
      <c r="BU7" s="313">
        <v>3034</v>
      </c>
      <c r="BV7" s="313">
        <v>1692</v>
      </c>
      <c r="BW7" s="313">
        <v>1002</v>
      </c>
      <c r="BX7" s="313">
        <v>387</v>
      </c>
      <c r="BY7" s="310">
        <v>7427</v>
      </c>
      <c r="BZ7" s="315">
        <v>9297</v>
      </c>
      <c r="CA7" s="309">
        <v>19</v>
      </c>
      <c r="CB7" s="313">
        <v>90</v>
      </c>
      <c r="CC7" s="310">
        <v>109</v>
      </c>
      <c r="CD7" s="312">
        <v>0</v>
      </c>
      <c r="CE7" s="313">
        <v>578</v>
      </c>
      <c r="CF7" s="313">
        <v>1211</v>
      </c>
      <c r="CG7" s="313">
        <v>1458</v>
      </c>
      <c r="CH7" s="313">
        <v>1105</v>
      </c>
      <c r="CI7" s="313">
        <v>646</v>
      </c>
      <c r="CJ7" s="310">
        <v>4998</v>
      </c>
      <c r="CK7" s="315">
        <v>5107</v>
      </c>
      <c r="CL7" s="309">
        <v>2</v>
      </c>
      <c r="CM7" s="313">
        <v>15</v>
      </c>
      <c r="CN7" s="310">
        <v>17</v>
      </c>
      <c r="CO7" s="312">
        <v>0</v>
      </c>
      <c r="CP7" s="313">
        <v>91</v>
      </c>
      <c r="CQ7" s="313">
        <v>259</v>
      </c>
      <c r="CR7" s="313">
        <v>322</v>
      </c>
      <c r="CS7" s="313">
        <v>275</v>
      </c>
      <c r="CT7" s="313">
        <v>212</v>
      </c>
      <c r="CU7" s="310">
        <v>1159</v>
      </c>
      <c r="CV7" s="315">
        <v>1176</v>
      </c>
      <c r="CW7" s="309">
        <v>0</v>
      </c>
      <c r="CX7" s="313">
        <v>0</v>
      </c>
      <c r="CY7" s="310">
        <v>0</v>
      </c>
      <c r="CZ7" s="312">
        <v>0</v>
      </c>
      <c r="DA7" s="313">
        <v>0</v>
      </c>
      <c r="DB7" s="313">
        <v>0</v>
      </c>
      <c r="DC7" s="313">
        <v>0</v>
      </c>
      <c r="DD7" s="313">
        <v>0</v>
      </c>
      <c r="DE7" s="313">
        <v>0</v>
      </c>
      <c r="DF7" s="310">
        <v>0</v>
      </c>
      <c r="DG7" s="315">
        <v>0</v>
      </c>
      <c r="DH7" s="309">
        <v>0</v>
      </c>
      <c r="DI7" s="313">
        <v>0</v>
      </c>
      <c r="DJ7" s="310">
        <v>0</v>
      </c>
      <c r="DK7" s="312">
        <v>0</v>
      </c>
      <c r="DL7" s="313">
        <v>0</v>
      </c>
      <c r="DM7" s="313">
        <v>0</v>
      </c>
      <c r="DN7" s="313">
        <v>0</v>
      </c>
      <c r="DO7" s="313">
        <v>0</v>
      </c>
      <c r="DP7" s="313">
        <v>0</v>
      </c>
      <c r="DQ7" s="310">
        <v>0</v>
      </c>
      <c r="DR7" s="315">
        <v>0</v>
      </c>
      <c r="DS7" s="309">
        <v>3265</v>
      </c>
      <c r="DT7" s="313">
        <v>9241</v>
      </c>
      <c r="DU7" s="310">
        <v>12506</v>
      </c>
      <c r="DV7" s="312">
        <v>0</v>
      </c>
      <c r="DW7" s="313">
        <v>7030</v>
      </c>
      <c r="DX7" s="313">
        <v>19360</v>
      </c>
      <c r="DY7" s="313">
        <v>10385</v>
      </c>
      <c r="DZ7" s="313">
        <v>7763</v>
      </c>
      <c r="EA7" s="313">
        <v>5082</v>
      </c>
      <c r="EB7" s="310">
        <v>49620</v>
      </c>
      <c r="EC7" s="315">
        <v>62126</v>
      </c>
      <c r="ED7" s="309">
        <v>729</v>
      </c>
      <c r="EE7" s="313">
        <v>547</v>
      </c>
      <c r="EF7" s="310">
        <v>1276</v>
      </c>
      <c r="EG7" s="312">
        <v>0</v>
      </c>
      <c r="EH7" s="313">
        <v>2362</v>
      </c>
      <c r="EI7" s="313">
        <v>2517</v>
      </c>
      <c r="EJ7" s="313">
        <v>1995</v>
      </c>
      <c r="EK7" s="313">
        <v>2187</v>
      </c>
      <c r="EL7" s="313">
        <v>1291</v>
      </c>
      <c r="EM7" s="310">
        <v>10352</v>
      </c>
      <c r="EN7" s="315">
        <v>11628</v>
      </c>
      <c r="EO7" s="309">
        <v>4655</v>
      </c>
      <c r="EP7" s="313">
        <v>11403</v>
      </c>
      <c r="EQ7" s="310">
        <v>16058</v>
      </c>
      <c r="ER7" s="312">
        <v>0</v>
      </c>
      <c r="ES7" s="313">
        <v>17691</v>
      </c>
      <c r="ET7" s="313">
        <v>26644</v>
      </c>
      <c r="EU7" s="313">
        <v>12655</v>
      </c>
      <c r="EV7" s="313">
        <v>8532</v>
      </c>
      <c r="EW7" s="313">
        <v>5344</v>
      </c>
      <c r="EX7" s="310">
        <v>70866</v>
      </c>
      <c r="EY7" s="315">
        <v>86924</v>
      </c>
    </row>
    <row r="8" spans="1:155" ht="19.5" customHeight="1" x14ac:dyDescent="0.2">
      <c r="A8" s="294" t="s">
        <v>6</v>
      </c>
      <c r="B8" s="309">
        <v>0</v>
      </c>
      <c r="C8" s="310">
        <v>0</v>
      </c>
      <c r="D8" s="311">
        <v>0</v>
      </c>
      <c r="E8" s="312">
        <v>0</v>
      </c>
      <c r="F8" s="313">
        <v>3435</v>
      </c>
      <c r="G8" s="313">
        <v>2934</v>
      </c>
      <c r="H8" s="313">
        <v>1753</v>
      </c>
      <c r="I8" s="313">
        <v>1547</v>
      </c>
      <c r="J8" s="313">
        <v>1162</v>
      </c>
      <c r="K8" s="314">
        <v>10831</v>
      </c>
      <c r="L8" s="315">
        <v>10831</v>
      </c>
      <c r="M8" s="309">
        <v>0</v>
      </c>
      <c r="N8" s="313">
        <v>3</v>
      </c>
      <c r="O8" s="310">
        <v>3</v>
      </c>
      <c r="P8" s="312">
        <v>0</v>
      </c>
      <c r="Q8" s="313">
        <v>24</v>
      </c>
      <c r="R8" s="313">
        <v>66</v>
      </c>
      <c r="S8" s="313">
        <v>110</v>
      </c>
      <c r="T8" s="313">
        <v>278</v>
      </c>
      <c r="U8" s="313">
        <v>519</v>
      </c>
      <c r="V8" s="310">
        <v>997</v>
      </c>
      <c r="W8" s="315">
        <v>1000</v>
      </c>
      <c r="X8" s="309">
        <v>335</v>
      </c>
      <c r="Y8" s="313">
        <v>703</v>
      </c>
      <c r="Z8" s="310">
        <v>1038</v>
      </c>
      <c r="AA8" s="312">
        <v>0</v>
      </c>
      <c r="AB8" s="313">
        <v>1896</v>
      </c>
      <c r="AC8" s="313">
        <v>1913</v>
      </c>
      <c r="AD8" s="313">
        <v>1191</v>
      </c>
      <c r="AE8" s="313">
        <v>1153</v>
      </c>
      <c r="AF8" s="313">
        <v>899</v>
      </c>
      <c r="AG8" s="310">
        <v>7052</v>
      </c>
      <c r="AH8" s="315">
        <v>8090</v>
      </c>
      <c r="AI8" s="309">
        <v>24</v>
      </c>
      <c r="AJ8" s="313">
        <v>59</v>
      </c>
      <c r="AK8" s="310">
        <v>83</v>
      </c>
      <c r="AL8" s="312">
        <v>0</v>
      </c>
      <c r="AM8" s="313">
        <v>147</v>
      </c>
      <c r="AN8" s="313">
        <v>185</v>
      </c>
      <c r="AO8" s="313">
        <v>122</v>
      </c>
      <c r="AP8" s="313">
        <v>127</v>
      </c>
      <c r="AQ8" s="313">
        <v>71</v>
      </c>
      <c r="AR8" s="310">
        <v>652</v>
      </c>
      <c r="AS8" s="315">
        <v>735</v>
      </c>
      <c r="AT8" s="309">
        <v>463</v>
      </c>
      <c r="AU8" s="313">
        <v>527</v>
      </c>
      <c r="AV8" s="310">
        <v>990</v>
      </c>
      <c r="AW8" s="312">
        <v>0</v>
      </c>
      <c r="AX8" s="313">
        <v>3159</v>
      </c>
      <c r="AY8" s="313">
        <v>3349</v>
      </c>
      <c r="AZ8" s="313">
        <v>2991</v>
      </c>
      <c r="BA8" s="313">
        <v>3122</v>
      </c>
      <c r="BB8" s="313">
        <v>2362</v>
      </c>
      <c r="BC8" s="314">
        <v>14983</v>
      </c>
      <c r="BD8" s="315">
        <v>15973</v>
      </c>
      <c r="BE8" s="309">
        <v>0</v>
      </c>
      <c r="BF8" s="313">
        <v>0</v>
      </c>
      <c r="BG8" s="310">
        <v>0</v>
      </c>
      <c r="BH8" s="312">
        <v>0</v>
      </c>
      <c r="BI8" s="313">
        <v>3660</v>
      </c>
      <c r="BJ8" s="313">
        <v>2615</v>
      </c>
      <c r="BK8" s="313">
        <v>1495</v>
      </c>
      <c r="BL8" s="313">
        <v>974</v>
      </c>
      <c r="BM8" s="313">
        <v>439</v>
      </c>
      <c r="BN8" s="310">
        <v>9183</v>
      </c>
      <c r="BO8" s="315">
        <v>9183</v>
      </c>
      <c r="BP8" s="309">
        <v>94</v>
      </c>
      <c r="BQ8" s="313">
        <v>188</v>
      </c>
      <c r="BR8" s="310">
        <v>282</v>
      </c>
      <c r="BS8" s="312">
        <v>0</v>
      </c>
      <c r="BT8" s="313">
        <v>551</v>
      </c>
      <c r="BU8" s="313">
        <v>725</v>
      </c>
      <c r="BV8" s="313">
        <v>475</v>
      </c>
      <c r="BW8" s="313">
        <v>324</v>
      </c>
      <c r="BX8" s="313">
        <v>107</v>
      </c>
      <c r="BY8" s="310">
        <v>2182</v>
      </c>
      <c r="BZ8" s="315">
        <v>2464</v>
      </c>
      <c r="CA8" s="309">
        <v>6</v>
      </c>
      <c r="CB8" s="313">
        <v>24</v>
      </c>
      <c r="CC8" s="310">
        <v>30</v>
      </c>
      <c r="CD8" s="312">
        <v>0</v>
      </c>
      <c r="CE8" s="313">
        <v>278</v>
      </c>
      <c r="CF8" s="313">
        <v>420</v>
      </c>
      <c r="CG8" s="313">
        <v>553</v>
      </c>
      <c r="CH8" s="313">
        <v>371</v>
      </c>
      <c r="CI8" s="313">
        <v>232</v>
      </c>
      <c r="CJ8" s="310">
        <v>1854</v>
      </c>
      <c r="CK8" s="315">
        <v>1884</v>
      </c>
      <c r="CL8" s="309">
        <v>0</v>
      </c>
      <c r="CM8" s="313">
        <v>0</v>
      </c>
      <c r="CN8" s="310">
        <v>0</v>
      </c>
      <c r="CO8" s="312">
        <v>0</v>
      </c>
      <c r="CP8" s="313">
        <v>34</v>
      </c>
      <c r="CQ8" s="313">
        <v>44</v>
      </c>
      <c r="CR8" s="313">
        <v>70</v>
      </c>
      <c r="CS8" s="313">
        <v>67</v>
      </c>
      <c r="CT8" s="313">
        <v>38</v>
      </c>
      <c r="CU8" s="310">
        <v>253</v>
      </c>
      <c r="CV8" s="315">
        <v>253</v>
      </c>
      <c r="CW8" s="309">
        <v>0</v>
      </c>
      <c r="CX8" s="313">
        <v>0</v>
      </c>
      <c r="CY8" s="310">
        <v>0</v>
      </c>
      <c r="CZ8" s="312">
        <v>0</v>
      </c>
      <c r="DA8" s="313">
        <v>0</v>
      </c>
      <c r="DB8" s="313">
        <v>0</v>
      </c>
      <c r="DC8" s="313">
        <v>0</v>
      </c>
      <c r="DD8" s="313">
        <v>0</v>
      </c>
      <c r="DE8" s="313">
        <v>0</v>
      </c>
      <c r="DF8" s="310">
        <v>0</v>
      </c>
      <c r="DG8" s="315">
        <v>0</v>
      </c>
      <c r="DH8" s="309">
        <v>0</v>
      </c>
      <c r="DI8" s="313">
        <v>0</v>
      </c>
      <c r="DJ8" s="310">
        <v>0</v>
      </c>
      <c r="DK8" s="312">
        <v>0</v>
      </c>
      <c r="DL8" s="313">
        <v>0</v>
      </c>
      <c r="DM8" s="313">
        <v>0</v>
      </c>
      <c r="DN8" s="313">
        <v>0</v>
      </c>
      <c r="DO8" s="313">
        <v>0</v>
      </c>
      <c r="DP8" s="313">
        <v>0</v>
      </c>
      <c r="DQ8" s="310">
        <v>0</v>
      </c>
      <c r="DR8" s="315">
        <v>0</v>
      </c>
      <c r="DS8" s="309">
        <v>1432</v>
      </c>
      <c r="DT8" s="313">
        <v>2562</v>
      </c>
      <c r="DU8" s="310">
        <v>3994</v>
      </c>
      <c r="DV8" s="312">
        <v>0</v>
      </c>
      <c r="DW8" s="313">
        <v>4510</v>
      </c>
      <c r="DX8" s="313">
        <v>5232</v>
      </c>
      <c r="DY8" s="313">
        <v>3460</v>
      </c>
      <c r="DZ8" s="313">
        <v>2952</v>
      </c>
      <c r="EA8" s="313">
        <v>1868</v>
      </c>
      <c r="EB8" s="310">
        <v>18022</v>
      </c>
      <c r="EC8" s="315">
        <v>22016</v>
      </c>
      <c r="ED8" s="309">
        <v>256</v>
      </c>
      <c r="EE8" s="313">
        <v>172</v>
      </c>
      <c r="EF8" s="310">
        <v>428</v>
      </c>
      <c r="EG8" s="312">
        <v>0</v>
      </c>
      <c r="EH8" s="313">
        <v>796</v>
      </c>
      <c r="EI8" s="313">
        <v>673</v>
      </c>
      <c r="EJ8" s="313">
        <v>667</v>
      </c>
      <c r="EK8" s="313">
        <v>769</v>
      </c>
      <c r="EL8" s="313">
        <v>522</v>
      </c>
      <c r="EM8" s="310">
        <v>3427</v>
      </c>
      <c r="EN8" s="315">
        <v>3855</v>
      </c>
      <c r="EO8" s="309">
        <v>1823</v>
      </c>
      <c r="EP8" s="313">
        <v>3190</v>
      </c>
      <c r="EQ8" s="310">
        <v>5013</v>
      </c>
      <c r="ER8" s="312">
        <v>0</v>
      </c>
      <c r="ES8" s="313">
        <v>9351</v>
      </c>
      <c r="ET8" s="313">
        <v>7291</v>
      </c>
      <c r="EU8" s="313">
        <v>4243</v>
      </c>
      <c r="EV8" s="313">
        <v>3297</v>
      </c>
      <c r="EW8" s="313">
        <v>2020</v>
      </c>
      <c r="EX8" s="310">
        <v>26202</v>
      </c>
      <c r="EY8" s="315">
        <v>31215</v>
      </c>
    </row>
    <row r="9" spans="1:155" ht="19.5" customHeight="1" x14ac:dyDescent="0.2">
      <c r="A9" s="294" t="s">
        <v>14</v>
      </c>
      <c r="B9" s="309">
        <v>0</v>
      </c>
      <c r="C9" s="310">
        <v>0</v>
      </c>
      <c r="D9" s="311">
        <v>0</v>
      </c>
      <c r="E9" s="312">
        <v>0</v>
      </c>
      <c r="F9" s="313">
        <v>1140</v>
      </c>
      <c r="G9" s="313">
        <v>1524</v>
      </c>
      <c r="H9" s="313">
        <v>882</v>
      </c>
      <c r="I9" s="313">
        <v>659</v>
      </c>
      <c r="J9" s="313">
        <v>446</v>
      </c>
      <c r="K9" s="314">
        <v>4651</v>
      </c>
      <c r="L9" s="315">
        <v>4651</v>
      </c>
      <c r="M9" s="309">
        <v>0</v>
      </c>
      <c r="N9" s="313">
        <v>1</v>
      </c>
      <c r="O9" s="310">
        <v>1</v>
      </c>
      <c r="P9" s="312">
        <v>0</v>
      </c>
      <c r="Q9" s="313">
        <v>9</v>
      </c>
      <c r="R9" s="313">
        <v>22</v>
      </c>
      <c r="S9" s="313">
        <v>55</v>
      </c>
      <c r="T9" s="313">
        <v>114</v>
      </c>
      <c r="U9" s="313">
        <v>197</v>
      </c>
      <c r="V9" s="310">
        <v>397</v>
      </c>
      <c r="W9" s="315">
        <v>398</v>
      </c>
      <c r="X9" s="309">
        <v>112</v>
      </c>
      <c r="Y9" s="313">
        <v>398</v>
      </c>
      <c r="Z9" s="310">
        <v>510</v>
      </c>
      <c r="AA9" s="312">
        <v>0</v>
      </c>
      <c r="AB9" s="313">
        <v>610</v>
      </c>
      <c r="AC9" s="313">
        <v>991</v>
      </c>
      <c r="AD9" s="313">
        <v>656</v>
      </c>
      <c r="AE9" s="313">
        <v>610</v>
      </c>
      <c r="AF9" s="313">
        <v>405</v>
      </c>
      <c r="AG9" s="310">
        <v>3272</v>
      </c>
      <c r="AH9" s="315">
        <v>3782</v>
      </c>
      <c r="AI9" s="309">
        <v>5</v>
      </c>
      <c r="AJ9" s="313">
        <v>41</v>
      </c>
      <c r="AK9" s="310">
        <v>46</v>
      </c>
      <c r="AL9" s="312">
        <v>0</v>
      </c>
      <c r="AM9" s="313">
        <v>19</v>
      </c>
      <c r="AN9" s="313">
        <v>62</v>
      </c>
      <c r="AO9" s="313">
        <v>56</v>
      </c>
      <c r="AP9" s="313">
        <v>40</v>
      </c>
      <c r="AQ9" s="313">
        <v>31</v>
      </c>
      <c r="AR9" s="310">
        <v>208</v>
      </c>
      <c r="AS9" s="315">
        <v>254</v>
      </c>
      <c r="AT9" s="309">
        <v>206</v>
      </c>
      <c r="AU9" s="313">
        <v>304</v>
      </c>
      <c r="AV9" s="310">
        <v>510</v>
      </c>
      <c r="AW9" s="312">
        <v>0</v>
      </c>
      <c r="AX9" s="313">
        <v>1256</v>
      </c>
      <c r="AY9" s="313">
        <v>1546</v>
      </c>
      <c r="AZ9" s="313">
        <v>1461</v>
      </c>
      <c r="BA9" s="313">
        <v>1281</v>
      </c>
      <c r="BB9" s="313">
        <v>899</v>
      </c>
      <c r="BC9" s="314">
        <v>6443</v>
      </c>
      <c r="BD9" s="315">
        <v>6953</v>
      </c>
      <c r="BE9" s="309">
        <v>0</v>
      </c>
      <c r="BF9" s="313">
        <v>0</v>
      </c>
      <c r="BG9" s="310">
        <v>0</v>
      </c>
      <c r="BH9" s="312">
        <v>0</v>
      </c>
      <c r="BI9" s="313">
        <v>1505</v>
      </c>
      <c r="BJ9" s="313">
        <v>1535</v>
      </c>
      <c r="BK9" s="313">
        <v>1017</v>
      </c>
      <c r="BL9" s="313">
        <v>603</v>
      </c>
      <c r="BM9" s="313">
        <v>281</v>
      </c>
      <c r="BN9" s="310">
        <v>4941</v>
      </c>
      <c r="BO9" s="315">
        <v>4941</v>
      </c>
      <c r="BP9" s="309">
        <v>80</v>
      </c>
      <c r="BQ9" s="313">
        <v>186</v>
      </c>
      <c r="BR9" s="310">
        <v>266</v>
      </c>
      <c r="BS9" s="312">
        <v>0</v>
      </c>
      <c r="BT9" s="313">
        <v>145</v>
      </c>
      <c r="BU9" s="313">
        <v>375</v>
      </c>
      <c r="BV9" s="313">
        <v>223</v>
      </c>
      <c r="BW9" s="313">
        <v>159</v>
      </c>
      <c r="BX9" s="313">
        <v>42</v>
      </c>
      <c r="BY9" s="310">
        <v>944</v>
      </c>
      <c r="BZ9" s="315">
        <v>1210</v>
      </c>
      <c r="CA9" s="309">
        <v>2</v>
      </c>
      <c r="CB9" s="313">
        <v>24</v>
      </c>
      <c r="CC9" s="310">
        <v>26</v>
      </c>
      <c r="CD9" s="312">
        <v>0</v>
      </c>
      <c r="CE9" s="313">
        <v>171</v>
      </c>
      <c r="CF9" s="313">
        <v>264</v>
      </c>
      <c r="CG9" s="313">
        <v>392</v>
      </c>
      <c r="CH9" s="313">
        <v>274</v>
      </c>
      <c r="CI9" s="313">
        <v>145</v>
      </c>
      <c r="CJ9" s="310">
        <v>1246</v>
      </c>
      <c r="CK9" s="315">
        <v>1272</v>
      </c>
      <c r="CL9" s="309">
        <v>0</v>
      </c>
      <c r="CM9" s="313">
        <v>1</v>
      </c>
      <c r="CN9" s="310">
        <v>1</v>
      </c>
      <c r="CO9" s="312">
        <v>0</v>
      </c>
      <c r="CP9" s="313">
        <v>2</v>
      </c>
      <c r="CQ9" s="313">
        <v>8</v>
      </c>
      <c r="CR9" s="313">
        <v>13</v>
      </c>
      <c r="CS9" s="313">
        <v>11</v>
      </c>
      <c r="CT9" s="313">
        <v>4</v>
      </c>
      <c r="CU9" s="310">
        <v>38</v>
      </c>
      <c r="CV9" s="315">
        <v>39</v>
      </c>
      <c r="CW9" s="309">
        <v>0</v>
      </c>
      <c r="CX9" s="313">
        <v>0</v>
      </c>
      <c r="CY9" s="310">
        <v>0</v>
      </c>
      <c r="CZ9" s="312">
        <v>0</v>
      </c>
      <c r="DA9" s="313">
        <v>0</v>
      </c>
      <c r="DB9" s="313">
        <v>0</v>
      </c>
      <c r="DC9" s="313">
        <v>0</v>
      </c>
      <c r="DD9" s="313">
        <v>0</v>
      </c>
      <c r="DE9" s="313">
        <v>0</v>
      </c>
      <c r="DF9" s="310">
        <v>0</v>
      </c>
      <c r="DG9" s="315">
        <v>0</v>
      </c>
      <c r="DH9" s="309">
        <v>0</v>
      </c>
      <c r="DI9" s="313">
        <v>0</v>
      </c>
      <c r="DJ9" s="310">
        <v>0</v>
      </c>
      <c r="DK9" s="312">
        <v>0</v>
      </c>
      <c r="DL9" s="313">
        <v>0</v>
      </c>
      <c r="DM9" s="313">
        <v>0</v>
      </c>
      <c r="DN9" s="313">
        <v>0</v>
      </c>
      <c r="DO9" s="313">
        <v>0</v>
      </c>
      <c r="DP9" s="313">
        <v>0</v>
      </c>
      <c r="DQ9" s="310">
        <v>0</v>
      </c>
      <c r="DR9" s="315">
        <v>0</v>
      </c>
      <c r="DS9" s="309">
        <v>779</v>
      </c>
      <c r="DT9" s="313">
        <v>2195</v>
      </c>
      <c r="DU9" s="310">
        <v>2974</v>
      </c>
      <c r="DV9" s="312">
        <v>0</v>
      </c>
      <c r="DW9" s="313">
        <v>1650</v>
      </c>
      <c r="DX9" s="313">
        <v>3439</v>
      </c>
      <c r="DY9" s="313">
        <v>2146</v>
      </c>
      <c r="DZ9" s="313">
        <v>1619</v>
      </c>
      <c r="EA9" s="313">
        <v>883</v>
      </c>
      <c r="EB9" s="310">
        <v>9737</v>
      </c>
      <c r="EC9" s="315">
        <v>12711</v>
      </c>
      <c r="ED9" s="309">
        <v>143</v>
      </c>
      <c r="EE9" s="313">
        <v>125</v>
      </c>
      <c r="EF9" s="310">
        <v>268</v>
      </c>
      <c r="EG9" s="312">
        <v>0</v>
      </c>
      <c r="EH9" s="313">
        <v>319</v>
      </c>
      <c r="EI9" s="313">
        <v>286</v>
      </c>
      <c r="EJ9" s="313">
        <v>242</v>
      </c>
      <c r="EK9" s="313">
        <v>286</v>
      </c>
      <c r="EL9" s="313">
        <v>151</v>
      </c>
      <c r="EM9" s="310">
        <v>1284</v>
      </c>
      <c r="EN9" s="315">
        <v>1552</v>
      </c>
      <c r="EO9" s="309">
        <v>933</v>
      </c>
      <c r="EP9" s="313">
        <v>2480</v>
      </c>
      <c r="EQ9" s="310">
        <v>3413</v>
      </c>
      <c r="ER9" s="312">
        <v>0</v>
      </c>
      <c r="ES9" s="313">
        <v>3737</v>
      </c>
      <c r="ET9" s="313">
        <v>4500</v>
      </c>
      <c r="EU9" s="313">
        <v>2590</v>
      </c>
      <c r="EV9" s="313">
        <v>1767</v>
      </c>
      <c r="EW9" s="313">
        <v>931</v>
      </c>
      <c r="EX9" s="310">
        <v>13525</v>
      </c>
      <c r="EY9" s="315">
        <v>16938</v>
      </c>
    </row>
    <row r="10" spans="1:155" ht="19.5" customHeight="1" x14ac:dyDescent="0.2">
      <c r="A10" s="294" t="s">
        <v>7</v>
      </c>
      <c r="B10" s="309">
        <v>0</v>
      </c>
      <c r="C10" s="310">
        <v>0</v>
      </c>
      <c r="D10" s="311">
        <v>0</v>
      </c>
      <c r="E10" s="312">
        <v>0</v>
      </c>
      <c r="F10" s="313">
        <v>1535</v>
      </c>
      <c r="G10" s="313">
        <v>1172</v>
      </c>
      <c r="H10" s="313">
        <v>664</v>
      </c>
      <c r="I10" s="313">
        <v>560</v>
      </c>
      <c r="J10" s="313">
        <v>381</v>
      </c>
      <c r="K10" s="314">
        <v>4312</v>
      </c>
      <c r="L10" s="315">
        <v>4312</v>
      </c>
      <c r="M10" s="309">
        <v>0</v>
      </c>
      <c r="N10" s="313">
        <v>0</v>
      </c>
      <c r="O10" s="310">
        <v>0</v>
      </c>
      <c r="P10" s="312">
        <v>0</v>
      </c>
      <c r="Q10" s="313">
        <v>13</v>
      </c>
      <c r="R10" s="313">
        <v>32</v>
      </c>
      <c r="S10" s="313">
        <v>57</v>
      </c>
      <c r="T10" s="313">
        <v>133</v>
      </c>
      <c r="U10" s="313">
        <v>186</v>
      </c>
      <c r="V10" s="310">
        <v>421</v>
      </c>
      <c r="W10" s="315">
        <v>421</v>
      </c>
      <c r="X10" s="309">
        <v>9</v>
      </c>
      <c r="Y10" s="313">
        <v>23</v>
      </c>
      <c r="Z10" s="310">
        <v>32</v>
      </c>
      <c r="AA10" s="312">
        <v>0</v>
      </c>
      <c r="AB10" s="313">
        <v>439</v>
      </c>
      <c r="AC10" s="313">
        <v>502</v>
      </c>
      <c r="AD10" s="313">
        <v>332</v>
      </c>
      <c r="AE10" s="313">
        <v>340</v>
      </c>
      <c r="AF10" s="313">
        <v>282</v>
      </c>
      <c r="AG10" s="310">
        <v>1895</v>
      </c>
      <c r="AH10" s="315">
        <v>1927</v>
      </c>
      <c r="AI10" s="309">
        <v>4</v>
      </c>
      <c r="AJ10" s="313">
        <v>6</v>
      </c>
      <c r="AK10" s="310">
        <v>10</v>
      </c>
      <c r="AL10" s="312">
        <v>0</v>
      </c>
      <c r="AM10" s="313">
        <v>68</v>
      </c>
      <c r="AN10" s="313">
        <v>82</v>
      </c>
      <c r="AO10" s="313">
        <v>44</v>
      </c>
      <c r="AP10" s="313">
        <v>57</v>
      </c>
      <c r="AQ10" s="313">
        <v>37</v>
      </c>
      <c r="AR10" s="310">
        <v>288</v>
      </c>
      <c r="AS10" s="315">
        <v>298</v>
      </c>
      <c r="AT10" s="309">
        <v>129</v>
      </c>
      <c r="AU10" s="313">
        <v>104</v>
      </c>
      <c r="AV10" s="310">
        <v>233</v>
      </c>
      <c r="AW10" s="312">
        <v>0</v>
      </c>
      <c r="AX10" s="313">
        <v>1098</v>
      </c>
      <c r="AY10" s="313">
        <v>1020</v>
      </c>
      <c r="AZ10" s="313">
        <v>933</v>
      </c>
      <c r="BA10" s="313">
        <v>969</v>
      </c>
      <c r="BB10" s="313">
        <v>681</v>
      </c>
      <c r="BC10" s="314">
        <v>4701</v>
      </c>
      <c r="BD10" s="315">
        <v>4934</v>
      </c>
      <c r="BE10" s="309">
        <v>0</v>
      </c>
      <c r="BF10" s="313">
        <v>0</v>
      </c>
      <c r="BG10" s="310">
        <v>0</v>
      </c>
      <c r="BH10" s="312">
        <v>0</v>
      </c>
      <c r="BI10" s="313">
        <v>1707</v>
      </c>
      <c r="BJ10" s="313">
        <v>1155</v>
      </c>
      <c r="BK10" s="313">
        <v>538</v>
      </c>
      <c r="BL10" s="313">
        <v>350</v>
      </c>
      <c r="BM10" s="313">
        <v>159</v>
      </c>
      <c r="BN10" s="310">
        <v>3909</v>
      </c>
      <c r="BO10" s="315">
        <v>3909</v>
      </c>
      <c r="BP10" s="309">
        <v>33</v>
      </c>
      <c r="BQ10" s="313">
        <v>52</v>
      </c>
      <c r="BR10" s="310">
        <v>85</v>
      </c>
      <c r="BS10" s="312">
        <v>0</v>
      </c>
      <c r="BT10" s="313">
        <v>259</v>
      </c>
      <c r="BU10" s="313">
        <v>235</v>
      </c>
      <c r="BV10" s="313">
        <v>121</v>
      </c>
      <c r="BW10" s="313">
        <v>79</v>
      </c>
      <c r="BX10" s="313">
        <v>25</v>
      </c>
      <c r="BY10" s="310">
        <v>719</v>
      </c>
      <c r="BZ10" s="315">
        <v>804</v>
      </c>
      <c r="CA10" s="309">
        <v>1</v>
      </c>
      <c r="CB10" s="313">
        <v>1</v>
      </c>
      <c r="CC10" s="310">
        <v>2</v>
      </c>
      <c r="CD10" s="312">
        <v>0</v>
      </c>
      <c r="CE10" s="313">
        <v>208</v>
      </c>
      <c r="CF10" s="313">
        <v>282</v>
      </c>
      <c r="CG10" s="313">
        <v>288</v>
      </c>
      <c r="CH10" s="313">
        <v>194</v>
      </c>
      <c r="CI10" s="313">
        <v>110</v>
      </c>
      <c r="CJ10" s="310">
        <v>1082</v>
      </c>
      <c r="CK10" s="315">
        <v>1084</v>
      </c>
      <c r="CL10" s="309">
        <v>0</v>
      </c>
      <c r="CM10" s="313">
        <v>0</v>
      </c>
      <c r="CN10" s="310">
        <v>0</v>
      </c>
      <c r="CO10" s="312">
        <v>0</v>
      </c>
      <c r="CP10" s="313">
        <v>11</v>
      </c>
      <c r="CQ10" s="313">
        <v>14</v>
      </c>
      <c r="CR10" s="313">
        <v>12</v>
      </c>
      <c r="CS10" s="313">
        <v>15</v>
      </c>
      <c r="CT10" s="313">
        <v>10</v>
      </c>
      <c r="CU10" s="310">
        <v>62</v>
      </c>
      <c r="CV10" s="315">
        <v>62</v>
      </c>
      <c r="CW10" s="309">
        <v>0</v>
      </c>
      <c r="CX10" s="313">
        <v>0</v>
      </c>
      <c r="CY10" s="310">
        <v>0</v>
      </c>
      <c r="CZ10" s="312">
        <v>0</v>
      </c>
      <c r="DA10" s="313">
        <v>0</v>
      </c>
      <c r="DB10" s="313">
        <v>0</v>
      </c>
      <c r="DC10" s="313">
        <v>0</v>
      </c>
      <c r="DD10" s="313">
        <v>0</v>
      </c>
      <c r="DE10" s="313">
        <v>0</v>
      </c>
      <c r="DF10" s="310">
        <v>0</v>
      </c>
      <c r="DG10" s="315">
        <v>0</v>
      </c>
      <c r="DH10" s="309">
        <v>0</v>
      </c>
      <c r="DI10" s="313">
        <v>0</v>
      </c>
      <c r="DJ10" s="310">
        <v>0</v>
      </c>
      <c r="DK10" s="312">
        <v>0</v>
      </c>
      <c r="DL10" s="313">
        <v>0</v>
      </c>
      <c r="DM10" s="313">
        <v>0</v>
      </c>
      <c r="DN10" s="313">
        <v>0</v>
      </c>
      <c r="DO10" s="313">
        <v>0</v>
      </c>
      <c r="DP10" s="313">
        <v>0</v>
      </c>
      <c r="DQ10" s="310">
        <v>0</v>
      </c>
      <c r="DR10" s="315">
        <v>0</v>
      </c>
      <c r="DS10" s="309">
        <v>280</v>
      </c>
      <c r="DT10" s="313">
        <v>617</v>
      </c>
      <c r="DU10" s="310">
        <v>897</v>
      </c>
      <c r="DV10" s="312">
        <v>0</v>
      </c>
      <c r="DW10" s="313">
        <v>1894</v>
      </c>
      <c r="DX10" s="313">
        <v>2260</v>
      </c>
      <c r="DY10" s="313">
        <v>1289</v>
      </c>
      <c r="DZ10" s="313">
        <v>1019</v>
      </c>
      <c r="EA10" s="313">
        <v>636</v>
      </c>
      <c r="EB10" s="310">
        <v>7098</v>
      </c>
      <c r="EC10" s="315">
        <v>7995</v>
      </c>
      <c r="ED10" s="309">
        <v>100</v>
      </c>
      <c r="EE10" s="313">
        <v>53</v>
      </c>
      <c r="EF10" s="310">
        <v>153</v>
      </c>
      <c r="EG10" s="312">
        <v>0</v>
      </c>
      <c r="EH10" s="313">
        <v>460</v>
      </c>
      <c r="EI10" s="313">
        <v>261</v>
      </c>
      <c r="EJ10" s="313">
        <v>245</v>
      </c>
      <c r="EK10" s="313">
        <v>291</v>
      </c>
      <c r="EL10" s="313">
        <v>151</v>
      </c>
      <c r="EM10" s="310">
        <v>1408</v>
      </c>
      <c r="EN10" s="315">
        <v>1561</v>
      </c>
      <c r="EO10" s="309">
        <v>319</v>
      </c>
      <c r="EP10" s="313">
        <v>663</v>
      </c>
      <c r="EQ10" s="310">
        <v>982</v>
      </c>
      <c r="ER10" s="312">
        <v>0</v>
      </c>
      <c r="ES10" s="313">
        <v>4306</v>
      </c>
      <c r="ET10" s="313">
        <v>3126</v>
      </c>
      <c r="EU10" s="313">
        <v>1599</v>
      </c>
      <c r="EV10" s="313">
        <v>1116</v>
      </c>
      <c r="EW10" s="313">
        <v>659</v>
      </c>
      <c r="EX10" s="310">
        <v>10806</v>
      </c>
      <c r="EY10" s="315">
        <v>11788</v>
      </c>
    </row>
    <row r="11" spans="1:155" ht="19.5" customHeight="1" x14ac:dyDescent="0.2">
      <c r="A11" s="294" t="s">
        <v>8</v>
      </c>
      <c r="B11" s="309">
        <v>0</v>
      </c>
      <c r="C11" s="310">
        <v>0</v>
      </c>
      <c r="D11" s="311">
        <v>0</v>
      </c>
      <c r="E11" s="312">
        <v>0</v>
      </c>
      <c r="F11" s="313">
        <v>466</v>
      </c>
      <c r="G11" s="313">
        <v>581</v>
      </c>
      <c r="H11" s="313">
        <v>356</v>
      </c>
      <c r="I11" s="313">
        <v>283</v>
      </c>
      <c r="J11" s="313">
        <v>229</v>
      </c>
      <c r="K11" s="314">
        <v>1915</v>
      </c>
      <c r="L11" s="315">
        <v>1915</v>
      </c>
      <c r="M11" s="309">
        <v>0</v>
      </c>
      <c r="N11" s="313">
        <v>1</v>
      </c>
      <c r="O11" s="310">
        <v>1</v>
      </c>
      <c r="P11" s="312">
        <v>0</v>
      </c>
      <c r="Q11" s="313">
        <v>4</v>
      </c>
      <c r="R11" s="313">
        <v>13</v>
      </c>
      <c r="S11" s="313">
        <v>29</v>
      </c>
      <c r="T11" s="313">
        <v>49</v>
      </c>
      <c r="U11" s="313">
        <v>99</v>
      </c>
      <c r="V11" s="310">
        <v>194</v>
      </c>
      <c r="W11" s="315">
        <v>195</v>
      </c>
      <c r="X11" s="309">
        <v>54</v>
      </c>
      <c r="Y11" s="313">
        <v>81</v>
      </c>
      <c r="Z11" s="310">
        <v>135</v>
      </c>
      <c r="AA11" s="312">
        <v>0</v>
      </c>
      <c r="AB11" s="313">
        <v>269</v>
      </c>
      <c r="AC11" s="313">
        <v>360</v>
      </c>
      <c r="AD11" s="313">
        <v>232</v>
      </c>
      <c r="AE11" s="313">
        <v>213</v>
      </c>
      <c r="AF11" s="313">
        <v>198</v>
      </c>
      <c r="AG11" s="310">
        <v>1272</v>
      </c>
      <c r="AH11" s="315">
        <v>1407</v>
      </c>
      <c r="AI11" s="309">
        <v>7</v>
      </c>
      <c r="AJ11" s="313">
        <v>18</v>
      </c>
      <c r="AK11" s="310">
        <v>25</v>
      </c>
      <c r="AL11" s="312">
        <v>0</v>
      </c>
      <c r="AM11" s="313">
        <v>41</v>
      </c>
      <c r="AN11" s="313">
        <v>90</v>
      </c>
      <c r="AO11" s="313">
        <v>63</v>
      </c>
      <c r="AP11" s="313">
        <v>36</v>
      </c>
      <c r="AQ11" s="313">
        <v>30</v>
      </c>
      <c r="AR11" s="310">
        <v>260</v>
      </c>
      <c r="AS11" s="315">
        <v>285</v>
      </c>
      <c r="AT11" s="309">
        <v>81</v>
      </c>
      <c r="AU11" s="313">
        <v>45</v>
      </c>
      <c r="AV11" s="310">
        <v>126</v>
      </c>
      <c r="AW11" s="312">
        <v>0</v>
      </c>
      <c r="AX11" s="313">
        <v>437</v>
      </c>
      <c r="AY11" s="313">
        <v>513</v>
      </c>
      <c r="AZ11" s="313">
        <v>504</v>
      </c>
      <c r="BA11" s="313">
        <v>494</v>
      </c>
      <c r="BB11" s="313">
        <v>371</v>
      </c>
      <c r="BC11" s="314">
        <v>2319</v>
      </c>
      <c r="BD11" s="315">
        <v>2445</v>
      </c>
      <c r="BE11" s="309">
        <v>0</v>
      </c>
      <c r="BF11" s="313">
        <v>0</v>
      </c>
      <c r="BG11" s="310">
        <v>0</v>
      </c>
      <c r="BH11" s="312">
        <v>0</v>
      </c>
      <c r="BI11" s="313">
        <v>591</v>
      </c>
      <c r="BJ11" s="313">
        <v>614</v>
      </c>
      <c r="BK11" s="313">
        <v>351</v>
      </c>
      <c r="BL11" s="313">
        <v>194</v>
      </c>
      <c r="BM11" s="313">
        <v>122</v>
      </c>
      <c r="BN11" s="310">
        <v>1872</v>
      </c>
      <c r="BO11" s="315">
        <v>1872</v>
      </c>
      <c r="BP11" s="309">
        <v>53</v>
      </c>
      <c r="BQ11" s="313">
        <v>60</v>
      </c>
      <c r="BR11" s="310">
        <v>113</v>
      </c>
      <c r="BS11" s="312">
        <v>0</v>
      </c>
      <c r="BT11" s="313">
        <v>120</v>
      </c>
      <c r="BU11" s="313">
        <v>159</v>
      </c>
      <c r="BV11" s="313">
        <v>103</v>
      </c>
      <c r="BW11" s="313">
        <v>51</v>
      </c>
      <c r="BX11" s="313">
        <v>17</v>
      </c>
      <c r="BY11" s="310">
        <v>450</v>
      </c>
      <c r="BZ11" s="315">
        <v>563</v>
      </c>
      <c r="CA11" s="309">
        <v>1</v>
      </c>
      <c r="CB11" s="313">
        <v>6</v>
      </c>
      <c r="CC11" s="310">
        <v>7</v>
      </c>
      <c r="CD11" s="312">
        <v>0</v>
      </c>
      <c r="CE11" s="313">
        <v>77</v>
      </c>
      <c r="CF11" s="313">
        <v>153</v>
      </c>
      <c r="CG11" s="313">
        <v>171</v>
      </c>
      <c r="CH11" s="313">
        <v>121</v>
      </c>
      <c r="CI11" s="313">
        <v>66</v>
      </c>
      <c r="CJ11" s="310">
        <v>588</v>
      </c>
      <c r="CK11" s="315">
        <v>595</v>
      </c>
      <c r="CL11" s="309">
        <v>1</v>
      </c>
      <c r="CM11" s="313">
        <v>1</v>
      </c>
      <c r="CN11" s="310">
        <v>2</v>
      </c>
      <c r="CO11" s="312">
        <v>0</v>
      </c>
      <c r="CP11" s="313">
        <v>0</v>
      </c>
      <c r="CQ11" s="313">
        <v>8</v>
      </c>
      <c r="CR11" s="313">
        <v>7</v>
      </c>
      <c r="CS11" s="313">
        <v>0</v>
      </c>
      <c r="CT11" s="313">
        <v>0</v>
      </c>
      <c r="CU11" s="310">
        <v>15</v>
      </c>
      <c r="CV11" s="315">
        <v>17</v>
      </c>
      <c r="CW11" s="309">
        <v>0</v>
      </c>
      <c r="CX11" s="313">
        <v>0</v>
      </c>
      <c r="CY11" s="310">
        <v>0</v>
      </c>
      <c r="CZ11" s="312">
        <v>0</v>
      </c>
      <c r="DA11" s="313">
        <v>0</v>
      </c>
      <c r="DB11" s="313">
        <v>0</v>
      </c>
      <c r="DC11" s="313">
        <v>0</v>
      </c>
      <c r="DD11" s="313">
        <v>0</v>
      </c>
      <c r="DE11" s="313">
        <v>0</v>
      </c>
      <c r="DF11" s="310">
        <v>0</v>
      </c>
      <c r="DG11" s="315">
        <v>0</v>
      </c>
      <c r="DH11" s="309">
        <v>0</v>
      </c>
      <c r="DI11" s="313">
        <v>0</v>
      </c>
      <c r="DJ11" s="310">
        <v>0</v>
      </c>
      <c r="DK11" s="312">
        <v>0</v>
      </c>
      <c r="DL11" s="313">
        <v>0</v>
      </c>
      <c r="DM11" s="313">
        <v>0</v>
      </c>
      <c r="DN11" s="313">
        <v>0</v>
      </c>
      <c r="DO11" s="313">
        <v>0</v>
      </c>
      <c r="DP11" s="313">
        <v>0</v>
      </c>
      <c r="DQ11" s="310">
        <v>0</v>
      </c>
      <c r="DR11" s="315">
        <v>0</v>
      </c>
      <c r="DS11" s="309">
        <v>359</v>
      </c>
      <c r="DT11" s="313">
        <v>547</v>
      </c>
      <c r="DU11" s="310">
        <v>906</v>
      </c>
      <c r="DV11" s="312">
        <v>0</v>
      </c>
      <c r="DW11" s="313">
        <v>875</v>
      </c>
      <c r="DX11" s="313">
        <v>1410</v>
      </c>
      <c r="DY11" s="313">
        <v>867</v>
      </c>
      <c r="DZ11" s="313">
        <v>574</v>
      </c>
      <c r="EA11" s="313">
        <v>397</v>
      </c>
      <c r="EB11" s="310">
        <v>4123</v>
      </c>
      <c r="EC11" s="315">
        <v>5029</v>
      </c>
      <c r="ED11" s="309">
        <v>62</v>
      </c>
      <c r="EE11" s="313">
        <v>19</v>
      </c>
      <c r="EF11" s="310">
        <v>81</v>
      </c>
      <c r="EG11" s="312">
        <v>0</v>
      </c>
      <c r="EH11" s="313">
        <v>150</v>
      </c>
      <c r="EI11" s="313">
        <v>106</v>
      </c>
      <c r="EJ11" s="313">
        <v>99</v>
      </c>
      <c r="EK11" s="313">
        <v>130</v>
      </c>
      <c r="EL11" s="313">
        <v>72</v>
      </c>
      <c r="EM11" s="310">
        <v>557</v>
      </c>
      <c r="EN11" s="315">
        <v>638</v>
      </c>
      <c r="EO11" s="309">
        <v>442</v>
      </c>
      <c r="EP11" s="313">
        <v>616</v>
      </c>
      <c r="EQ11" s="310">
        <v>1058</v>
      </c>
      <c r="ER11" s="312">
        <v>0</v>
      </c>
      <c r="ES11" s="313">
        <v>1710</v>
      </c>
      <c r="ET11" s="313">
        <v>1837</v>
      </c>
      <c r="EU11" s="313">
        <v>1025</v>
      </c>
      <c r="EV11" s="313">
        <v>631</v>
      </c>
      <c r="EW11" s="313">
        <v>415</v>
      </c>
      <c r="EX11" s="310">
        <v>5618</v>
      </c>
      <c r="EY11" s="315">
        <v>6676</v>
      </c>
    </row>
    <row r="12" spans="1:155" ht="19.5" customHeight="1" x14ac:dyDescent="0.2">
      <c r="A12" s="294" t="s">
        <v>9</v>
      </c>
      <c r="B12" s="309">
        <v>0</v>
      </c>
      <c r="C12" s="310">
        <v>0</v>
      </c>
      <c r="D12" s="311">
        <v>0</v>
      </c>
      <c r="E12" s="312">
        <v>0</v>
      </c>
      <c r="F12" s="313">
        <v>586</v>
      </c>
      <c r="G12" s="313">
        <v>538</v>
      </c>
      <c r="H12" s="313">
        <v>352</v>
      </c>
      <c r="I12" s="313">
        <v>351</v>
      </c>
      <c r="J12" s="313">
        <v>250</v>
      </c>
      <c r="K12" s="314">
        <v>2077</v>
      </c>
      <c r="L12" s="315">
        <v>2077</v>
      </c>
      <c r="M12" s="309">
        <v>0</v>
      </c>
      <c r="N12" s="313">
        <v>0</v>
      </c>
      <c r="O12" s="310">
        <v>0</v>
      </c>
      <c r="P12" s="312">
        <v>0</v>
      </c>
      <c r="Q12" s="313">
        <v>7</v>
      </c>
      <c r="R12" s="313">
        <v>13</v>
      </c>
      <c r="S12" s="313">
        <v>19</v>
      </c>
      <c r="T12" s="313">
        <v>54</v>
      </c>
      <c r="U12" s="313">
        <v>101</v>
      </c>
      <c r="V12" s="310">
        <v>194</v>
      </c>
      <c r="W12" s="315">
        <v>194</v>
      </c>
      <c r="X12" s="309">
        <v>32</v>
      </c>
      <c r="Y12" s="313">
        <v>64</v>
      </c>
      <c r="Z12" s="310">
        <v>96</v>
      </c>
      <c r="AA12" s="312">
        <v>0</v>
      </c>
      <c r="AB12" s="313">
        <v>327</v>
      </c>
      <c r="AC12" s="313">
        <v>290</v>
      </c>
      <c r="AD12" s="313">
        <v>214</v>
      </c>
      <c r="AE12" s="313">
        <v>241</v>
      </c>
      <c r="AF12" s="313">
        <v>191</v>
      </c>
      <c r="AG12" s="310">
        <v>1263</v>
      </c>
      <c r="AH12" s="315">
        <v>1359</v>
      </c>
      <c r="AI12" s="309">
        <v>6</v>
      </c>
      <c r="AJ12" s="313">
        <v>12</v>
      </c>
      <c r="AK12" s="310">
        <v>18</v>
      </c>
      <c r="AL12" s="312">
        <v>0</v>
      </c>
      <c r="AM12" s="313">
        <v>52</v>
      </c>
      <c r="AN12" s="313">
        <v>60</v>
      </c>
      <c r="AO12" s="313">
        <v>56</v>
      </c>
      <c r="AP12" s="313">
        <v>49</v>
      </c>
      <c r="AQ12" s="313">
        <v>45</v>
      </c>
      <c r="AR12" s="310">
        <v>262</v>
      </c>
      <c r="AS12" s="315">
        <v>280</v>
      </c>
      <c r="AT12" s="309">
        <v>73</v>
      </c>
      <c r="AU12" s="313">
        <v>60</v>
      </c>
      <c r="AV12" s="310">
        <v>133</v>
      </c>
      <c r="AW12" s="312">
        <v>0</v>
      </c>
      <c r="AX12" s="313">
        <v>482</v>
      </c>
      <c r="AY12" s="313">
        <v>535</v>
      </c>
      <c r="AZ12" s="313">
        <v>570</v>
      </c>
      <c r="BA12" s="313">
        <v>538</v>
      </c>
      <c r="BB12" s="313">
        <v>406</v>
      </c>
      <c r="BC12" s="314">
        <v>2531</v>
      </c>
      <c r="BD12" s="315">
        <v>2664</v>
      </c>
      <c r="BE12" s="309">
        <v>0</v>
      </c>
      <c r="BF12" s="313">
        <v>0</v>
      </c>
      <c r="BG12" s="310">
        <v>0</v>
      </c>
      <c r="BH12" s="312">
        <v>0</v>
      </c>
      <c r="BI12" s="313">
        <v>546</v>
      </c>
      <c r="BJ12" s="313">
        <v>416</v>
      </c>
      <c r="BK12" s="313">
        <v>231</v>
      </c>
      <c r="BL12" s="313">
        <v>176</v>
      </c>
      <c r="BM12" s="313">
        <v>62</v>
      </c>
      <c r="BN12" s="310">
        <v>1431</v>
      </c>
      <c r="BO12" s="315">
        <v>1431</v>
      </c>
      <c r="BP12" s="309">
        <v>42</v>
      </c>
      <c r="BQ12" s="313">
        <v>61</v>
      </c>
      <c r="BR12" s="310">
        <v>103</v>
      </c>
      <c r="BS12" s="312">
        <v>0</v>
      </c>
      <c r="BT12" s="313">
        <v>116</v>
      </c>
      <c r="BU12" s="313">
        <v>130</v>
      </c>
      <c r="BV12" s="313">
        <v>69</v>
      </c>
      <c r="BW12" s="313">
        <v>74</v>
      </c>
      <c r="BX12" s="313">
        <v>27</v>
      </c>
      <c r="BY12" s="310">
        <v>416</v>
      </c>
      <c r="BZ12" s="315">
        <v>519</v>
      </c>
      <c r="CA12" s="309">
        <v>1</v>
      </c>
      <c r="CB12" s="313">
        <v>2</v>
      </c>
      <c r="CC12" s="310">
        <v>3</v>
      </c>
      <c r="CD12" s="312">
        <v>0</v>
      </c>
      <c r="CE12" s="313">
        <v>52</v>
      </c>
      <c r="CF12" s="313">
        <v>97</v>
      </c>
      <c r="CG12" s="313">
        <v>122</v>
      </c>
      <c r="CH12" s="313">
        <v>104</v>
      </c>
      <c r="CI12" s="313">
        <v>64</v>
      </c>
      <c r="CJ12" s="310">
        <v>439</v>
      </c>
      <c r="CK12" s="315">
        <v>442</v>
      </c>
      <c r="CL12" s="309">
        <v>0</v>
      </c>
      <c r="CM12" s="313">
        <v>0</v>
      </c>
      <c r="CN12" s="310">
        <v>0</v>
      </c>
      <c r="CO12" s="312">
        <v>0</v>
      </c>
      <c r="CP12" s="313">
        <v>6</v>
      </c>
      <c r="CQ12" s="313">
        <v>11</v>
      </c>
      <c r="CR12" s="313">
        <v>22</v>
      </c>
      <c r="CS12" s="313">
        <v>21</v>
      </c>
      <c r="CT12" s="313">
        <v>10</v>
      </c>
      <c r="CU12" s="310">
        <v>70</v>
      </c>
      <c r="CV12" s="315">
        <v>70</v>
      </c>
      <c r="CW12" s="309">
        <v>0</v>
      </c>
      <c r="CX12" s="313">
        <v>0</v>
      </c>
      <c r="CY12" s="310">
        <v>0</v>
      </c>
      <c r="CZ12" s="312">
        <v>0</v>
      </c>
      <c r="DA12" s="313">
        <v>0</v>
      </c>
      <c r="DB12" s="313">
        <v>0</v>
      </c>
      <c r="DC12" s="313">
        <v>0</v>
      </c>
      <c r="DD12" s="313">
        <v>0</v>
      </c>
      <c r="DE12" s="313">
        <v>0</v>
      </c>
      <c r="DF12" s="310">
        <v>0</v>
      </c>
      <c r="DG12" s="315">
        <v>0</v>
      </c>
      <c r="DH12" s="309">
        <v>0</v>
      </c>
      <c r="DI12" s="313">
        <v>0</v>
      </c>
      <c r="DJ12" s="310">
        <v>0</v>
      </c>
      <c r="DK12" s="312">
        <v>0</v>
      </c>
      <c r="DL12" s="313">
        <v>0</v>
      </c>
      <c r="DM12" s="313">
        <v>0</v>
      </c>
      <c r="DN12" s="313">
        <v>0</v>
      </c>
      <c r="DO12" s="313">
        <v>0</v>
      </c>
      <c r="DP12" s="313">
        <v>0</v>
      </c>
      <c r="DQ12" s="310">
        <v>0</v>
      </c>
      <c r="DR12" s="315">
        <v>0</v>
      </c>
      <c r="DS12" s="309">
        <v>331</v>
      </c>
      <c r="DT12" s="313">
        <v>460</v>
      </c>
      <c r="DU12" s="310">
        <v>791</v>
      </c>
      <c r="DV12" s="312">
        <v>0</v>
      </c>
      <c r="DW12" s="313">
        <v>880</v>
      </c>
      <c r="DX12" s="313">
        <v>968</v>
      </c>
      <c r="DY12" s="313">
        <v>627</v>
      </c>
      <c r="DZ12" s="313">
        <v>548</v>
      </c>
      <c r="EA12" s="313">
        <v>365</v>
      </c>
      <c r="EB12" s="310">
        <v>3388</v>
      </c>
      <c r="EC12" s="315">
        <v>4179</v>
      </c>
      <c r="ED12" s="309">
        <v>54</v>
      </c>
      <c r="EE12" s="313">
        <v>28</v>
      </c>
      <c r="EF12" s="310">
        <v>82</v>
      </c>
      <c r="EG12" s="312">
        <v>0</v>
      </c>
      <c r="EH12" s="313">
        <v>183</v>
      </c>
      <c r="EI12" s="313">
        <v>159</v>
      </c>
      <c r="EJ12" s="313">
        <v>147</v>
      </c>
      <c r="EK12" s="313">
        <v>158</v>
      </c>
      <c r="EL12" s="313">
        <v>102</v>
      </c>
      <c r="EM12" s="310">
        <v>749</v>
      </c>
      <c r="EN12" s="315">
        <v>831</v>
      </c>
      <c r="EO12" s="309">
        <v>389</v>
      </c>
      <c r="EP12" s="313">
        <v>518</v>
      </c>
      <c r="EQ12" s="310">
        <v>907</v>
      </c>
      <c r="ER12" s="312">
        <v>0</v>
      </c>
      <c r="ES12" s="313">
        <v>1609</v>
      </c>
      <c r="ET12" s="313">
        <v>1285</v>
      </c>
      <c r="EU12" s="313">
        <v>752</v>
      </c>
      <c r="EV12" s="313">
        <v>606</v>
      </c>
      <c r="EW12" s="313">
        <v>379</v>
      </c>
      <c r="EX12" s="310">
        <v>4631</v>
      </c>
      <c r="EY12" s="315">
        <v>5538</v>
      </c>
    </row>
    <row r="13" spans="1:155" ht="19.5" customHeight="1" x14ac:dyDescent="0.2">
      <c r="A13" s="294" t="s">
        <v>10</v>
      </c>
      <c r="B13" s="309">
        <v>0</v>
      </c>
      <c r="C13" s="310">
        <v>0</v>
      </c>
      <c r="D13" s="311">
        <v>0</v>
      </c>
      <c r="E13" s="312">
        <v>0</v>
      </c>
      <c r="F13" s="313">
        <v>1294</v>
      </c>
      <c r="G13" s="313">
        <v>695</v>
      </c>
      <c r="H13" s="313">
        <v>422</v>
      </c>
      <c r="I13" s="313">
        <v>398</v>
      </c>
      <c r="J13" s="313">
        <v>303</v>
      </c>
      <c r="K13" s="314">
        <v>3112</v>
      </c>
      <c r="L13" s="315">
        <v>3112</v>
      </c>
      <c r="M13" s="309">
        <v>0</v>
      </c>
      <c r="N13" s="313">
        <v>0</v>
      </c>
      <c r="O13" s="310">
        <v>0</v>
      </c>
      <c r="P13" s="312">
        <v>0</v>
      </c>
      <c r="Q13" s="313">
        <v>12</v>
      </c>
      <c r="R13" s="313">
        <v>20</v>
      </c>
      <c r="S13" s="313">
        <v>29</v>
      </c>
      <c r="T13" s="313">
        <v>83</v>
      </c>
      <c r="U13" s="313">
        <v>135</v>
      </c>
      <c r="V13" s="310">
        <v>279</v>
      </c>
      <c r="W13" s="315">
        <v>279</v>
      </c>
      <c r="X13" s="309">
        <v>153</v>
      </c>
      <c r="Y13" s="313">
        <v>302</v>
      </c>
      <c r="Z13" s="310">
        <v>455</v>
      </c>
      <c r="AA13" s="312">
        <v>0</v>
      </c>
      <c r="AB13" s="313">
        <v>703</v>
      </c>
      <c r="AC13" s="313">
        <v>487</v>
      </c>
      <c r="AD13" s="313">
        <v>305</v>
      </c>
      <c r="AE13" s="313">
        <v>297</v>
      </c>
      <c r="AF13" s="313">
        <v>245</v>
      </c>
      <c r="AG13" s="310">
        <v>2037</v>
      </c>
      <c r="AH13" s="315">
        <v>2492</v>
      </c>
      <c r="AI13" s="309">
        <v>20</v>
      </c>
      <c r="AJ13" s="313">
        <v>53</v>
      </c>
      <c r="AK13" s="310">
        <v>73</v>
      </c>
      <c r="AL13" s="312">
        <v>0</v>
      </c>
      <c r="AM13" s="313">
        <v>100</v>
      </c>
      <c r="AN13" s="313">
        <v>96</v>
      </c>
      <c r="AO13" s="313">
        <v>64</v>
      </c>
      <c r="AP13" s="313">
        <v>59</v>
      </c>
      <c r="AQ13" s="313">
        <v>49</v>
      </c>
      <c r="AR13" s="310">
        <v>368</v>
      </c>
      <c r="AS13" s="315">
        <v>441</v>
      </c>
      <c r="AT13" s="309">
        <v>183</v>
      </c>
      <c r="AU13" s="313">
        <v>293</v>
      </c>
      <c r="AV13" s="310">
        <v>476</v>
      </c>
      <c r="AW13" s="312">
        <v>0</v>
      </c>
      <c r="AX13" s="313">
        <v>1237</v>
      </c>
      <c r="AY13" s="313">
        <v>999</v>
      </c>
      <c r="AZ13" s="313">
        <v>796</v>
      </c>
      <c r="BA13" s="313">
        <v>786</v>
      </c>
      <c r="BB13" s="313">
        <v>696</v>
      </c>
      <c r="BC13" s="314">
        <v>4514</v>
      </c>
      <c r="BD13" s="315">
        <v>4990</v>
      </c>
      <c r="BE13" s="309">
        <v>0</v>
      </c>
      <c r="BF13" s="313">
        <v>0</v>
      </c>
      <c r="BG13" s="310">
        <v>0</v>
      </c>
      <c r="BH13" s="312">
        <v>0</v>
      </c>
      <c r="BI13" s="313">
        <v>1519</v>
      </c>
      <c r="BJ13" s="313">
        <v>841</v>
      </c>
      <c r="BK13" s="313">
        <v>437</v>
      </c>
      <c r="BL13" s="313">
        <v>241</v>
      </c>
      <c r="BM13" s="313">
        <v>122</v>
      </c>
      <c r="BN13" s="310">
        <v>3160</v>
      </c>
      <c r="BO13" s="315">
        <v>3160</v>
      </c>
      <c r="BP13" s="309">
        <v>77</v>
      </c>
      <c r="BQ13" s="313">
        <v>88</v>
      </c>
      <c r="BR13" s="310">
        <v>165</v>
      </c>
      <c r="BS13" s="312">
        <v>0</v>
      </c>
      <c r="BT13" s="313">
        <v>234</v>
      </c>
      <c r="BU13" s="313">
        <v>167</v>
      </c>
      <c r="BV13" s="313">
        <v>92</v>
      </c>
      <c r="BW13" s="313">
        <v>58</v>
      </c>
      <c r="BX13" s="313">
        <v>23</v>
      </c>
      <c r="BY13" s="310">
        <v>574</v>
      </c>
      <c r="BZ13" s="315">
        <v>739</v>
      </c>
      <c r="CA13" s="309">
        <v>9</v>
      </c>
      <c r="CB13" s="313">
        <v>22</v>
      </c>
      <c r="CC13" s="310">
        <v>31</v>
      </c>
      <c r="CD13" s="312">
        <v>0</v>
      </c>
      <c r="CE13" s="313">
        <v>180</v>
      </c>
      <c r="CF13" s="313">
        <v>173</v>
      </c>
      <c r="CG13" s="313">
        <v>210</v>
      </c>
      <c r="CH13" s="313">
        <v>130</v>
      </c>
      <c r="CI13" s="313">
        <v>87</v>
      </c>
      <c r="CJ13" s="310">
        <v>780</v>
      </c>
      <c r="CK13" s="315">
        <v>811</v>
      </c>
      <c r="CL13" s="309">
        <v>0</v>
      </c>
      <c r="CM13" s="313">
        <v>1</v>
      </c>
      <c r="CN13" s="310">
        <v>1</v>
      </c>
      <c r="CO13" s="312">
        <v>0</v>
      </c>
      <c r="CP13" s="313">
        <v>8</v>
      </c>
      <c r="CQ13" s="313">
        <v>20</v>
      </c>
      <c r="CR13" s="313">
        <v>24</v>
      </c>
      <c r="CS13" s="313">
        <v>10</v>
      </c>
      <c r="CT13" s="313">
        <v>8</v>
      </c>
      <c r="CU13" s="310">
        <v>70</v>
      </c>
      <c r="CV13" s="315">
        <v>71</v>
      </c>
      <c r="CW13" s="309">
        <v>0</v>
      </c>
      <c r="CX13" s="313">
        <v>0</v>
      </c>
      <c r="CY13" s="310">
        <v>0</v>
      </c>
      <c r="CZ13" s="312">
        <v>0</v>
      </c>
      <c r="DA13" s="313">
        <v>0</v>
      </c>
      <c r="DB13" s="313">
        <v>0</v>
      </c>
      <c r="DC13" s="313">
        <v>0</v>
      </c>
      <c r="DD13" s="313">
        <v>0</v>
      </c>
      <c r="DE13" s="313">
        <v>0</v>
      </c>
      <c r="DF13" s="310">
        <v>0</v>
      </c>
      <c r="DG13" s="315">
        <v>0</v>
      </c>
      <c r="DH13" s="309">
        <v>0</v>
      </c>
      <c r="DI13" s="313">
        <v>0</v>
      </c>
      <c r="DJ13" s="310">
        <v>0</v>
      </c>
      <c r="DK13" s="312">
        <v>0</v>
      </c>
      <c r="DL13" s="313">
        <v>0</v>
      </c>
      <c r="DM13" s="313">
        <v>0</v>
      </c>
      <c r="DN13" s="313">
        <v>0</v>
      </c>
      <c r="DO13" s="313">
        <v>0</v>
      </c>
      <c r="DP13" s="313">
        <v>0</v>
      </c>
      <c r="DQ13" s="310">
        <v>0</v>
      </c>
      <c r="DR13" s="315">
        <v>0</v>
      </c>
      <c r="DS13" s="309">
        <v>922</v>
      </c>
      <c r="DT13" s="313">
        <v>1226</v>
      </c>
      <c r="DU13" s="310">
        <v>2148</v>
      </c>
      <c r="DV13" s="312">
        <v>0</v>
      </c>
      <c r="DW13" s="313">
        <v>1878</v>
      </c>
      <c r="DX13" s="313">
        <v>1544</v>
      </c>
      <c r="DY13" s="313">
        <v>959</v>
      </c>
      <c r="DZ13" s="313">
        <v>766</v>
      </c>
      <c r="EA13" s="313">
        <v>518</v>
      </c>
      <c r="EB13" s="310">
        <v>5665</v>
      </c>
      <c r="EC13" s="315">
        <v>7813</v>
      </c>
      <c r="ED13" s="309">
        <v>76</v>
      </c>
      <c r="EE13" s="313">
        <v>98</v>
      </c>
      <c r="EF13" s="310">
        <v>174</v>
      </c>
      <c r="EG13" s="312">
        <v>0</v>
      </c>
      <c r="EH13" s="313">
        <v>274</v>
      </c>
      <c r="EI13" s="313">
        <v>198</v>
      </c>
      <c r="EJ13" s="313">
        <v>188</v>
      </c>
      <c r="EK13" s="313">
        <v>180</v>
      </c>
      <c r="EL13" s="313">
        <v>148</v>
      </c>
      <c r="EM13" s="310">
        <v>988</v>
      </c>
      <c r="EN13" s="315">
        <v>1162</v>
      </c>
      <c r="EO13" s="309">
        <v>1092</v>
      </c>
      <c r="EP13" s="313">
        <v>1439</v>
      </c>
      <c r="EQ13" s="310">
        <v>2531</v>
      </c>
      <c r="ER13" s="312">
        <v>0</v>
      </c>
      <c r="ES13" s="313">
        <v>3307</v>
      </c>
      <c r="ET13" s="313">
        <v>1848</v>
      </c>
      <c r="EU13" s="313">
        <v>1042</v>
      </c>
      <c r="EV13" s="313">
        <v>766</v>
      </c>
      <c r="EW13" s="313">
        <v>500</v>
      </c>
      <c r="EX13" s="310">
        <v>7463</v>
      </c>
      <c r="EY13" s="315">
        <v>9994</v>
      </c>
    </row>
    <row r="14" spans="1:155" ht="19.5" customHeight="1" x14ac:dyDescent="0.2">
      <c r="A14" s="294" t="s">
        <v>11</v>
      </c>
      <c r="B14" s="309">
        <v>0</v>
      </c>
      <c r="C14" s="310">
        <v>0</v>
      </c>
      <c r="D14" s="311">
        <v>0</v>
      </c>
      <c r="E14" s="312">
        <v>0</v>
      </c>
      <c r="F14" s="313">
        <v>548</v>
      </c>
      <c r="G14" s="313">
        <v>329</v>
      </c>
      <c r="H14" s="313">
        <v>232</v>
      </c>
      <c r="I14" s="313">
        <v>208</v>
      </c>
      <c r="J14" s="313">
        <v>154</v>
      </c>
      <c r="K14" s="314">
        <v>1471</v>
      </c>
      <c r="L14" s="315">
        <v>1471</v>
      </c>
      <c r="M14" s="309">
        <v>0</v>
      </c>
      <c r="N14" s="313">
        <v>0</v>
      </c>
      <c r="O14" s="310">
        <v>0</v>
      </c>
      <c r="P14" s="312">
        <v>0</v>
      </c>
      <c r="Q14" s="313">
        <v>5</v>
      </c>
      <c r="R14" s="313">
        <v>12</v>
      </c>
      <c r="S14" s="313">
        <v>21</v>
      </c>
      <c r="T14" s="313">
        <v>42</v>
      </c>
      <c r="U14" s="313">
        <v>62</v>
      </c>
      <c r="V14" s="310">
        <v>142</v>
      </c>
      <c r="W14" s="315">
        <v>142</v>
      </c>
      <c r="X14" s="309">
        <v>54</v>
      </c>
      <c r="Y14" s="313">
        <v>70</v>
      </c>
      <c r="Z14" s="310">
        <v>124</v>
      </c>
      <c r="AA14" s="312">
        <v>0</v>
      </c>
      <c r="AB14" s="313">
        <v>306</v>
      </c>
      <c r="AC14" s="313">
        <v>198</v>
      </c>
      <c r="AD14" s="313">
        <v>178</v>
      </c>
      <c r="AE14" s="313">
        <v>165</v>
      </c>
      <c r="AF14" s="313">
        <v>155</v>
      </c>
      <c r="AG14" s="310">
        <v>1002</v>
      </c>
      <c r="AH14" s="315">
        <v>1126</v>
      </c>
      <c r="AI14" s="309">
        <v>6</v>
      </c>
      <c r="AJ14" s="313">
        <v>10</v>
      </c>
      <c r="AK14" s="310">
        <v>16</v>
      </c>
      <c r="AL14" s="312">
        <v>0</v>
      </c>
      <c r="AM14" s="313">
        <v>37</v>
      </c>
      <c r="AN14" s="313">
        <v>26</v>
      </c>
      <c r="AO14" s="313">
        <v>15</v>
      </c>
      <c r="AP14" s="313">
        <v>23</v>
      </c>
      <c r="AQ14" s="313">
        <v>5</v>
      </c>
      <c r="AR14" s="310">
        <v>106</v>
      </c>
      <c r="AS14" s="315">
        <v>122</v>
      </c>
      <c r="AT14" s="309">
        <v>60</v>
      </c>
      <c r="AU14" s="313">
        <v>47</v>
      </c>
      <c r="AV14" s="310">
        <v>107</v>
      </c>
      <c r="AW14" s="312">
        <v>0</v>
      </c>
      <c r="AX14" s="313">
        <v>461</v>
      </c>
      <c r="AY14" s="313">
        <v>410</v>
      </c>
      <c r="AZ14" s="313">
        <v>363</v>
      </c>
      <c r="BA14" s="313">
        <v>396</v>
      </c>
      <c r="BB14" s="313">
        <v>285</v>
      </c>
      <c r="BC14" s="314">
        <v>1915</v>
      </c>
      <c r="BD14" s="315">
        <v>2022</v>
      </c>
      <c r="BE14" s="309">
        <v>0</v>
      </c>
      <c r="BF14" s="313">
        <v>0</v>
      </c>
      <c r="BG14" s="310">
        <v>0</v>
      </c>
      <c r="BH14" s="312">
        <v>0</v>
      </c>
      <c r="BI14" s="313">
        <v>775</v>
      </c>
      <c r="BJ14" s="313">
        <v>405</v>
      </c>
      <c r="BK14" s="313">
        <v>252</v>
      </c>
      <c r="BL14" s="313">
        <v>157</v>
      </c>
      <c r="BM14" s="313">
        <v>92</v>
      </c>
      <c r="BN14" s="310">
        <v>1681</v>
      </c>
      <c r="BO14" s="315">
        <v>1681</v>
      </c>
      <c r="BP14" s="309">
        <v>83</v>
      </c>
      <c r="BQ14" s="313">
        <v>59</v>
      </c>
      <c r="BR14" s="310">
        <v>142</v>
      </c>
      <c r="BS14" s="312">
        <v>0</v>
      </c>
      <c r="BT14" s="313">
        <v>210</v>
      </c>
      <c r="BU14" s="313">
        <v>114</v>
      </c>
      <c r="BV14" s="313">
        <v>78</v>
      </c>
      <c r="BW14" s="313">
        <v>50</v>
      </c>
      <c r="BX14" s="313">
        <v>21</v>
      </c>
      <c r="BY14" s="310">
        <v>473</v>
      </c>
      <c r="BZ14" s="315">
        <v>615</v>
      </c>
      <c r="CA14" s="309">
        <v>3</v>
      </c>
      <c r="CB14" s="313">
        <v>11</v>
      </c>
      <c r="CC14" s="310">
        <v>14</v>
      </c>
      <c r="CD14" s="312">
        <v>0</v>
      </c>
      <c r="CE14" s="313">
        <v>75</v>
      </c>
      <c r="CF14" s="313">
        <v>84</v>
      </c>
      <c r="CG14" s="313">
        <v>83</v>
      </c>
      <c r="CH14" s="313">
        <v>76</v>
      </c>
      <c r="CI14" s="313">
        <v>25</v>
      </c>
      <c r="CJ14" s="310">
        <v>343</v>
      </c>
      <c r="CK14" s="315">
        <v>357</v>
      </c>
      <c r="CL14" s="309">
        <v>0</v>
      </c>
      <c r="CM14" s="313">
        <v>0</v>
      </c>
      <c r="CN14" s="310">
        <v>0</v>
      </c>
      <c r="CO14" s="312">
        <v>0</v>
      </c>
      <c r="CP14" s="313">
        <v>6</v>
      </c>
      <c r="CQ14" s="313">
        <v>6</v>
      </c>
      <c r="CR14" s="313">
        <v>17</v>
      </c>
      <c r="CS14" s="313">
        <v>8</v>
      </c>
      <c r="CT14" s="313">
        <v>7</v>
      </c>
      <c r="CU14" s="310">
        <v>44</v>
      </c>
      <c r="CV14" s="315">
        <v>44</v>
      </c>
      <c r="CW14" s="309">
        <v>0</v>
      </c>
      <c r="CX14" s="313">
        <v>0</v>
      </c>
      <c r="CY14" s="310">
        <v>0</v>
      </c>
      <c r="CZ14" s="312">
        <v>0</v>
      </c>
      <c r="DA14" s="313">
        <v>0</v>
      </c>
      <c r="DB14" s="313">
        <v>0</v>
      </c>
      <c r="DC14" s="313">
        <v>0</v>
      </c>
      <c r="DD14" s="313">
        <v>0</v>
      </c>
      <c r="DE14" s="313">
        <v>0</v>
      </c>
      <c r="DF14" s="310">
        <v>0</v>
      </c>
      <c r="DG14" s="315">
        <v>0</v>
      </c>
      <c r="DH14" s="309">
        <v>0</v>
      </c>
      <c r="DI14" s="313">
        <v>0</v>
      </c>
      <c r="DJ14" s="310">
        <v>0</v>
      </c>
      <c r="DK14" s="312">
        <v>0</v>
      </c>
      <c r="DL14" s="313">
        <v>0</v>
      </c>
      <c r="DM14" s="313">
        <v>0</v>
      </c>
      <c r="DN14" s="313">
        <v>0</v>
      </c>
      <c r="DO14" s="313">
        <v>0</v>
      </c>
      <c r="DP14" s="313">
        <v>0</v>
      </c>
      <c r="DQ14" s="310">
        <v>0</v>
      </c>
      <c r="DR14" s="315">
        <v>0</v>
      </c>
      <c r="DS14" s="309">
        <v>375</v>
      </c>
      <c r="DT14" s="313">
        <v>430</v>
      </c>
      <c r="DU14" s="310">
        <v>805</v>
      </c>
      <c r="DV14" s="312">
        <v>0</v>
      </c>
      <c r="DW14" s="313">
        <v>1007</v>
      </c>
      <c r="DX14" s="313">
        <v>812</v>
      </c>
      <c r="DY14" s="313">
        <v>551</v>
      </c>
      <c r="DZ14" s="313">
        <v>457</v>
      </c>
      <c r="EA14" s="313">
        <v>274</v>
      </c>
      <c r="EB14" s="310">
        <v>3101</v>
      </c>
      <c r="EC14" s="315">
        <v>3906</v>
      </c>
      <c r="ED14" s="309">
        <v>44</v>
      </c>
      <c r="EE14" s="313">
        <v>32</v>
      </c>
      <c r="EF14" s="310">
        <v>76</v>
      </c>
      <c r="EG14" s="312">
        <v>0</v>
      </c>
      <c r="EH14" s="313">
        <v>196</v>
      </c>
      <c r="EI14" s="313">
        <v>144</v>
      </c>
      <c r="EJ14" s="313">
        <v>125</v>
      </c>
      <c r="EK14" s="313">
        <v>153</v>
      </c>
      <c r="EL14" s="313">
        <v>78</v>
      </c>
      <c r="EM14" s="310">
        <v>696</v>
      </c>
      <c r="EN14" s="315">
        <v>772</v>
      </c>
      <c r="EO14" s="309">
        <v>473</v>
      </c>
      <c r="EP14" s="313">
        <v>510</v>
      </c>
      <c r="EQ14" s="310">
        <v>983</v>
      </c>
      <c r="ER14" s="312">
        <v>0</v>
      </c>
      <c r="ES14" s="313">
        <v>1926</v>
      </c>
      <c r="ET14" s="313">
        <v>1052</v>
      </c>
      <c r="EU14" s="313">
        <v>665</v>
      </c>
      <c r="EV14" s="313">
        <v>474</v>
      </c>
      <c r="EW14" s="313">
        <v>280</v>
      </c>
      <c r="EX14" s="310">
        <v>4397</v>
      </c>
      <c r="EY14" s="315">
        <v>5380</v>
      </c>
    </row>
    <row r="15" spans="1:155" ht="19.5" customHeight="1" x14ac:dyDescent="0.2">
      <c r="A15" s="294" t="s">
        <v>12</v>
      </c>
      <c r="B15" s="309">
        <v>0</v>
      </c>
      <c r="C15" s="310">
        <v>0</v>
      </c>
      <c r="D15" s="311">
        <v>0</v>
      </c>
      <c r="E15" s="312">
        <v>0</v>
      </c>
      <c r="F15" s="313">
        <v>509</v>
      </c>
      <c r="G15" s="313">
        <v>423</v>
      </c>
      <c r="H15" s="313">
        <v>296</v>
      </c>
      <c r="I15" s="313">
        <v>282</v>
      </c>
      <c r="J15" s="313">
        <v>192</v>
      </c>
      <c r="K15" s="314">
        <v>1702</v>
      </c>
      <c r="L15" s="315">
        <v>1702</v>
      </c>
      <c r="M15" s="309">
        <v>1</v>
      </c>
      <c r="N15" s="313">
        <v>4</v>
      </c>
      <c r="O15" s="310">
        <v>5</v>
      </c>
      <c r="P15" s="312">
        <v>0</v>
      </c>
      <c r="Q15" s="313">
        <v>2</v>
      </c>
      <c r="R15" s="313">
        <v>18</v>
      </c>
      <c r="S15" s="313">
        <v>20</v>
      </c>
      <c r="T15" s="313">
        <v>63</v>
      </c>
      <c r="U15" s="313">
        <v>73</v>
      </c>
      <c r="V15" s="310">
        <v>176</v>
      </c>
      <c r="W15" s="315">
        <v>181</v>
      </c>
      <c r="X15" s="309">
        <v>118</v>
      </c>
      <c r="Y15" s="313">
        <v>192</v>
      </c>
      <c r="Z15" s="310">
        <v>310</v>
      </c>
      <c r="AA15" s="312">
        <v>0</v>
      </c>
      <c r="AB15" s="313">
        <v>301</v>
      </c>
      <c r="AC15" s="313">
        <v>303</v>
      </c>
      <c r="AD15" s="313">
        <v>206</v>
      </c>
      <c r="AE15" s="313">
        <v>217</v>
      </c>
      <c r="AF15" s="313">
        <v>160</v>
      </c>
      <c r="AG15" s="310">
        <v>1187</v>
      </c>
      <c r="AH15" s="315">
        <v>1497</v>
      </c>
      <c r="AI15" s="309">
        <v>6</v>
      </c>
      <c r="AJ15" s="313">
        <v>15</v>
      </c>
      <c r="AK15" s="310">
        <v>21</v>
      </c>
      <c r="AL15" s="312">
        <v>0</v>
      </c>
      <c r="AM15" s="313">
        <v>14</v>
      </c>
      <c r="AN15" s="313">
        <v>40</v>
      </c>
      <c r="AO15" s="313">
        <v>28</v>
      </c>
      <c r="AP15" s="313">
        <v>19</v>
      </c>
      <c r="AQ15" s="313">
        <v>18</v>
      </c>
      <c r="AR15" s="310">
        <v>119</v>
      </c>
      <c r="AS15" s="315">
        <v>140</v>
      </c>
      <c r="AT15" s="309">
        <v>76</v>
      </c>
      <c r="AU15" s="313">
        <v>106</v>
      </c>
      <c r="AV15" s="310">
        <v>182</v>
      </c>
      <c r="AW15" s="312">
        <v>0</v>
      </c>
      <c r="AX15" s="313">
        <v>340</v>
      </c>
      <c r="AY15" s="313">
        <v>331</v>
      </c>
      <c r="AZ15" s="313">
        <v>336</v>
      </c>
      <c r="BA15" s="313">
        <v>401</v>
      </c>
      <c r="BB15" s="313">
        <v>312</v>
      </c>
      <c r="BC15" s="314">
        <v>1720</v>
      </c>
      <c r="BD15" s="315">
        <v>1902</v>
      </c>
      <c r="BE15" s="309">
        <v>0</v>
      </c>
      <c r="BF15" s="313">
        <v>0</v>
      </c>
      <c r="BG15" s="310">
        <v>0</v>
      </c>
      <c r="BH15" s="312">
        <v>0</v>
      </c>
      <c r="BI15" s="313">
        <v>564</v>
      </c>
      <c r="BJ15" s="313">
        <v>399</v>
      </c>
      <c r="BK15" s="313">
        <v>272</v>
      </c>
      <c r="BL15" s="313">
        <v>187</v>
      </c>
      <c r="BM15" s="313">
        <v>79</v>
      </c>
      <c r="BN15" s="310">
        <v>1501</v>
      </c>
      <c r="BO15" s="315">
        <v>1501</v>
      </c>
      <c r="BP15" s="309">
        <v>132</v>
      </c>
      <c r="BQ15" s="313">
        <v>127</v>
      </c>
      <c r="BR15" s="310">
        <v>259</v>
      </c>
      <c r="BS15" s="312">
        <v>0</v>
      </c>
      <c r="BT15" s="313">
        <v>123</v>
      </c>
      <c r="BU15" s="313">
        <v>156</v>
      </c>
      <c r="BV15" s="313">
        <v>108</v>
      </c>
      <c r="BW15" s="313">
        <v>87</v>
      </c>
      <c r="BX15" s="313">
        <v>31</v>
      </c>
      <c r="BY15" s="310">
        <v>505</v>
      </c>
      <c r="BZ15" s="315">
        <v>764</v>
      </c>
      <c r="CA15" s="309">
        <v>3</v>
      </c>
      <c r="CB15" s="313">
        <v>12</v>
      </c>
      <c r="CC15" s="310">
        <v>15</v>
      </c>
      <c r="CD15" s="312">
        <v>0</v>
      </c>
      <c r="CE15" s="313">
        <v>90</v>
      </c>
      <c r="CF15" s="313">
        <v>102</v>
      </c>
      <c r="CG15" s="313">
        <v>121</v>
      </c>
      <c r="CH15" s="313">
        <v>90</v>
      </c>
      <c r="CI15" s="313">
        <v>47</v>
      </c>
      <c r="CJ15" s="310">
        <v>450</v>
      </c>
      <c r="CK15" s="315">
        <v>465</v>
      </c>
      <c r="CL15" s="309">
        <v>0</v>
      </c>
      <c r="CM15" s="313">
        <v>0</v>
      </c>
      <c r="CN15" s="310">
        <v>0</v>
      </c>
      <c r="CO15" s="312">
        <v>0</v>
      </c>
      <c r="CP15" s="313">
        <v>2</v>
      </c>
      <c r="CQ15" s="313">
        <v>4</v>
      </c>
      <c r="CR15" s="313">
        <v>3</v>
      </c>
      <c r="CS15" s="313">
        <v>7</v>
      </c>
      <c r="CT15" s="313">
        <v>1</v>
      </c>
      <c r="CU15" s="310">
        <v>17</v>
      </c>
      <c r="CV15" s="315">
        <v>17</v>
      </c>
      <c r="CW15" s="309">
        <v>0</v>
      </c>
      <c r="CX15" s="313">
        <v>0</v>
      </c>
      <c r="CY15" s="310">
        <v>0</v>
      </c>
      <c r="CZ15" s="312">
        <v>0</v>
      </c>
      <c r="DA15" s="313">
        <v>0</v>
      </c>
      <c r="DB15" s="313">
        <v>0</v>
      </c>
      <c r="DC15" s="313">
        <v>0</v>
      </c>
      <c r="DD15" s="313">
        <v>0</v>
      </c>
      <c r="DE15" s="313">
        <v>0</v>
      </c>
      <c r="DF15" s="310">
        <v>0</v>
      </c>
      <c r="DG15" s="315">
        <v>0</v>
      </c>
      <c r="DH15" s="309">
        <v>0</v>
      </c>
      <c r="DI15" s="313">
        <v>0</v>
      </c>
      <c r="DJ15" s="310">
        <v>0</v>
      </c>
      <c r="DK15" s="312">
        <v>0</v>
      </c>
      <c r="DL15" s="313">
        <v>0</v>
      </c>
      <c r="DM15" s="313">
        <v>0</v>
      </c>
      <c r="DN15" s="313">
        <v>0</v>
      </c>
      <c r="DO15" s="313">
        <v>0</v>
      </c>
      <c r="DP15" s="313">
        <v>0</v>
      </c>
      <c r="DQ15" s="310">
        <v>0</v>
      </c>
      <c r="DR15" s="315">
        <v>0</v>
      </c>
      <c r="DS15" s="309">
        <v>491</v>
      </c>
      <c r="DT15" s="313">
        <v>761</v>
      </c>
      <c r="DU15" s="310">
        <v>1252</v>
      </c>
      <c r="DV15" s="312">
        <v>0</v>
      </c>
      <c r="DW15" s="313">
        <v>521</v>
      </c>
      <c r="DX15" s="313">
        <v>915</v>
      </c>
      <c r="DY15" s="313">
        <v>672</v>
      </c>
      <c r="DZ15" s="313">
        <v>572</v>
      </c>
      <c r="EA15" s="313">
        <v>330</v>
      </c>
      <c r="EB15" s="310">
        <v>3010</v>
      </c>
      <c r="EC15" s="315">
        <v>4262</v>
      </c>
      <c r="ED15" s="309">
        <v>42</v>
      </c>
      <c r="EE15" s="313">
        <v>44</v>
      </c>
      <c r="EF15" s="310">
        <v>86</v>
      </c>
      <c r="EG15" s="312">
        <v>0</v>
      </c>
      <c r="EH15" s="313">
        <v>117</v>
      </c>
      <c r="EI15" s="313">
        <v>87</v>
      </c>
      <c r="EJ15" s="313">
        <v>86</v>
      </c>
      <c r="EK15" s="313">
        <v>137</v>
      </c>
      <c r="EL15" s="313">
        <v>76</v>
      </c>
      <c r="EM15" s="310">
        <v>503</v>
      </c>
      <c r="EN15" s="315">
        <v>589</v>
      </c>
      <c r="EO15" s="309">
        <v>677</v>
      </c>
      <c r="EP15" s="313">
        <v>914</v>
      </c>
      <c r="EQ15" s="310">
        <v>1591</v>
      </c>
      <c r="ER15" s="312">
        <v>0</v>
      </c>
      <c r="ES15" s="313">
        <v>1403</v>
      </c>
      <c r="ET15" s="313">
        <v>1155</v>
      </c>
      <c r="EU15" s="313">
        <v>726</v>
      </c>
      <c r="EV15" s="313">
        <v>555</v>
      </c>
      <c r="EW15" s="313">
        <v>319</v>
      </c>
      <c r="EX15" s="310">
        <v>4158</v>
      </c>
      <c r="EY15" s="315">
        <v>5749</v>
      </c>
    </row>
    <row r="16" spans="1:155" ht="19.5" customHeight="1" x14ac:dyDescent="0.2">
      <c r="A16" s="294" t="s">
        <v>13</v>
      </c>
      <c r="B16" s="309">
        <v>0</v>
      </c>
      <c r="C16" s="310">
        <v>0</v>
      </c>
      <c r="D16" s="311">
        <v>0</v>
      </c>
      <c r="E16" s="312">
        <v>0</v>
      </c>
      <c r="F16" s="313">
        <v>219</v>
      </c>
      <c r="G16" s="313">
        <v>230</v>
      </c>
      <c r="H16" s="313">
        <v>129</v>
      </c>
      <c r="I16" s="313">
        <v>96</v>
      </c>
      <c r="J16" s="313">
        <v>91</v>
      </c>
      <c r="K16" s="314">
        <v>765</v>
      </c>
      <c r="L16" s="315">
        <v>765</v>
      </c>
      <c r="M16" s="309">
        <v>1</v>
      </c>
      <c r="N16" s="313">
        <v>0</v>
      </c>
      <c r="O16" s="310">
        <v>1</v>
      </c>
      <c r="P16" s="312">
        <v>0</v>
      </c>
      <c r="Q16" s="313">
        <v>0</v>
      </c>
      <c r="R16" s="313">
        <v>3</v>
      </c>
      <c r="S16" s="313">
        <v>7</v>
      </c>
      <c r="T16" s="313">
        <v>18</v>
      </c>
      <c r="U16" s="313">
        <v>30</v>
      </c>
      <c r="V16" s="310">
        <v>58</v>
      </c>
      <c r="W16" s="315">
        <v>59</v>
      </c>
      <c r="X16" s="309">
        <v>8</v>
      </c>
      <c r="Y16" s="313">
        <v>20</v>
      </c>
      <c r="Z16" s="310">
        <v>28</v>
      </c>
      <c r="AA16" s="312">
        <v>0</v>
      </c>
      <c r="AB16" s="313">
        <v>106</v>
      </c>
      <c r="AC16" s="313">
        <v>142</v>
      </c>
      <c r="AD16" s="313">
        <v>84</v>
      </c>
      <c r="AE16" s="313">
        <v>76</v>
      </c>
      <c r="AF16" s="313">
        <v>73</v>
      </c>
      <c r="AG16" s="310">
        <v>481</v>
      </c>
      <c r="AH16" s="315">
        <v>509</v>
      </c>
      <c r="AI16" s="309">
        <v>4</v>
      </c>
      <c r="AJ16" s="313">
        <v>4</v>
      </c>
      <c r="AK16" s="310">
        <v>8</v>
      </c>
      <c r="AL16" s="312">
        <v>0</v>
      </c>
      <c r="AM16" s="313">
        <v>18</v>
      </c>
      <c r="AN16" s="313">
        <v>24</v>
      </c>
      <c r="AO16" s="313">
        <v>13</v>
      </c>
      <c r="AP16" s="313">
        <v>11</v>
      </c>
      <c r="AQ16" s="313">
        <v>9</v>
      </c>
      <c r="AR16" s="310">
        <v>75</v>
      </c>
      <c r="AS16" s="315">
        <v>83</v>
      </c>
      <c r="AT16" s="309">
        <v>27</v>
      </c>
      <c r="AU16" s="313">
        <v>34</v>
      </c>
      <c r="AV16" s="310">
        <v>61</v>
      </c>
      <c r="AW16" s="312">
        <v>0</v>
      </c>
      <c r="AX16" s="313">
        <v>163</v>
      </c>
      <c r="AY16" s="313">
        <v>182</v>
      </c>
      <c r="AZ16" s="313">
        <v>165</v>
      </c>
      <c r="BA16" s="313">
        <v>165</v>
      </c>
      <c r="BB16" s="313">
        <v>143</v>
      </c>
      <c r="BC16" s="314">
        <v>818</v>
      </c>
      <c r="BD16" s="315">
        <v>879</v>
      </c>
      <c r="BE16" s="309">
        <v>0</v>
      </c>
      <c r="BF16" s="313">
        <v>0</v>
      </c>
      <c r="BG16" s="310">
        <v>0</v>
      </c>
      <c r="BH16" s="312">
        <v>0</v>
      </c>
      <c r="BI16" s="313">
        <v>177</v>
      </c>
      <c r="BJ16" s="313">
        <v>189</v>
      </c>
      <c r="BK16" s="313">
        <v>102</v>
      </c>
      <c r="BL16" s="313">
        <v>62</v>
      </c>
      <c r="BM16" s="313">
        <v>25</v>
      </c>
      <c r="BN16" s="310">
        <v>555</v>
      </c>
      <c r="BO16" s="315">
        <v>555</v>
      </c>
      <c r="BP16" s="309">
        <v>11</v>
      </c>
      <c r="BQ16" s="313">
        <v>25</v>
      </c>
      <c r="BR16" s="310">
        <v>36</v>
      </c>
      <c r="BS16" s="312">
        <v>0</v>
      </c>
      <c r="BT16" s="313">
        <v>33</v>
      </c>
      <c r="BU16" s="313">
        <v>46</v>
      </c>
      <c r="BV16" s="313">
        <v>29</v>
      </c>
      <c r="BW16" s="313">
        <v>25</v>
      </c>
      <c r="BX16" s="313">
        <v>9</v>
      </c>
      <c r="BY16" s="310">
        <v>142</v>
      </c>
      <c r="BZ16" s="315">
        <v>178</v>
      </c>
      <c r="CA16" s="309">
        <v>0</v>
      </c>
      <c r="CB16" s="313">
        <v>1</v>
      </c>
      <c r="CC16" s="310">
        <v>1</v>
      </c>
      <c r="CD16" s="312">
        <v>0</v>
      </c>
      <c r="CE16" s="313">
        <v>20</v>
      </c>
      <c r="CF16" s="313">
        <v>26</v>
      </c>
      <c r="CG16" s="313">
        <v>45</v>
      </c>
      <c r="CH16" s="313">
        <v>37</v>
      </c>
      <c r="CI16" s="313">
        <v>28</v>
      </c>
      <c r="CJ16" s="310">
        <v>156</v>
      </c>
      <c r="CK16" s="315">
        <v>157</v>
      </c>
      <c r="CL16" s="309">
        <v>0</v>
      </c>
      <c r="CM16" s="313">
        <v>0</v>
      </c>
      <c r="CN16" s="310">
        <v>0</v>
      </c>
      <c r="CO16" s="312">
        <v>0</v>
      </c>
      <c r="CP16" s="313">
        <v>2</v>
      </c>
      <c r="CQ16" s="313">
        <v>4</v>
      </c>
      <c r="CR16" s="313">
        <v>5</v>
      </c>
      <c r="CS16" s="313">
        <v>4</v>
      </c>
      <c r="CT16" s="313">
        <v>0</v>
      </c>
      <c r="CU16" s="310">
        <v>15</v>
      </c>
      <c r="CV16" s="315">
        <v>15</v>
      </c>
      <c r="CW16" s="309">
        <v>0</v>
      </c>
      <c r="CX16" s="313">
        <v>0</v>
      </c>
      <c r="CY16" s="310">
        <v>0</v>
      </c>
      <c r="CZ16" s="312">
        <v>0</v>
      </c>
      <c r="DA16" s="313">
        <v>0</v>
      </c>
      <c r="DB16" s="313">
        <v>0</v>
      </c>
      <c r="DC16" s="313">
        <v>0</v>
      </c>
      <c r="DD16" s="313">
        <v>0</v>
      </c>
      <c r="DE16" s="313">
        <v>0</v>
      </c>
      <c r="DF16" s="310">
        <v>0</v>
      </c>
      <c r="DG16" s="315">
        <v>0</v>
      </c>
      <c r="DH16" s="309">
        <v>0</v>
      </c>
      <c r="DI16" s="313">
        <v>0</v>
      </c>
      <c r="DJ16" s="310">
        <v>0</v>
      </c>
      <c r="DK16" s="312">
        <v>0</v>
      </c>
      <c r="DL16" s="313">
        <v>0</v>
      </c>
      <c r="DM16" s="313">
        <v>0</v>
      </c>
      <c r="DN16" s="313">
        <v>0</v>
      </c>
      <c r="DO16" s="313">
        <v>0</v>
      </c>
      <c r="DP16" s="313">
        <v>0</v>
      </c>
      <c r="DQ16" s="310">
        <v>0</v>
      </c>
      <c r="DR16" s="315">
        <v>0</v>
      </c>
      <c r="DS16" s="309">
        <v>66</v>
      </c>
      <c r="DT16" s="313">
        <v>168</v>
      </c>
      <c r="DU16" s="310">
        <v>234</v>
      </c>
      <c r="DV16" s="312">
        <v>0</v>
      </c>
      <c r="DW16" s="313">
        <v>236</v>
      </c>
      <c r="DX16" s="313">
        <v>391</v>
      </c>
      <c r="DY16" s="313">
        <v>229</v>
      </c>
      <c r="DZ16" s="313">
        <v>179</v>
      </c>
      <c r="EA16" s="313">
        <v>134</v>
      </c>
      <c r="EB16" s="310">
        <v>1169</v>
      </c>
      <c r="EC16" s="315">
        <v>1403</v>
      </c>
      <c r="ED16" s="309">
        <v>24</v>
      </c>
      <c r="EE16" s="313">
        <v>21</v>
      </c>
      <c r="EF16" s="310">
        <v>45</v>
      </c>
      <c r="EG16" s="312">
        <v>0</v>
      </c>
      <c r="EH16" s="313">
        <v>85</v>
      </c>
      <c r="EI16" s="313">
        <v>63</v>
      </c>
      <c r="EJ16" s="313">
        <v>67</v>
      </c>
      <c r="EK16" s="313">
        <v>73</v>
      </c>
      <c r="EL16" s="313">
        <v>47</v>
      </c>
      <c r="EM16" s="310">
        <v>335</v>
      </c>
      <c r="EN16" s="315">
        <v>380</v>
      </c>
      <c r="EO16" s="309">
        <v>87</v>
      </c>
      <c r="EP16" s="313">
        <v>195</v>
      </c>
      <c r="EQ16" s="310">
        <v>282</v>
      </c>
      <c r="ER16" s="312">
        <v>0</v>
      </c>
      <c r="ES16" s="313">
        <v>518</v>
      </c>
      <c r="ET16" s="313">
        <v>545</v>
      </c>
      <c r="EU16" s="313">
        <v>299</v>
      </c>
      <c r="EV16" s="313">
        <v>205</v>
      </c>
      <c r="EW16" s="313">
        <v>155</v>
      </c>
      <c r="EX16" s="310">
        <v>1722</v>
      </c>
      <c r="EY16" s="315">
        <v>2004</v>
      </c>
    </row>
    <row r="17" spans="1:155" ht="19.5" customHeight="1" x14ac:dyDescent="0.2">
      <c r="A17" s="294" t="s">
        <v>15</v>
      </c>
      <c r="B17" s="309">
        <v>0</v>
      </c>
      <c r="C17" s="310">
        <v>0</v>
      </c>
      <c r="D17" s="311">
        <v>0</v>
      </c>
      <c r="E17" s="312">
        <v>0</v>
      </c>
      <c r="F17" s="313">
        <v>116</v>
      </c>
      <c r="G17" s="313">
        <v>148</v>
      </c>
      <c r="H17" s="313">
        <v>66</v>
      </c>
      <c r="I17" s="313">
        <v>44</v>
      </c>
      <c r="J17" s="313">
        <v>47</v>
      </c>
      <c r="K17" s="314">
        <v>421</v>
      </c>
      <c r="L17" s="315">
        <v>421</v>
      </c>
      <c r="M17" s="309">
        <v>0</v>
      </c>
      <c r="N17" s="313">
        <v>0</v>
      </c>
      <c r="O17" s="310">
        <v>0</v>
      </c>
      <c r="P17" s="312">
        <v>0</v>
      </c>
      <c r="Q17" s="313">
        <v>2</v>
      </c>
      <c r="R17" s="313">
        <v>3</v>
      </c>
      <c r="S17" s="313">
        <v>10</v>
      </c>
      <c r="T17" s="313">
        <v>17</v>
      </c>
      <c r="U17" s="313">
        <v>33</v>
      </c>
      <c r="V17" s="310">
        <v>65</v>
      </c>
      <c r="W17" s="315">
        <v>65</v>
      </c>
      <c r="X17" s="309">
        <v>2</v>
      </c>
      <c r="Y17" s="313">
        <v>9</v>
      </c>
      <c r="Z17" s="310">
        <v>11</v>
      </c>
      <c r="AA17" s="312">
        <v>0</v>
      </c>
      <c r="AB17" s="313">
        <v>33</v>
      </c>
      <c r="AC17" s="313">
        <v>63</v>
      </c>
      <c r="AD17" s="313">
        <v>39</v>
      </c>
      <c r="AE17" s="313">
        <v>45</v>
      </c>
      <c r="AF17" s="313">
        <v>39</v>
      </c>
      <c r="AG17" s="310">
        <v>219</v>
      </c>
      <c r="AH17" s="315">
        <v>230</v>
      </c>
      <c r="AI17" s="309">
        <v>1</v>
      </c>
      <c r="AJ17" s="313">
        <v>1</v>
      </c>
      <c r="AK17" s="310">
        <v>2</v>
      </c>
      <c r="AL17" s="312">
        <v>0</v>
      </c>
      <c r="AM17" s="313">
        <v>5</v>
      </c>
      <c r="AN17" s="313">
        <v>10</v>
      </c>
      <c r="AO17" s="313">
        <v>7</v>
      </c>
      <c r="AP17" s="313">
        <v>5</v>
      </c>
      <c r="AQ17" s="313">
        <v>11</v>
      </c>
      <c r="AR17" s="310">
        <v>38</v>
      </c>
      <c r="AS17" s="315">
        <v>40</v>
      </c>
      <c r="AT17" s="309">
        <v>14</v>
      </c>
      <c r="AU17" s="313">
        <v>14</v>
      </c>
      <c r="AV17" s="310">
        <v>28</v>
      </c>
      <c r="AW17" s="312">
        <v>0</v>
      </c>
      <c r="AX17" s="313">
        <v>113</v>
      </c>
      <c r="AY17" s="313">
        <v>92</v>
      </c>
      <c r="AZ17" s="313">
        <v>105</v>
      </c>
      <c r="BA17" s="313">
        <v>94</v>
      </c>
      <c r="BB17" s="313">
        <v>62</v>
      </c>
      <c r="BC17" s="314">
        <v>466</v>
      </c>
      <c r="BD17" s="315">
        <v>494</v>
      </c>
      <c r="BE17" s="309">
        <v>0</v>
      </c>
      <c r="BF17" s="313">
        <v>0</v>
      </c>
      <c r="BG17" s="310">
        <v>0</v>
      </c>
      <c r="BH17" s="312">
        <v>0</v>
      </c>
      <c r="BI17" s="313">
        <v>104</v>
      </c>
      <c r="BJ17" s="313">
        <v>147</v>
      </c>
      <c r="BK17" s="313">
        <v>66</v>
      </c>
      <c r="BL17" s="313">
        <v>25</v>
      </c>
      <c r="BM17" s="313">
        <v>10</v>
      </c>
      <c r="BN17" s="310">
        <v>352</v>
      </c>
      <c r="BO17" s="315">
        <v>352</v>
      </c>
      <c r="BP17" s="309">
        <v>0</v>
      </c>
      <c r="BQ17" s="313">
        <v>6</v>
      </c>
      <c r="BR17" s="310">
        <v>6</v>
      </c>
      <c r="BS17" s="312">
        <v>0</v>
      </c>
      <c r="BT17" s="313">
        <v>40</v>
      </c>
      <c r="BU17" s="313">
        <v>43</v>
      </c>
      <c r="BV17" s="313">
        <v>21</v>
      </c>
      <c r="BW17" s="313">
        <v>11</v>
      </c>
      <c r="BX17" s="313">
        <v>5</v>
      </c>
      <c r="BY17" s="310">
        <v>120</v>
      </c>
      <c r="BZ17" s="315">
        <v>126</v>
      </c>
      <c r="CA17" s="309">
        <v>1</v>
      </c>
      <c r="CB17" s="313">
        <v>2</v>
      </c>
      <c r="CC17" s="310">
        <v>3</v>
      </c>
      <c r="CD17" s="312">
        <v>0</v>
      </c>
      <c r="CE17" s="313">
        <v>12</v>
      </c>
      <c r="CF17" s="313">
        <v>28</v>
      </c>
      <c r="CG17" s="313">
        <v>45</v>
      </c>
      <c r="CH17" s="313">
        <v>32</v>
      </c>
      <c r="CI17" s="313">
        <v>19</v>
      </c>
      <c r="CJ17" s="310">
        <v>136</v>
      </c>
      <c r="CK17" s="315">
        <v>139</v>
      </c>
      <c r="CL17" s="309">
        <v>0</v>
      </c>
      <c r="CM17" s="313">
        <v>1</v>
      </c>
      <c r="CN17" s="310">
        <v>1</v>
      </c>
      <c r="CO17" s="312">
        <v>0</v>
      </c>
      <c r="CP17" s="313">
        <v>0</v>
      </c>
      <c r="CQ17" s="313">
        <v>3</v>
      </c>
      <c r="CR17" s="313">
        <v>3</v>
      </c>
      <c r="CS17" s="313">
        <v>0</v>
      </c>
      <c r="CT17" s="313">
        <v>1</v>
      </c>
      <c r="CU17" s="310">
        <v>7</v>
      </c>
      <c r="CV17" s="315">
        <v>8</v>
      </c>
      <c r="CW17" s="309">
        <v>0</v>
      </c>
      <c r="CX17" s="313">
        <v>0</v>
      </c>
      <c r="CY17" s="310">
        <v>0</v>
      </c>
      <c r="CZ17" s="312">
        <v>0</v>
      </c>
      <c r="DA17" s="313">
        <v>0</v>
      </c>
      <c r="DB17" s="313">
        <v>0</v>
      </c>
      <c r="DC17" s="313">
        <v>0</v>
      </c>
      <c r="DD17" s="313">
        <v>0</v>
      </c>
      <c r="DE17" s="313">
        <v>0</v>
      </c>
      <c r="DF17" s="310">
        <v>0</v>
      </c>
      <c r="DG17" s="315">
        <v>0</v>
      </c>
      <c r="DH17" s="309">
        <v>0</v>
      </c>
      <c r="DI17" s="313">
        <v>0</v>
      </c>
      <c r="DJ17" s="310">
        <v>0</v>
      </c>
      <c r="DK17" s="312">
        <v>0</v>
      </c>
      <c r="DL17" s="313">
        <v>0</v>
      </c>
      <c r="DM17" s="313">
        <v>0</v>
      </c>
      <c r="DN17" s="313">
        <v>0</v>
      </c>
      <c r="DO17" s="313">
        <v>0</v>
      </c>
      <c r="DP17" s="313">
        <v>0</v>
      </c>
      <c r="DQ17" s="310">
        <v>0</v>
      </c>
      <c r="DR17" s="315">
        <v>0</v>
      </c>
      <c r="DS17" s="309">
        <v>61</v>
      </c>
      <c r="DT17" s="313">
        <v>144</v>
      </c>
      <c r="DU17" s="310">
        <v>205</v>
      </c>
      <c r="DV17" s="312">
        <v>0</v>
      </c>
      <c r="DW17" s="313">
        <v>195</v>
      </c>
      <c r="DX17" s="313">
        <v>357</v>
      </c>
      <c r="DY17" s="313">
        <v>167</v>
      </c>
      <c r="DZ17" s="313">
        <v>119</v>
      </c>
      <c r="EA17" s="313">
        <v>71</v>
      </c>
      <c r="EB17" s="310">
        <v>909</v>
      </c>
      <c r="EC17" s="315">
        <v>1114</v>
      </c>
      <c r="ED17" s="309">
        <v>17</v>
      </c>
      <c r="EE17" s="313">
        <v>16</v>
      </c>
      <c r="EF17" s="310">
        <v>33</v>
      </c>
      <c r="EG17" s="312">
        <v>0</v>
      </c>
      <c r="EH17" s="313">
        <v>55</v>
      </c>
      <c r="EI17" s="313">
        <v>31</v>
      </c>
      <c r="EJ17" s="313">
        <v>33</v>
      </c>
      <c r="EK17" s="313">
        <v>42</v>
      </c>
      <c r="EL17" s="313">
        <v>18</v>
      </c>
      <c r="EM17" s="310">
        <v>179</v>
      </c>
      <c r="EN17" s="315">
        <v>212</v>
      </c>
      <c r="EO17" s="309">
        <v>63</v>
      </c>
      <c r="EP17" s="313">
        <v>145</v>
      </c>
      <c r="EQ17" s="310">
        <v>208</v>
      </c>
      <c r="ER17" s="312">
        <v>0</v>
      </c>
      <c r="ES17" s="313">
        <v>366</v>
      </c>
      <c r="ET17" s="313">
        <v>479</v>
      </c>
      <c r="EU17" s="313">
        <v>208</v>
      </c>
      <c r="EV17" s="313">
        <v>135</v>
      </c>
      <c r="EW17" s="313">
        <v>83</v>
      </c>
      <c r="EX17" s="310">
        <v>1271</v>
      </c>
      <c r="EY17" s="315">
        <v>1479</v>
      </c>
    </row>
    <row r="18" spans="1:155" ht="19.5" customHeight="1" x14ac:dyDescent="0.2">
      <c r="A18" s="294" t="s">
        <v>16</v>
      </c>
      <c r="B18" s="309">
        <v>0</v>
      </c>
      <c r="C18" s="310">
        <v>0</v>
      </c>
      <c r="D18" s="311">
        <v>0</v>
      </c>
      <c r="E18" s="312">
        <v>0</v>
      </c>
      <c r="F18" s="313">
        <v>208</v>
      </c>
      <c r="G18" s="313">
        <v>319</v>
      </c>
      <c r="H18" s="313">
        <v>165</v>
      </c>
      <c r="I18" s="313">
        <v>133</v>
      </c>
      <c r="J18" s="313">
        <v>89</v>
      </c>
      <c r="K18" s="314">
        <v>914</v>
      </c>
      <c r="L18" s="315">
        <v>914</v>
      </c>
      <c r="M18" s="309">
        <v>0</v>
      </c>
      <c r="N18" s="313">
        <v>0</v>
      </c>
      <c r="O18" s="310">
        <v>0</v>
      </c>
      <c r="P18" s="312">
        <v>0</v>
      </c>
      <c r="Q18" s="313">
        <v>1</v>
      </c>
      <c r="R18" s="313">
        <v>8</v>
      </c>
      <c r="S18" s="313">
        <v>12</v>
      </c>
      <c r="T18" s="313">
        <v>37</v>
      </c>
      <c r="U18" s="313">
        <v>44</v>
      </c>
      <c r="V18" s="310">
        <v>102</v>
      </c>
      <c r="W18" s="315">
        <v>102</v>
      </c>
      <c r="X18" s="309">
        <v>23</v>
      </c>
      <c r="Y18" s="313">
        <v>61</v>
      </c>
      <c r="Z18" s="310">
        <v>84</v>
      </c>
      <c r="AA18" s="312">
        <v>0</v>
      </c>
      <c r="AB18" s="313">
        <v>143</v>
      </c>
      <c r="AC18" s="313">
        <v>266</v>
      </c>
      <c r="AD18" s="313">
        <v>167</v>
      </c>
      <c r="AE18" s="313">
        <v>145</v>
      </c>
      <c r="AF18" s="313">
        <v>99</v>
      </c>
      <c r="AG18" s="310">
        <v>820</v>
      </c>
      <c r="AH18" s="315">
        <v>904</v>
      </c>
      <c r="AI18" s="309">
        <v>1</v>
      </c>
      <c r="AJ18" s="313">
        <v>4</v>
      </c>
      <c r="AK18" s="310">
        <v>5</v>
      </c>
      <c r="AL18" s="312">
        <v>0</v>
      </c>
      <c r="AM18" s="313">
        <v>5</v>
      </c>
      <c r="AN18" s="313">
        <v>17</v>
      </c>
      <c r="AO18" s="313">
        <v>15</v>
      </c>
      <c r="AP18" s="313">
        <v>10</v>
      </c>
      <c r="AQ18" s="313">
        <v>8</v>
      </c>
      <c r="AR18" s="310">
        <v>55</v>
      </c>
      <c r="AS18" s="315">
        <v>60</v>
      </c>
      <c r="AT18" s="309">
        <v>47</v>
      </c>
      <c r="AU18" s="313">
        <v>20</v>
      </c>
      <c r="AV18" s="310">
        <v>67</v>
      </c>
      <c r="AW18" s="312">
        <v>0</v>
      </c>
      <c r="AX18" s="313">
        <v>200</v>
      </c>
      <c r="AY18" s="313">
        <v>277</v>
      </c>
      <c r="AZ18" s="313">
        <v>233</v>
      </c>
      <c r="BA18" s="313">
        <v>243</v>
      </c>
      <c r="BB18" s="313">
        <v>186</v>
      </c>
      <c r="BC18" s="314">
        <v>1139</v>
      </c>
      <c r="BD18" s="315">
        <v>1206</v>
      </c>
      <c r="BE18" s="309">
        <v>0</v>
      </c>
      <c r="BF18" s="313">
        <v>0</v>
      </c>
      <c r="BG18" s="310">
        <v>0</v>
      </c>
      <c r="BH18" s="312">
        <v>0</v>
      </c>
      <c r="BI18" s="313">
        <v>345</v>
      </c>
      <c r="BJ18" s="313">
        <v>408</v>
      </c>
      <c r="BK18" s="313">
        <v>241</v>
      </c>
      <c r="BL18" s="313">
        <v>139</v>
      </c>
      <c r="BM18" s="313">
        <v>75</v>
      </c>
      <c r="BN18" s="310">
        <v>1208</v>
      </c>
      <c r="BO18" s="315">
        <v>1208</v>
      </c>
      <c r="BP18" s="309">
        <v>54</v>
      </c>
      <c r="BQ18" s="313">
        <v>89</v>
      </c>
      <c r="BR18" s="310">
        <v>143</v>
      </c>
      <c r="BS18" s="312">
        <v>0</v>
      </c>
      <c r="BT18" s="313">
        <v>172</v>
      </c>
      <c r="BU18" s="313">
        <v>263</v>
      </c>
      <c r="BV18" s="313">
        <v>118</v>
      </c>
      <c r="BW18" s="313">
        <v>65</v>
      </c>
      <c r="BX18" s="313">
        <v>22</v>
      </c>
      <c r="BY18" s="310">
        <v>640</v>
      </c>
      <c r="BZ18" s="315">
        <v>783</v>
      </c>
      <c r="CA18" s="309">
        <v>2</v>
      </c>
      <c r="CB18" s="313">
        <v>2</v>
      </c>
      <c r="CC18" s="310">
        <v>4</v>
      </c>
      <c r="CD18" s="312">
        <v>0</v>
      </c>
      <c r="CE18" s="313">
        <v>42</v>
      </c>
      <c r="CF18" s="313">
        <v>76</v>
      </c>
      <c r="CG18" s="313">
        <v>100</v>
      </c>
      <c r="CH18" s="313">
        <v>43</v>
      </c>
      <c r="CI18" s="313">
        <v>32</v>
      </c>
      <c r="CJ18" s="310">
        <v>293</v>
      </c>
      <c r="CK18" s="315">
        <v>297</v>
      </c>
      <c r="CL18" s="309">
        <v>0</v>
      </c>
      <c r="CM18" s="313">
        <v>0</v>
      </c>
      <c r="CN18" s="310">
        <v>0</v>
      </c>
      <c r="CO18" s="312">
        <v>0</v>
      </c>
      <c r="CP18" s="313">
        <v>4</v>
      </c>
      <c r="CQ18" s="313">
        <v>4</v>
      </c>
      <c r="CR18" s="313">
        <v>7</v>
      </c>
      <c r="CS18" s="313">
        <v>10</v>
      </c>
      <c r="CT18" s="313">
        <v>2</v>
      </c>
      <c r="CU18" s="310">
        <v>27</v>
      </c>
      <c r="CV18" s="315">
        <v>27</v>
      </c>
      <c r="CW18" s="309">
        <v>0</v>
      </c>
      <c r="CX18" s="313">
        <v>0</v>
      </c>
      <c r="CY18" s="310">
        <v>0</v>
      </c>
      <c r="CZ18" s="312">
        <v>0</v>
      </c>
      <c r="DA18" s="313">
        <v>0</v>
      </c>
      <c r="DB18" s="313">
        <v>0</v>
      </c>
      <c r="DC18" s="313">
        <v>0</v>
      </c>
      <c r="DD18" s="313">
        <v>0</v>
      </c>
      <c r="DE18" s="313">
        <v>0</v>
      </c>
      <c r="DF18" s="310">
        <v>0</v>
      </c>
      <c r="DG18" s="315">
        <v>0</v>
      </c>
      <c r="DH18" s="309">
        <v>0</v>
      </c>
      <c r="DI18" s="313">
        <v>0</v>
      </c>
      <c r="DJ18" s="310">
        <v>0</v>
      </c>
      <c r="DK18" s="312">
        <v>0</v>
      </c>
      <c r="DL18" s="313">
        <v>0</v>
      </c>
      <c r="DM18" s="313">
        <v>0</v>
      </c>
      <c r="DN18" s="313">
        <v>0</v>
      </c>
      <c r="DO18" s="313">
        <v>0</v>
      </c>
      <c r="DP18" s="313">
        <v>0</v>
      </c>
      <c r="DQ18" s="310">
        <v>0</v>
      </c>
      <c r="DR18" s="315">
        <v>0</v>
      </c>
      <c r="DS18" s="309">
        <v>157</v>
      </c>
      <c r="DT18" s="313">
        <v>293</v>
      </c>
      <c r="DU18" s="310">
        <v>450</v>
      </c>
      <c r="DV18" s="312">
        <v>0</v>
      </c>
      <c r="DW18" s="313">
        <v>408</v>
      </c>
      <c r="DX18" s="313">
        <v>870</v>
      </c>
      <c r="DY18" s="313">
        <v>505</v>
      </c>
      <c r="DZ18" s="313">
        <v>346</v>
      </c>
      <c r="EA18" s="313">
        <v>211</v>
      </c>
      <c r="EB18" s="310">
        <v>2340</v>
      </c>
      <c r="EC18" s="315">
        <v>2790</v>
      </c>
      <c r="ED18" s="309">
        <v>35</v>
      </c>
      <c r="EE18" s="313">
        <v>12</v>
      </c>
      <c r="EF18" s="310">
        <v>47</v>
      </c>
      <c r="EG18" s="312">
        <v>0</v>
      </c>
      <c r="EH18" s="313">
        <v>94</v>
      </c>
      <c r="EI18" s="313">
        <v>100</v>
      </c>
      <c r="EJ18" s="313">
        <v>79</v>
      </c>
      <c r="EK18" s="313">
        <v>111</v>
      </c>
      <c r="EL18" s="313">
        <v>71</v>
      </c>
      <c r="EM18" s="310">
        <v>455</v>
      </c>
      <c r="EN18" s="315">
        <v>502</v>
      </c>
      <c r="EO18" s="309">
        <v>212</v>
      </c>
      <c r="EP18" s="313">
        <v>364</v>
      </c>
      <c r="EQ18" s="310">
        <v>576</v>
      </c>
      <c r="ER18" s="312">
        <v>0</v>
      </c>
      <c r="ES18" s="313">
        <v>886</v>
      </c>
      <c r="ET18" s="313">
        <v>1152</v>
      </c>
      <c r="EU18" s="313">
        <v>591</v>
      </c>
      <c r="EV18" s="313">
        <v>366</v>
      </c>
      <c r="EW18" s="313">
        <v>212</v>
      </c>
      <c r="EX18" s="310">
        <v>3207</v>
      </c>
      <c r="EY18" s="315">
        <v>3783</v>
      </c>
    </row>
    <row r="19" spans="1:155" ht="19.5" customHeight="1" x14ac:dyDescent="0.2">
      <c r="A19" s="294" t="s">
        <v>17</v>
      </c>
      <c r="B19" s="309">
        <v>0</v>
      </c>
      <c r="C19" s="310">
        <v>0</v>
      </c>
      <c r="D19" s="311">
        <v>0</v>
      </c>
      <c r="E19" s="312">
        <v>0</v>
      </c>
      <c r="F19" s="313">
        <v>246</v>
      </c>
      <c r="G19" s="313">
        <v>438</v>
      </c>
      <c r="H19" s="313">
        <v>256</v>
      </c>
      <c r="I19" s="313">
        <v>182</v>
      </c>
      <c r="J19" s="313">
        <v>150</v>
      </c>
      <c r="K19" s="314">
        <v>1272</v>
      </c>
      <c r="L19" s="315">
        <v>1272</v>
      </c>
      <c r="M19" s="309">
        <v>0</v>
      </c>
      <c r="N19" s="313">
        <v>1</v>
      </c>
      <c r="O19" s="310">
        <v>1</v>
      </c>
      <c r="P19" s="312">
        <v>0</v>
      </c>
      <c r="Q19" s="313">
        <v>1</v>
      </c>
      <c r="R19" s="313">
        <v>14</v>
      </c>
      <c r="S19" s="313">
        <v>19</v>
      </c>
      <c r="T19" s="313">
        <v>41</v>
      </c>
      <c r="U19" s="313">
        <v>78</v>
      </c>
      <c r="V19" s="310">
        <v>153</v>
      </c>
      <c r="W19" s="315">
        <v>154</v>
      </c>
      <c r="X19" s="309">
        <v>29</v>
      </c>
      <c r="Y19" s="313">
        <v>80</v>
      </c>
      <c r="Z19" s="310">
        <v>109</v>
      </c>
      <c r="AA19" s="312">
        <v>0</v>
      </c>
      <c r="AB19" s="313">
        <v>154</v>
      </c>
      <c r="AC19" s="313">
        <v>290</v>
      </c>
      <c r="AD19" s="313">
        <v>167</v>
      </c>
      <c r="AE19" s="313">
        <v>162</v>
      </c>
      <c r="AF19" s="313">
        <v>148</v>
      </c>
      <c r="AG19" s="310">
        <v>921</v>
      </c>
      <c r="AH19" s="315">
        <v>1030</v>
      </c>
      <c r="AI19" s="309">
        <v>1</v>
      </c>
      <c r="AJ19" s="313">
        <v>5</v>
      </c>
      <c r="AK19" s="310">
        <v>6</v>
      </c>
      <c r="AL19" s="312">
        <v>0</v>
      </c>
      <c r="AM19" s="313">
        <v>4</v>
      </c>
      <c r="AN19" s="313">
        <v>27</v>
      </c>
      <c r="AO19" s="313">
        <v>19</v>
      </c>
      <c r="AP19" s="313">
        <v>10</v>
      </c>
      <c r="AQ19" s="313">
        <v>9</v>
      </c>
      <c r="AR19" s="310">
        <v>69</v>
      </c>
      <c r="AS19" s="315">
        <v>75</v>
      </c>
      <c r="AT19" s="309">
        <v>31</v>
      </c>
      <c r="AU19" s="313">
        <v>51</v>
      </c>
      <c r="AV19" s="310">
        <v>82</v>
      </c>
      <c r="AW19" s="312">
        <v>0</v>
      </c>
      <c r="AX19" s="313">
        <v>257</v>
      </c>
      <c r="AY19" s="313">
        <v>412</v>
      </c>
      <c r="AZ19" s="313">
        <v>334</v>
      </c>
      <c r="BA19" s="313">
        <v>334</v>
      </c>
      <c r="BB19" s="313">
        <v>280</v>
      </c>
      <c r="BC19" s="314">
        <v>1617</v>
      </c>
      <c r="BD19" s="315">
        <v>1699</v>
      </c>
      <c r="BE19" s="309">
        <v>0</v>
      </c>
      <c r="BF19" s="313">
        <v>0</v>
      </c>
      <c r="BG19" s="310">
        <v>0</v>
      </c>
      <c r="BH19" s="312">
        <v>0</v>
      </c>
      <c r="BI19" s="313">
        <v>353</v>
      </c>
      <c r="BJ19" s="313">
        <v>529</v>
      </c>
      <c r="BK19" s="313">
        <v>297</v>
      </c>
      <c r="BL19" s="313">
        <v>170</v>
      </c>
      <c r="BM19" s="313">
        <v>86</v>
      </c>
      <c r="BN19" s="310">
        <v>1435</v>
      </c>
      <c r="BO19" s="315">
        <v>1435</v>
      </c>
      <c r="BP19" s="309">
        <v>19</v>
      </c>
      <c r="BQ19" s="313">
        <v>58</v>
      </c>
      <c r="BR19" s="310">
        <v>77</v>
      </c>
      <c r="BS19" s="312">
        <v>0</v>
      </c>
      <c r="BT19" s="313">
        <v>77</v>
      </c>
      <c r="BU19" s="313">
        <v>171</v>
      </c>
      <c r="BV19" s="313">
        <v>81</v>
      </c>
      <c r="BW19" s="313">
        <v>47</v>
      </c>
      <c r="BX19" s="313">
        <v>18</v>
      </c>
      <c r="BY19" s="310">
        <v>394</v>
      </c>
      <c r="BZ19" s="315">
        <v>471</v>
      </c>
      <c r="CA19" s="309">
        <v>1</v>
      </c>
      <c r="CB19" s="313">
        <v>3</v>
      </c>
      <c r="CC19" s="310">
        <v>4</v>
      </c>
      <c r="CD19" s="312">
        <v>0</v>
      </c>
      <c r="CE19" s="313">
        <v>50</v>
      </c>
      <c r="CF19" s="313">
        <v>90</v>
      </c>
      <c r="CG19" s="313">
        <v>113</v>
      </c>
      <c r="CH19" s="313">
        <v>92</v>
      </c>
      <c r="CI19" s="313">
        <v>48</v>
      </c>
      <c r="CJ19" s="310">
        <v>393</v>
      </c>
      <c r="CK19" s="315">
        <v>397</v>
      </c>
      <c r="CL19" s="309">
        <v>0</v>
      </c>
      <c r="CM19" s="313">
        <v>0</v>
      </c>
      <c r="CN19" s="310">
        <v>0</v>
      </c>
      <c r="CO19" s="312">
        <v>0</v>
      </c>
      <c r="CP19" s="313">
        <v>4</v>
      </c>
      <c r="CQ19" s="313">
        <v>11</v>
      </c>
      <c r="CR19" s="313">
        <v>8</v>
      </c>
      <c r="CS19" s="313">
        <v>10</v>
      </c>
      <c r="CT19" s="313">
        <v>9</v>
      </c>
      <c r="CU19" s="310">
        <v>42</v>
      </c>
      <c r="CV19" s="315">
        <v>42</v>
      </c>
      <c r="CW19" s="309">
        <v>0</v>
      </c>
      <c r="CX19" s="313">
        <v>0</v>
      </c>
      <c r="CY19" s="310">
        <v>0</v>
      </c>
      <c r="CZ19" s="312">
        <v>0</v>
      </c>
      <c r="DA19" s="313">
        <v>0</v>
      </c>
      <c r="DB19" s="313">
        <v>0</v>
      </c>
      <c r="DC19" s="313">
        <v>0</v>
      </c>
      <c r="DD19" s="313">
        <v>0</v>
      </c>
      <c r="DE19" s="313">
        <v>0</v>
      </c>
      <c r="DF19" s="310">
        <v>0</v>
      </c>
      <c r="DG19" s="315">
        <v>0</v>
      </c>
      <c r="DH19" s="309">
        <v>0</v>
      </c>
      <c r="DI19" s="313">
        <v>0</v>
      </c>
      <c r="DJ19" s="310">
        <v>0</v>
      </c>
      <c r="DK19" s="312">
        <v>0</v>
      </c>
      <c r="DL19" s="313">
        <v>0</v>
      </c>
      <c r="DM19" s="313">
        <v>0</v>
      </c>
      <c r="DN19" s="313">
        <v>0</v>
      </c>
      <c r="DO19" s="313">
        <v>0</v>
      </c>
      <c r="DP19" s="313">
        <v>0</v>
      </c>
      <c r="DQ19" s="310">
        <v>0</v>
      </c>
      <c r="DR19" s="315">
        <v>0</v>
      </c>
      <c r="DS19" s="309">
        <v>181</v>
      </c>
      <c r="DT19" s="313">
        <v>429</v>
      </c>
      <c r="DU19" s="310">
        <v>610</v>
      </c>
      <c r="DV19" s="312">
        <v>0</v>
      </c>
      <c r="DW19" s="313">
        <v>429</v>
      </c>
      <c r="DX19" s="313">
        <v>1063</v>
      </c>
      <c r="DY19" s="313">
        <v>618</v>
      </c>
      <c r="DZ19" s="313">
        <v>509</v>
      </c>
      <c r="EA19" s="313">
        <v>328</v>
      </c>
      <c r="EB19" s="310">
        <v>2947</v>
      </c>
      <c r="EC19" s="315">
        <v>3557</v>
      </c>
      <c r="ED19" s="309">
        <v>27</v>
      </c>
      <c r="EE19" s="313">
        <v>37</v>
      </c>
      <c r="EF19" s="310">
        <v>64</v>
      </c>
      <c r="EG19" s="312">
        <v>0</v>
      </c>
      <c r="EH19" s="313">
        <v>92</v>
      </c>
      <c r="EI19" s="313">
        <v>86</v>
      </c>
      <c r="EJ19" s="313">
        <v>80</v>
      </c>
      <c r="EK19" s="313">
        <v>88</v>
      </c>
      <c r="EL19" s="313">
        <v>50</v>
      </c>
      <c r="EM19" s="310">
        <v>396</v>
      </c>
      <c r="EN19" s="315">
        <v>460</v>
      </c>
      <c r="EO19" s="309">
        <v>214</v>
      </c>
      <c r="EP19" s="313">
        <v>498</v>
      </c>
      <c r="EQ19" s="310">
        <v>712</v>
      </c>
      <c r="ER19" s="312">
        <v>0</v>
      </c>
      <c r="ES19" s="313">
        <v>948</v>
      </c>
      <c r="ET19" s="313">
        <v>1398</v>
      </c>
      <c r="EU19" s="313">
        <v>764</v>
      </c>
      <c r="EV19" s="313">
        <v>522</v>
      </c>
      <c r="EW19" s="313">
        <v>330</v>
      </c>
      <c r="EX19" s="310">
        <v>3962</v>
      </c>
      <c r="EY19" s="315">
        <v>4674</v>
      </c>
    </row>
    <row r="20" spans="1:155" ht="19.5" customHeight="1" x14ac:dyDescent="0.2">
      <c r="A20" s="294" t="s">
        <v>18</v>
      </c>
      <c r="B20" s="309">
        <v>0</v>
      </c>
      <c r="C20" s="310">
        <v>0</v>
      </c>
      <c r="D20" s="311">
        <v>0</v>
      </c>
      <c r="E20" s="312">
        <v>0</v>
      </c>
      <c r="F20" s="313">
        <v>497</v>
      </c>
      <c r="G20" s="313">
        <v>491</v>
      </c>
      <c r="H20" s="313">
        <v>251</v>
      </c>
      <c r="I20" s="313">
        <v>215</v>
      </c>
      <c r="J20" s="313">
        <v>157</v>
      </c>
      <c r="K20" s="314">
        <v>1611</v>
      </c>
      <c r="L20" s="315">
        <v>1611</v>
      </c>
      <c r="M20" s="309">
        <v>0</v>
      </c>
      <c r="N20" s="313">
        <v>1</v>
      </c>
      <c r="O20" s="310">
        <v>1</v>
      </c>
      <c r="P20" s="312">
        <v>0</v>
      </c>
      <c r="Q20" s="313">
        <v>1</v>
      </c>
      <c r="R20" s="313">
        <v>13</v>
      </c>
      <c r="S20" s="313">
        <v>15</v>
      </c>
      <c r="T20" s="313">
        <v>46</v>
      </c>
      <c r="U20" s="313">
        <v>78</v>
      </c>
      <c r="V20" s="310">
        <v>153</v>
      </c>
      <c r="W20" s="315">
        <v>154</v>
      </c>
      <c r="X20" s="309">
        <v>42</v>
      </c>
      <c r="Y20" s="313">
        <v>117</v>
      </c>
      <c r="Z20" s="310">
        <v>159</v>
      </c>
      <c r="AA20" s="312">
        <v>0</v>
      </c>
      <c r="AB20" s="313">
        <v>318</v>
      </c>
      <c r="AC20" s="313">
        <v>329</v>
      </c>
      <c r="AD20" s="313">
        <v>203</v>
      </c>
      <c r="AE20" s="313">
        <v>177</v>
      </c>
      <c r="AF20" s="313">
        <v>134</v>
      </c>
      <c r="AG20" s="310">
        <v>1161</v>
      </c>
      <c r="AH20" s="315">
        <v>1320</v>
      </c>
      <c r="AI20" s="309">
        <v>8</v>
      </c>
      <c r="AJ20" s="313">
        <v>8</v>
      </c>
      <c r="AK20" s="310">
        <v>16</v>
      </c>
      <c r="AL20" s="312">
        <v>0</v>
      </c>
      <c r="AM20" s="313">
        <v>33</v>
      </c>
      <c r="AN20" s="313">
        <v>44</v>
      </c>
      <c r="AO20" s="313">
        <v>22</v>
      </c>
      <c r="AP20" s="313">
        <v>23</v>
      </c>
      <c r="AQ20" s="313">
        <v>10</v>
      </c>
      <c r="AR20" s="310">
        <v>132</v>
      </c>
      <c r="AS20" s="315">
        <v>148</v>
      </c>
      <c r="AT20" s="309">
        <v>56</v>
      </c>
      <c r="AU20" s="313">
        <v>58</v>
      </c>
      <c r="AV20" s="310">
        <v>114</v>
      </c>
      <c r="AW20" s="312">
        <v>0</v>
      </c>
      <c r="AX20" s="313">
        <v>403</v>
      </c>
      <c r="AY20" s="313">
        <v>507</v>
      </c>
      <c r="AZ20" s="313">
        <v>452</v>
      </c>
      <c r="BA20" s="313">
        <v>396</v>
      </c>
      <c r="BB20" s="313">
        <v>334</v>
      </c>
      <c r="BC20" s="314">
        <v>2092</v>
      </c>
      <c r="BD20" s="315">
        <v>2206</v>
      </c>
      <c r="BE20" s="309">
        <v>0</v>
      </c>
      <c r="BF20" s="313">
        <v>0</v>
      </c>
      <c r="BG20" s="310">
        <v>0</v>
      </c>
      <c r="BH20" s="312">
        <v>0</v>
      </c>
      <c r="BI20" s="313">
        <v>606</v>
      </c>
      <c r="BJ20" s="313">
        <v>564</v>
      </c>
      <c r="BK20" s="313">
        <v>306</v>
      </c>
      <c r="BL20" s="313">
        <v>190</v>
      </c>
      <c r="BM20" s="313">
        <v>77</v>
      </c>
      <c r="BN20" s="310">
        <v>1743</v>
      </c>
      <c r="BO20" s="315">
        <v>1743</v>
      </c>
      <c r="BP20" s="309">
        <v>43</v>
      </c>
      <c r="BQ20" s="313">
        <v>86</v>
      </c>
      <c r="BR20" s="310">
        <v>129</v>
      </c>
      <c r="BS20" s="312">
        <v>0</v>
      </c>
      <c r="BT20" s="313">
        <v>182</v>
      </c>
      <c r="BU20" s="313">
        <v>177</v>
      </c>
      <c r="BV20" s="313">
        <v>100</v>
      </c>
      <c r="BW20" s="313">
        <v>68</v>
      </c>
      <c r="BX20" s="313">
        <v>20</v>
      </c>
      <c r="BY20" s="310">
        <v>547</v>
      </c>
      <c r="BZ20" s="315">
        <v>676</v>
      </c>
      <c r="CA20" s="309">
        <v>3</v>
      </c>
      <c r="CB20" s="313">
        <v>5</v>
      </c>
      <c r="CC20" s="310">
        <v>8</v>
      </c>
      <c r="CD20" s="312">
        <v>0</v>
      </c>
      <c r="CE20" s="313">
        <v>50</v>
      </c>
      <c r="CF20" s="313">
        <v>101</v>
      </c>
      <c r="CG20" s="313">
        <v>124</v>
      </c>
      <c r="CH20" s="313">
        <v>108</v>
      </c>
      <c r="CI20" s="313">
        <v>63</v>
      </c>
      <c r="CJ20" s="310">
        <v>446</v>
      </c>
      <c r="CK20" s="315">
        <v>454</v>
      </c>
      <c r="CL20" s="309">
        <v>0</v>
      </c>
      <c r="CM20" s="313">
        <v>0</v>
      </c>
      <c r="CN20" s="310">
        <v>0</v>
      </c>
      <c r="CO20" s="312">
        <v>0</v>
      </c>
      <c r="CP20" s="313">
        <v>3</v>
      </c>
      <c r="CQ20" s="313">
        <v>6</v>
      </c>
      <c r="CR20" s="313">
        <v>3</v>
      </c>
      <c r="CS20" s="313">
        <v>4</v>
      </c>
      <c r="CT20" s="313">
        <v>3</v>
      </c>
      <c r="CU20" s="310">
        <v>19</v>
      </c>
      <c r="CV20" s="315">
        <v>19</v>
      </c>
      <c r="CW20" s="309">
        <v>0</v>
      </c>
      <c r="CX20" s="313">
        <v>0</v>
      </c>
      <c r="CY20" s="310">
        <v>0</v>
      </c>
      <c r="CZ20" s="312">
        <v>0</v>
      </c>
      <c r="DA20" s="313">
        <v>0</v>
      </c>
      <c r="DB20" s="313">
        <v>0</v>
      </c>
      <c r="DC20" s="313">
        <v>0</v>
      </c>
      <c r="DD20" s="313">
        <v>0</v>
      </c>
      <c r="DE20" s="313">
        <v>0</v>
      </c>
      <c r="DF20" s="310">
        <v>0</v>
      </c>
      <c r="DG20" s="315">
        <v>0</v>
      </c>
      <c r="DH20" s="309">
        <v>0</v>
      </c>
      <c r="DI20" s="313">
        <v>0</v>
      </c>
      <c r="DJ20" s="310">
        <v>0</v>
      </c>
      <c r="DK20" s="312">
        <v>0</v>
      </c>
      <c r="DL20" s="313">
        <v>0</v>
      </c>
      <c r="DM20" s="313">
        <v>0</v>
      </c>
      <c r="DN20" s="313">
        <v>0</v>
      </c>
      <c r="DO20" s="313">
        <v>0</v>
      </c>
      <c r="DP20" s="313">
        <v>0</v>
      </c>
      <c r="DQ20" s="310">
        <v>0</v>
      </c>
      <c r="DR20" s="315">
        <v>0</v>
      </c>
      <c r="DS20" s="309">
        <v>223</v>
      </c>
      <c r="DT20" s="313">
        <v>496</v>
      </c>
      <c r="DU20" s="310">
        <v>719</v>
      </c>
      <c r="DV20" s="312">
        <v>0</v>
      </c>
      <c r="DW20" s="313">
        <v>770</v>
      </c>
      <c r="DX20" s="313">
        <v>1026</v>
      </c>
      <c r="DY20" s="313">
        <v>616</v>
      </c>
      <c r="DZ20" s="313">
        <v>492</v>
      </c>
      <c r="EA20" s="313">
        <v>295</v>
      </c>
      <c r="EB20" s="310">
        <v>3199</v>
      </c>
      <c r="EC20" s="315">
        <v>3918</v>
      </c>
      <c r="ED20" s="309">
        <v>23</v>
      </c>
      <c r="EE20" s="313">
        <v>15</v>
      </c>
      <c r="EF20" s="310">
        <v>38</v>
      </c>
      <c r="EG20" s="312">
        <v>0</v>
      </c>
      <c r="EH20" s="313">
        <v>117</v>
      </c>
      <c r="EI20" s="313">
        <v>107</v>
      </c>
      <c r="EJ20" s="313">
        <v>100</v>
      </c>
      <c r="EK20" s="313">
        <v>78</v>
      </c>
      <c r="EL20" s="313">
        <v>69</v>
      </c>
      <c r="EM20" s="310">
        <v>471</v>
      </c>
      <c r="EN20" s="315">
        <v>509</v>
      </c>
      <c r="EO20" s="309">
        <v>275</v>
      </c>
      <c r="EP20" s="313">
        <v>608</v>
      </c>
      <c r="EQ20" s="310">
        <v>883</v>
      </c>
      <c r="ER20" s="312">
        <v>0</v>
      </c>
      <c r="ES20" s="313">
        <v>1593</v>
      </c>
      <c r="ET20" s="313">
        <v>1433</v>
      </c>
      <c r="EU20" s="313">
        <v>743</v>
      </c>
      <c r="EV20" s="313">
        <v>536</v>
      </c>
      <c r="EW20" s="313">
        <v>303</v>
      </c>
      <c r="EX20" s="310">
        <v>4608</v>
      </c>
      <c r="EY20" s="315">
        <v>5491</v>
      </c>
    </row>
    <row r="21" spans="1:155" ht="19.5" customHeight="1" x14ac:dyDescent="0.2">
      <c r="A21" s="294" t="s">
        <v>19</v>
      </c>
      <c r="B21" s="309">
        <v>0</v>
      </c>
      <c r="C21" s="310">
        <v>0</v>
      </c>
      <c r="D21" s="311">
        <v>0</v>
      </c>
      <c r="E21" s="312">
        <v>0</v>
      </c>
      <c r="F21" s="313">
        <v>182</v>
      </c>
      <c r="G21" s="313">
        <v>172</v>
      </c>
      <c r="H21" s="313">
        <v>114</v>
      </c>
      <c r="I21" s="313">
        <v>76</v>
      </c>
      <c r="J21" s="313">
        <v>55</v>
      </c>
      <c r="K21" s="314">
        <v>599</v>
      </c>
      <c r="L21" s="315">
        <v>599</v>
      </c>
      <c r="M21" s="309">
        <v>0</v>
      </c>
      <c r="N21" s="313">
        <v>1</v>
      </c>
      <c r="O21" s="310">
        <v>1</v>
      </c>
      <c r="P21" s="312">
        <v>0</v>
      </c>
      <c r="Q21" s="313">
        <v>2</v>
      </c>
      <c r="R21" s="313">
        <v>6</v>
      </c>
      <c r="S21" s="313">
        <v>14</v>
      </c>
      <c r="T21" s="313">
        <v>23</v>
      </c>
      <c r="U21" s="313">
        <v>26</v>
      </c>
      <c r="V21" s="310">
        <v>71</v>
      </c>
      <c r="W21" s="315">
        <v>72</v>
      </c>
      <c r="X21" s="309">
        <v>30</v>
      </c>
      <c r="Y21" s="313">
        <v>49</v>
      </c>
      <c r="Z21" s="310">
        <v>79</v>
      </c>
      <c r="AA21" s="312">
        <v>0</v>
      </c>
      <c r="AB21" s="313">
        <v>140</v>
      </c>
      <c r="AC21" s="313">
        <v>131</v>
      </c>
      <c r="AD21" s="313">
        <v>95</v>
      </c>
      <c r="AE21" s="313">
        <v>77</v>
      </c>
      <c r="AF21" s="313">
        <v>64</v>
      </c>
      <c r="AG21" s="310">
        <v>507</v>
      </c>
      <c r="AH21" s="315">
        <v>586</v>
      </c>
      <c r="AI21" s="309">
        <v>5</v>
      </c>
      <c r="AJ21" s="313">
        <v>11</v>
      </c>
      <c r="AK21" s="310">
        <v>16</v>
      </c>
      <c r="AL21" s="312">
        <v>0</v>
      </c>
      <c r="AM21" s="313">
        <v>22</v>
      </c>
      <c r="AN21" s="313">
        <v>14</v>
      </c>
      <c r="AO21" s="313">
        <v>11</v>
      </c>
      <c r="AP21" s="313">
        <v>8</v>
      </c>
      <c r="AQ21" s="313">
        <v>2</v>
      </c>
      <c r="AR21" s="310">
        <v>57</v>
      </c>
      <c r="AS21" s="315">
        <v>73</v>
      </c>
      <c r="AT21" s="309">
        <v>39</v>
      </c>
      <c r="AU21" s="313">
        <v>32</v>
      </c>
      <c r="AV21" s="310">
        <v>71</v>
      </c>
      <c r="AW21" s="312">
        <v>0</v>
      </c>
      <c r="AX21" s="313">
        <v>161</v>
      </c>
      <c r="AY21" s="313">
        <v>203</v>
      </c>
      <c r="AZ21" s="313">
        <v>164</v>
      </c>
      <c r="BA21" s="313">
        <v>151</v>
      </c>
      <c r="BB21" s="313">
        <v>125</v>
      </c>
      <c r="BC21" s="314">
        <v>804</v>
      </c>
      <c r="BD21" s="315">
        <v>875</v>
      </c>
      <c r="BE21" s="309">
        <v>0</v>
      </c>
      <c r="BF21" s="313">
        <v>0</v>
      </c>
      <c r="BG21" s="310">
        <v>0</v>
      </c>
      <c r="BH21" s="312">
        <v>0</v>
      </c>
      <c r="BI21" s="313">
        <v>256</v>
      </c>
      <c r="BJ21" s="313">
        <v>240</v>
      </c>
      <c r="BK21" s="313">
        <v>118</v>
      </c>
      <c r="BL21" s="313">
        <v>58</v>
      </c>
      <c r="BM21" s="313">
        <v>38</v>
      </c>
      <c r="BN21" s="310">
        <v>710</v>
      </c>
      <c r="BO21" s="315">
        <v>710</v>
      </c>
      <c r="BP21" s="309">
        <v>17</v>
      </c>
      <c r="BQ21" s="313">
        <v>38</v>
      </c>
      <c r="BR21" s="310">
        <v>55</v>
      </c>
      <c r="BS21" s="312">
        <v>0</v>
      </c>
      <c r="BT21" s="313">
        <v>87</v>
      </c>
      <c r="BU21" s="313">
        <v>94</v>
      </c>
      <c r="BV21" s="313">
        <v>63</v>
      </c>
      <c r="BW21" s="313">
        <v>31</v>
      </c>
      <c r="BX21" s="313">
        <v>11</v>
      </c>
      <c r="BY21" s="310">
        <v>286</v>
      </c>
      <c r="BZ21" s="315">
        <v>341</v>
      </c>
      <c r="CA21" s="309">
        <v>0</v>
      </c>
      <c r="CB21" s="313">
        <v>5</v>
      </c>
      <c r="CC21" s="310">
        <v>5</v>
      </c>
      <c r="CD21" s="312">
        <v>0</v>
      </c>
      <c r="CE21" s="313">
        <v>25</v>
      </c>
      <c r="CF21" s="313">
        <v>49</v>
      </c>
      <c r="CG21" s="313">
        <v>54</v>
      </c>
      <c r="CH21" s="313">
        <v>18</v>
      </c>
      <c r="CI21" s="313">
        <v>17</v>
      </c>
      <c r="CJ21" s="310">
        <v>163</v>
      </c>
      <c r="CK21" s="315">
        <v>168</v>
      </c>
      <c r="CL21" s="309">
        <v>0</v>
      </c>
      <c r="CM21" s="313">
        <v>0</v>
      </c>
      <c r="CN21" s="310">
        <v>0</v>
      </c>
      <c r="CO21" s="312">
        <v>0</v>
      </c>
      <c r="CP21" s="313">
        <v>6</v>
      </c>
      <c r="CQ21" s="313">
        <v>11</v>
      </c>
      <c r="CR21" s="313">
        <v>7</v>
      </c>
      <c r="CS21" s="313">
        <v>11</v>
      </c>
      <c r="CT21" s="313">
        <v>4</v>
      </c>
      <c r="CU21" s="310">
        <v>39</v>
      </c>
      <c r="CV21" s="315">
        <v>39</v>
      </c>
      <c r="CW21" s="309">
        <v>0</v>
      </c>
      <c r="CX21" s="313">
        <v>0</v>
      </c>
      <c r="CY21" s="310">
        <v>0</v>
      </c>
      <c r="CZ21" s="312">
        <v>0</v>
      </c>
      <c r="DA21" s="313">
        <v>0</v>
      </c>
      <c r="DB21" s="313">
        <v>0</v>
      </c>
      <c r="DC21" s="313">
        <v>0</v>
      </c>
      <c r="DD21" s="313">
        <v>0</v>
      </c>
      <c r="DE21" s="313">
        <v>0</v>
      </c>
      <c r="DF21" s="310">
        <v>0</v>
      </c>
      <c r="DG21" s="315">
        <v>0</v>
      </c>
      <c r="DH21" s="309">
        <v>0</v>
      </c>
      <c r="DI21" s="313">
        <v>0</v>
      </c>
      <c r="DJ21" s="310">
        <v>0</v>
      </c>
      <c r="DK21" s="312">
        <v>0</v>
      </c>
      <c r="DL21" s="313">
        <v>0</v>
      </c>
      <c r="DM21" s="313">
        <v>0</v>
      </c>
      <c r="DN21" s="313">
        <v>0</v>
      </c>
      <c r="DO21" s="313">
        <v>0</v>
      </c>
      <c r="DP21" s="313">
        <v>0</v>
      </c>
      <c r="DQ21" s="310">
        <v>0</v>
      </c>
      <c r="DR21" s="315">
        <v>0</v>
      </c>
      <c r="DS21" s="309">
        <v>83</v>
      </c>
      <c r="DT21" s="313">
        <v>217</v>
      </c>
      <c r="DU21" s="310">
        <v>300</v>
      </c>
      <c r="DV21" s="312">
        <v>0</v>
      </c>
      <c r="DW21" s="313">
        <v>383</v>
      </c>
      <c r="DX21" s="313">
        <v>448</v>
      </c>
      <c r="DY21" s="313">
        <v>287</v>
      </c>
      <c r="DZ21" s="313">
        <v>183</v>
      </c>
      <c r="EA21" s="313">
        <v>131</v>
      </c>
      <c r="EB21" s="310">
        <v>1432</v>
      </c>
      <c r="EC21" s="315">
        <v>1732</v>
      </c>
      <c r="ED21" s="309">
        <v>14</v>
      </c>
      <c r="EE21" s="313">
        <v>20</v>
      </c>
      <c r="EF21" s="310">
        <v>34</v>
      </c>
      <c r="EG21" s="312">
        <v>0</v>
      </c>
      <c r="EH21" s="313">
        <v>64</v>
      </c>
      <c r="EI21" s="313">
        <v>47</v>
      </c>
      <c r="EJ21" s="313">
        <v>40</v>
      </c>
      <c r="EK21" s="313">
        <v>51</v>
      </c>
      <c r="EL21" s="313">
        <v>29</v>
      </c>
      <c r="EM21" s="310">
        <v>231</v>
      </c>
      <c r="EN21" s="315">
        <v>265</v>
      </c>
      <c r="EO21" s="309">
        <v>121</v>
      </c>
      <c r="EP21" s="313">
        <v>263</v>
      </c>
      <c r="EQ21" s="310">
        <v>384</v>
      </c>
      <c r="ER21" s="312">
        <v>0</v>
      </c>
      <c r="ES21" s="313">
        <v>670</v>
      </c>
      <c r="ET21" s="313">
        <v>605</v>
      </c>
      <c r="EU21" s="313">
        <v>323</v>
      </c>
      <c r="EV21" s="313">
        <v>175</v>
      </c>
      <c r="EW21" s="313">
        <v>113</v>
      </c>
      <c r="EX21" s="310">
        <v>1886</v>
      </c>
      <c r="EY21" s="315">
        <v>2270</v>
      </c>
    </row>
    <row r="22" spans="1:155" ht="19.5" customHeight="1" x14ac:dyDescent="0.2">
      <c r="A22" s="294" t="s">
        <v>20</v>
      </c>
      <c r="B22" s="309">
        <v>0</v>
      </c>
      <c r="C22" s="310">
        <v>0</v>
      </c>
      <c r="D22" s="311">
        <v>0</v>
      </c>
      <c r="E22" s="312">
        <v>0</v>
      </c>
      <c r="F22" s="313">
        <v>254</v>
      </c>
      <c r="G22" s="313">
        <v>167</v>
      </c>
      <c r="H22" s="313">
        <v>108</v>
      </c>
      <c r="I22" s="313">
        <v>76</v>
      </c>
      <c r="J22" s="313">
        <v>53</v>
      </c>
      <c r="K22" s="314">
        <v>658</v>
      </c>
      <c r="L22" s="315">
        <v>658</v>
      </c>
      <c r="M22" s="309">
        <v>0</v>
      </c>
      <c r="N22" s="313">
        <v>2</v>
      </c>
      <c r="O22" s="310">
        <v>2</v>
      </c>
      <c r="P22" s="312">
        <v>0</v>
      </c>
      <c r="Q22" s="313">
        <v>1</v>
      </c>
      <c r="R22" s="313">
        <v>6</v>
      </c>
      <c r="S22" s="313">
        <v>7</v>
      </c>
      <c r="T22" s="313">
        <v>28</v>
      </c>
      <c r="U22" s="313">
        <v>33</v>
      </c>
      <c r="V22" s="310">
        <v>75</v>
      </c>
      <c r="W22" s="315">
        <v>77</v>
      </c>
      <c r="X22" s="309">
        <v>35</v>
      </c>
      <c r="Y22" s="313">
        <v>80</v>
      </c>
      <c r="Z22" s="310">
        <v>115</v>
      </c>
      <c r="AA22" s="312">
        <v>0</v>
      </c>
      <c r="AB22" s="313">
        <v>230</v>
      </c>
      <c r="AC22" s="313">
        <v>147</v>
      </c>
      <c r="AD22" s="313">
        <v>94</v>
      </c>
      <c r="AE22" s="313">
        <v>88</v>
      </c>
      <c r="AF22" s="313">
        <v>43</v>
      </c>
      <c r="AG22" s="310">
        <v>602</v>
      </c>
      <c r="AH22" s="315">
        <v>717</v>
      </c>
      <c r="AI22" s="309">
        <v>11</v>
      </c>
      <c r="AJ22" s="313">
        <v>36</v>
      </c>
      <c r="AK22" s="310">
        <v>47</v>
      </c>
      <c r="AL22" s="312">
        <v>0</v>
      </c>
      <c r="AM22" s="313">
        <v>45</v>
      </c>
      <c r="AN22" s="313">
        <v>47</v>
      </c>
      <c r="AO22" s="313">
        <v>30</v>
      </c>
      <c r="AP22" s="313">
        <v>23</v>
      </c>
      <c r="AQ22" s="313">
        <v>9</v>
      </c>
      <c r="AR22" s="310">
        <v>154</v>
      </c>
      <c r="AS22" s="315">
        <v>201</v>
      </c>
      <c r="AT22" s="309">
        <v>18</v>
      </c>
      <c r="AU22" s="313">
        <v>53</v>
      </c>
      <c r="AV22" s="310">
        <v>71</v>
      </c>
      <c r="AW22" s="312">
        <v>0</v>
      </c>
      <c r="AX22" s="313">
        <v>218</v>
      </c>
      <c r="AY22" s="313">
        <v>215</v>
      </c>
      <c r="AZ22" s="313">
        <v>176</v>
      </c>
      <c r="BA22" s="313">
        <v>212</v>
      </c>
      <c r="BB22" s="313">
        <v>120</v>
      </c>
      <c r="BC22" s="314">
        <v>941</v>
      </c>
      <c r="BD22" s="315">
        <v>1012</v>
      </c>
      <c r="BE22" s="309">
        <v>0</v>
      </c>
      <c r="BF22" s="313">
        <v>0</v>
      </c>
      <c r="BG22" s="310">
        <v>0</v>
      </c>
      <c r="BH22" s="312">
        <v>0</v>
      </c>
      <c r="BI22" s="313">
        <v>315</v>
      </c>
      <c r="BJ22" s="313">
        <v>190</v>
      </c>
      <c r="BK22" s="313">
        <v>130</v>
      </c>
      <c r="BL22" s="313">
        <v>65</v>
      </c>
      <c r="BM22" s="313">
        <v>26</v>
      </c>
      <c r="BN22" s="310">
        <v>726</v>
      </c>
      <c r="BO22" s="315">
        <v>726</v>
      </c>
      <c r="BP22" s="309">
        <v>23</v>
      </c>
      <c r="BQ22" s="313">
        <v>55</v>
      </c>
      <c r="BR22" s="310">
        <v>78</v>
      </c>
      <c r="BS22" s="312">
        <v>0</v>
      </c>
      <c r="BT22" s="313">
        <v>195</v>
      </c>
      <c r="BU22" s="313">
        <v>100</v>
      </c>
      <c r="BV22" s="313">
        <v>62</v>
      </c>
      <c r="BW22" s="313">
        <v>34</v>
      </c>
      <c r="BX22" s="313">
        <v>13</v>
      </c>
      <c r="BY22" s="310">
        <v>404</v>
      </c>
      <c r="BZ22" s="315">
        <v>482</v>
      </c>
      <c r="CA22" s="309">
        <v>1</v>
      </c>
      <c r="CB22" s="313">
        <v>5</v>
      </c>
      <c r="CC22" s="310">
        <v>6</v>
      </c>
      <c r="CD22" s="312">
        <v>0</v>
      </c>
      <c r="CE22" s="313">
        <v>42</v>
      </c>
      <c r="CF22" s="313">
        <v>43</v>
      </c>
      <c r="CG22" s="313">
        <v>80</v>
      </c>
      <c r="CH22" s="313">
        <v>49</v>
      </c>
      <c r="CI22" s="313">
        <v>25</v>
      </c>
      <c r="CJ22" s="310">
        <v>239</v>
      </c>
      <c r="CK22" s="315">
        <v>245</v>
      </c>
      <c r="CL22" s="309">
        <v>0</v>
      </c>
      <c r="CM22" s="313">
        <v>1</v>
      </c>
      <c r="CN22" s="310">
        <v>1</v>
      </c>
      <c r="CO22" s="312">
        <v>0</v>
      </c>
      <c r="CP22" s="313">
        <v>2</v>
      </c>
      <c r="CQ22" s="313">
        <v>5</v>
      </c>
      <c r="CR22" s="313">
        <v>10</v>
      </c>
      <c r="CS22" s="313">
        <v>6</v>
      </c>
      <c r="CT22" s="313">
        <v>2</v>
      </c>
      <c r="CU22" s="310">
        <v>25</v>
      </c>
      <c r="CV22" s="315">
        <v>26</v>
      </c>
      <c r="CW22" s="309">
        <v>0</v>
      </c>
      <c r="CX22" s="313">
        <v>0</v>
      </c>
      <c r="CY22" s="310">
        <v>0</v>
      </c>
      <c r="CZ22" s="312">
        <v>0</v>
      </c>
      <c r="DA22" s="313">
        <v>0</v>
      </c>
      <c r="DB22" s="313">
        <v>0</v>
      </c>
      <c r="DC22" s="313">
        <v>0</v>
      </c>
      <c r="DD22" s="313">
        <v>0</v>
      </c>
      <c r="DE22" s="313">
        <v>0</v>
      </c>
      <c r="DF22" s="310">
        <v>0</v>
      </c>
      <c r="DG22" s="315">
        <v>0</v>
      </c>
      <c r="DH22" s="309">
        <v>0</v>
      </c>
      <c r="DI22" s="313">
        <v>0</v>
      </c>
      <c r="DJ22" s="310">
        <v>0</v>
      </c>
      <c r="DK22" s="312">
        <v>0</v>
      </c>
      <c r="DL22" s="313">
        <v>0</v>
      </c>
      <c r="DM22" s="313">
        <v>0</v>
      </c>
      <c r="DN22" s="313">
        <v>0</v>
      </c>
      <c r="DO22" s="313">
        <v>0</v>
      </c>
      <c r="DP22" s="313">
        <v>0</v>
      </c>
      <c r="DQ22" s="310">
        <v>0</v>
      </c>
      <c r="DR22" s="315">
        <v>0</v>
      </c>
      <c r="DS22" s="309">
        <v>141</v>
      </c>
      <c r="DT22" s="313">
        <v>300</v>
      </c>
      <c r="DU22" s="310">
        <v>441</v>
      </c>
      <c r="DV22" s="312">
        <v>0</v>
      </c>
      <c r="DW22" s="313">
        <v>511</v>
      </c>
      <c r="DX22" s="313">
        <v>412</v>
      </c>
      <c r="DY22" s="313">
        <v>272</v>
      </c>
      <c r="DZ22" s="313">
        <v>219</v>
      </c>
      <c r="EA22" s="313">
        <v>102</v>
      </c>
      <c r="EB22" s="310">
        <v>1516</v>
      </c>
      <c r="EC22" s="315">
        <v>1957</v>
      </c>
      <c r="ED22" s="309">
        <v>7</v>
      </c>
      <c r="EE22" s="313">
        <v>32</v>
      </c>
      <c r="EF22" s="310">
        <v>39</v>
      </c>
      <c r="EG22" s="312">
        <v>0</v>
      </c>
      <c r="EH22" s="313">
        <v>70</v>
      </c>
      <c r="EI22" s="313">
        <v>70</v>
      </c>
      <c r="EJ22" s="313">
        <v>45</v>
      </c>
      <c r="EK22" s="313">
        <v>74</v>
      </c>
      <c r="EL22" s="313">
        <v>32</v>
      </c>
      <c r="EM22" s="310">
        <v>291</v>
      </c>
      <c r="EN22" s="315">
        <v>330</v>
      </c>
      <c r="EO22" s="309">
        <v>194</v>
      </c>
      <c r="EP22" s="313">
        <v>405</v>
      </c>
      <c r="EQ22" s="310">
        <v>599</v>
      </c>
      <c r="ER22" s="312">
        <v>0</v>
      </c>
      <c r="ES22" s="313">
        <v>979</v>
      </c>
      <c r="ET22" s="313">
        <v>553</v>
      </c>
      <c r="EU22" s="313">
        <v>351</v>
      </c>
      <c r="EV22" s="313">
        <v>233</v>
      </c>
      <c r="EW22" s="313">
        <v>113</v>
      </c>
      <c r="EX22" s="310">
        <v>2229</v>
      </c>
      <c r="EY22" s="315">
        <v>2828</v>
      </c>
    </row>
    <row r="23" spans="1:155" ht="19.5" customHeight="1" x14ac:dyDescent="0.2">
      <c r="A23" s="294" t="s">
        <v>21</v>
      </c>
      <c r="B23" s="309">
        <v>0</v>
      </c>
      <c r="C23" s="310">
        <v>0</v>
      </c>
      <c r="D23" s="311">
        <v>0</v>
      </c>
      <c r="E23" s="312">
        <v>0</v>
      </c>
      <c r="F23" s="313">
        <v>253</v>
      </c>
      <c r="G23" s="313">
        <v>334</v>
      </c>
      <c r="H23" s="313">
        <v>163</v>
      </c>
      <c r="I23" s="313">
        <v>104</v>
      </c>
      <c r="J23" s="313">
        <v>93</v>
      </c>
      <c r="K23" s="314">
        <v>947</v>
      </c>
      <c r="L23" s="315">
        <v>947</v>
      </c>
      <c r="M23" s="309">
        <v>0</v>
      </c>
      <c r="N23" s="313">
        <v>0</v>
      </c>
      <c r="O23" s="310">
        <v>0</v>
      </c>
      <c r="P23" s="312">
        <v>0</v>
      </c>
      <c r="Q23" s="313">
        <v>2</v>
      </c>
      <c r="R23" s="313">
        <v>4</v>
      </c>
      <c r="S23" s="313">
        <v>13</v>
      </c>
      <c r="T23" s="313">
        <v>28</v>
      </c>
      <c r="U23" s="313">
        <v>45</v>
      </c>
      <c r="V23" s="310">
        <v>92</v>
      </c>
      <c r="W23" s="315">
        <v>92</v>
      </c>
      <c r="X23" s="309">
        <v>50</v>
      </c>
      <c r="Y23" s="313">
        <v>85</v>
      </c>
      <c r="Z23" s="310">
        <v>135</v>
      </c>
      <c r="AA23" s="312">
        <v>0</v>
      </c>
      <c r="AB23" s="313">
        <v>180</v>
      </c>
      <c r="AC23" s="313">
        <v>240</v>
      </c>
      <c r="AD23" s="313">
        <v>136</v>
      </c>
      <c r="AE23" s="313">
        <v>115</v>
      </c>
      <c r="AF23" s="313">
        <v>69</v>
      </c>
      <c r="AG23" s="310">
        <v>740</v>
      </c>
      <c r="AH23" s="315">
        <v>875</v>
      </c>
      <c r="AI23" s="309">
        <v>11</v>
      </c>
      <c r="AJ23" s="313">
        <v>21</v>
      </c>
      <c r="AK23" s="310">
        <v>32</v>
      </c>
      <c r="AL23" s="312">
        <v>0</v>
      </c>
      <c r="AM23" s="313">
        <v>19</v>
      </c>
      <c r="AN23" s="313">
        <v>36</v>
      </c>
      <c r="AO23" s="313">
        <v>13</v>
      </c>
      <c r="AP23" s="313">
        <v>16</v>
      </c>
      <c r="AQ23" s="313">
        <v>6</v>
      </c>
      <c r="AR23" s="310">
        <v>90</v>
      </c>
      <c r="AS23" s="315">
        <v>122</v>
      </c>
      <c r="AT23" s="309">
        <v>43</v>
      </c>
      <c r="AU23" s="313">
        <v>38</v>
      </c>
      <c r="AV23" s="310">
        <v>81</v>
      </c>
      <c r="AW23" s="312">
        <v>0</v>
      </c>
      <c r="AX23" s="313">
        <v>217</v>
      </c>
      <c r="AY23" s="313">
        <v>318</v>
      </c>
      <c r="AZ23" s="313">
        <v>253</v>
      </c>
      <c r="BA23" s="313">
        <v>202</v>
      </c>
      <c r="BB23" s="313">
        <v>184</v>
      </c>
      <c r="BC23" s="314">
        <v>1174</v>
      </c>
      <c r="BD23" s="315">
        <v>1255</v>
      </c>
      <c r="BE23" s="309">
        <v>0</v>
      </c>
      <c r="BF23" s="313">
        <v>0</v>
      </c>
      <c r="BG23" s="310">
        <v>0</v>
      </c>
      <c r="BH23" s="312">
        <v>0</v>
      </c>
      <c r="BI23" s="313">
        <v>250</v>
      </c>
      <c r="BJ23" s="313">
        <v>358</v>
      </c>
      <c r="BK23" s="313">
        <v>144</v>
      </c>
      <c r="BL23" s="313">
        <v>109</v>
      </c>
      <c r="BM23" s="313">
        <v>39</v>
      </c>
      <c r="BN23" s="310">
        <v>900</v>
      </c>
      <c r="BO23" s="315">
        <v>900</v>
      </c>
      <c r="BP23" s="309">
        <v>29</v>
      </c>
      <c r="BQ23" s="313">
        <v>51</v>
      </c>
      <c r="BR23" s="310">
        <v>80</v>
      </c>
      <c r="BS23" s="312">
        <v>0</v>
      </c>
      <c r="BT23" s="313">
        <v>47</v>
      </c>
      <c r="BU23" s="313">
        <v>75</v>
      </c>
      <c r="BV23" s="313">
        <v>38</v>
      </c>
      <c r="BW23" s="313">
        <v>15</v>
      </c>
      <c r="BX23" s="313">
        <v>14</v>
      </c>
      <c r="BY23" s="310">
        <v>189</v>
      </c>
      <c r="BZ23" s="315">
        <v>269</v>
      </c>
      <c r="CA23" s="309">
        <v>1</v>
      </c>
      <c r="CB23" s="313">
        <v>4</v>
      </c>
      <c r="CC23" s="310">
        <v>5</v>
      </c>
      <c r="CD23" s="312">
        <v>0</v>
      </c>
      <c r="CE23" s="313">
        <v>22</v>
      </c>
      <c r="CF23" s="313">
        <v>56</v>
      </c>
      <c r="CG23" s="313">
        <v>64</v>
      </c>
      <c r="CH23" s="313">
        <v>56</v>
      </c>
      <c r="CI23" s="313">
        <v>34</v>
      </c>
      <c r="CJ23" s="310">
        <v>232</v>
      </c>
      <c r="CK23" s="315">
        <v>237</v>
      </c>
      <c r="CL23" s="309">
        <v>0</v>
      </c>
      <c r="CM23" s="313">
        <v>0</v>
      </c>
      <c r="CN23" s="310">
        <v>0</v>
      </c>
      <c r="CO23" s="312">
        <v>0</v>
      </c>
      <c r="CP23" s="313">
        <v>0</v>
      </c>
      <c r="CQ23" s="313">
        <v>1</v>
      </c>
      <c r="CR23" s="313">
        <v>1</v>
      </c>
      <c r="CS23" s="313">
        <v>1</v>
      </c>
      <c r="CT23" s="313">
        <v>3</v>
      </c>
      <c r="CU23" s="310">
        <v>6</v>
      </c>
      <c r="CV23" s="315">
        <v>6</v>
      </c>
      <c r="CW23" s="309">
        <v>0</v>
      </c>
      <c r="CX23" s="313">
        <v>0</v>
      </c>
      <c r="CY23" s="310">
        <v>0</v>
      </c>
      <c r="CZ23" s="312">
        <v>0</v>
      </c>
      <c r="DA23" s="313">
        <v>0</v>
      </c>
      <c r="DB23" s="313">
        <v>0</v>
      </c>
      <c r="DC23" s="313">
        <v>0</v>
      </c>
      <c r="DD23" s="313">
        <v>0</v>
      </c>
      <c r="DE23" s="313">
        <v>0</v>
      </c>
      <c r="DF23" s="310">
        <v>0</v>
      </c>
      <c r="DG23" s="315">
        <v>0</v>
      </c>
      <c r="DH23" s="309">
        <v>0</v>
      </c>
      <c r="DI23" s="313">
        <v>0</v>
      </c>
      <c r="DJ23" s="310">
        <v>0</v>
      </c>
      <c r="DK23" s="312">
        <v>0</v>
      </c>
      <c r="DL23" s="313">
        <v>0</v>
      </c>
      <c r="DM23" s="313">
        <v>0</v>
      </c>
      <c r="DN23" s="313">
        <v>0</v>
      </c>
      <c r="DO23" s="313">
        <v>0</v>
      </c>
      <c r="DP23" s="313">
        <v>0</v>
      </c>
      <c r="DQ23" s="310">
        <v>0</v>
      </c>
      <c r="DR23" s="315">
        <v>0</v>
      </c>
      <c r="DS23" s="309">
        <v>159</v>
      </c>
      <c r="DT23" s="313">
        <v>309</v>
      </c>
      <c r="DU23" s="310">
        <v>468</v>
      </c>
      <c r="DV23" s="312">
        <v>0</v>
      </c>
      <c r="DW23" s="313">
        <v>319</v>
      </c>
      <c r="DX23" s="313">
        <v>652</v>
      </c>
      <c r="DY23" s="313">
        <v>342</v>
      </c>
      <c r="DZ23" s="313">
        <v>261</v>
      </c>
      <c r="EA23" s="313">
        <v>155</v>
      </c>
      <c r="EB23" s="310">
        <v>1729</v>
      </c>
      <c r="EC23" s="315">
        <v>2197</v>
      </c>
      <c r="ED23" s="309">
        <v>19</v>
      </c>
      <c r="EE23" s="313">
        <v>20</v>
      </c>
      <c r="EF23" s="310">
        <v>39</v>
      </c>
      <c r="EG23" s="312">
        <v>0</v>
      </c>
      <c r="EH23" s="313">
        <v>64</v>
      </c>
      <c r="EI23" s="313">
        <v>62</v>
      </c>
      <c r="EJ23" s="313">
        <v>50</v>
      </c>
      <c r="EK23" s="313">
        <v>45</v>
      </c>
      <c r="EL23" s="313">
        <v>48</v>
      </c>
      <c r="EM23" s="310">
        <v>269</v>
      </c>
      <c r="EN23" s="315">
        <v>308</v>
      </c>
      <c r="EO23" s="309">
        <v>222</v>
      </c>
      <c r="EP23" s="313">
        <v>393</v>
      </c>
      <c r="EQ23" s="310">
        <v>615</v>
      </c>
      <c r="ER23" s="312">
        <v>0</v>
      </c>
      <c r="ES23" s="313">
        <v>729</v>
      </c>
      <c r="ET23" s="313">
        <v>922</v>
      </c>
      <c r="EU23" s="313">
        <v>417</v>
      </c>
      <c r="EV23" s="313">
        <v>280</v>
      </c>
      <c r="EW23" s="313">
        <v>164</v>
      </c>
      <c r="EX23" s="310">
        <v>2512</v>
      </c>
      <c r="EY23" s="315">
        <v>3127</v>
      </c>
    </row>
    <row r="24" spans="1:155" ht="19.5" customHeight="1" x14ac:dyDescent="0.2">
      <c r="A24" s="294" t="s">
        <v>22</v>
      </c>
      <c r="B24" s="309">
        <v>0</v>
      </c>
      <c r="C24" s="310">
        <v>0</v>
      </c>
      <c r="D24" s="311">
        <v>0</v>
      </c>
      <c r="E24" s="312">
        <v>0</v>
      </c>
      <c r="F24" s="313">
        <v>79</v>
      </c>
      <c r="G24" s="313">
        <v>75</v>
      </c>
      <c r="H24" s="313">
        <v>33</v>
      </c>
      <c r="I24" s="313">
        <v>37</v>
      </c>
      <c r="J24" s="313">
        <v>29</v>
      </c>
      <c r="K24" s="314">
        <v>253</v>
      </c>
      <c r="L24" s="315">
        <v>253</v>
      </c>
      <c r="M24" s="309">
        <v>0</v>
      </c>
      <c r="N24" s="313">
        <v>0</v>
      </c>
      <c r="O24" s="310">
        <v>0</v>
      </c>
      <c r="P24" s="312">
        <v>0</v>
      </c>
      <c r="Q24" s="313">
        <v>0</v>
      </c>
      <c r="R24" s="313">
        <v>2</v>
      </c>
      <c r="S24" s="313">
        <v>4</v>
      </c>
      <c r="T24" s="313">
        <v>7</v>
      </c>
      <c r="U24" s="313">
        <v>17</v>
      </c>
      <c r="V24" s="310">
        <v>30</v>
      </c>
      <c r="W24" s="315">
        <v>30</v>
      </c>
      <c r="X24" s="309">
        <v>5</v>
      </c>
      <c r="Y24" s="313">
        <v>15</v>
      </c>
      <c r="Z24" s="310">
        <v>20</v>
      </c>
      <c r="AA24" s="312">
        <v>0</v>
      </c>
      <c r="AB24" s="313">
        <v>46</v>
      </c>
      <c r="AC24" s="313">
        <v>74</v>
      </c>
      <c r="AD24" s="313">
        <v>23</v>
      </c>
      <c r="AE24" s="313">
        <v>39</v>
      </c>
      <c r="AF24" s="313">
        <v>31</v>
      </c>
      <c r="AG24" s="310">
        <v>213</v>
      </c>
      <c r="AH24" s="315">
        <v>233</v>
      </c>
      <c r="AI24" s="309">
        <v>0</v>
      </c>
      <c r="AJ24" s="313">
        <v>2</v>
      </c>
      <c r="AK24" s="310">
        <v>2</v>
      </c>
      <c r="AL24" s="312">
        <v>0</v>
      </c>
      <c r="AM24" s="313">
        <v>8</v>
      </c>
      <c r="AN24" s="313">
        <v>7</v>
      </c>
      <c r="AO24" s="313">
        <v>8</v>
      </c>
      <c r="AP24" s="313">
        <v>6</v>
      </c>
      <c r="AQ24" s="313">
        <v>5</v>
      </c>
      <c r="AR24" s="310">
        <v>34</v>
      </c>
      <c r="AS24" s="315">
        <v>36</v>
      </c>
      <c r="AT24" s="309">
        <v>2</v>
      </c>
      <c r="AU24" s="313">
        <v>11</v>
      </c>
      <c r="AV24" s="310">
        <v>13</v>
      </c>
      <c r="AW24" s="312">
        <v>0</v>
      </c>
      <c r="AX24" s="313">
        <v>75</v>
      </c>
      <c r="AY24" s="313">
        <v>67</v>
      </c>
      <c r="AZ24" s="313">
        <v>49</v>
      </c>
      <c r="BA24" s="313">
        <v>54</v>
      </c>
      <c r="BB24" s="313">
        <v>36</v>
      </c>
      <c r="BC24" s="314">
        <v>281</v>
      </c>
      <c r="BD24" s="315">
        <v>294</v>
      </c>
      <c r="BE24" s="309">
        <v>0</v>
      </c>
      <c r="BF24" s="313">
        <v>0</v>
      </c>
      <c r="BG24" s="310">
        <v>0</v>
      </c>
      <c r="BH24" s="312">
        <v>0</v>
      </c>
      <c r="BI24" s="313">
        <v>114</v>
      </c>
      <c r="BJ24" s="313">
        <v>114</v>
      </c>
      <c r="BK24" s="313">
        <v>43</v>
      </c>
      <c r="BL24" s="313">
        <v>37</v>
      </c>
      <c r="BM24" s="313">
        <v>20</v>
      </c>
      <c r="BN24" s="310">
        <v>328</v>
      </c>
      <c r="BO24" s="315">
        <v>328</v>
      </c>
      <c r="BP24" s="309">
        <v>2</v>
      </c>
      <c r="BQ24" s="313">
        <v>8</v>
      </c>
      <c r="BR24" s="310">
        <v>10</v>
      </c>
      <c r="BS24" s="312">
        <v>0</v>
      </c>
      <c r="BT24" s="313">
        <v>17</v>
      </c>
      <c r="BU24" s="313">
        <v>25</v>
      </c>
      <c r="BV24" s="313">
        <v>19</v>
      </c>
      <c r="BW24" s="313">
        <v>14</v>
      </c>
      <c r="BX24" s="313">
        <v>5</v>
      </c>
      <c r="BY24" s="310">
        <v>80</v>
      </c>
      <c r="BZ24" s="315">
        <v>90</v>
      </c>
      <c r="CA24" s="309">
        <v>0</v>
      </c>
      <c r="CB24" s="313">
        <v>1</v>
      </c>
      <c r="CC24" s="310">
        <v>1</v>
      </c>
      <c r="CD24" s="312">
        <v>0</v>
      </c>
      <c r="CE24" s="313">
        <v>15</v>
      </c>
      <c r="CF24" s="313">
        <v>24</v>
      </c>
      <c r="CG24" s="313">
        <v>23</v>
      </c>
      <c r="CH24" s="313">
        <v>20</v>
      </c>
      <c r="CI24" s="313">
        <v>9</v>
      </c>
      <c r="CJ24" s="310">
        <v>91</v>
      </c>
      <c r="CK24" s="315">
        <v>92</v>
      </c>
      <c r="CL24" s="309">
        <v>0</v>
      </c>
      <c r="CM24" s="313">
        <v>0</v>
      </c>
      <c r="CN24" s="310">
        <v>0</v>
      </c>
      <c r="CO24" s="312">
        <v>0</v>
      </c>
      <c r="CP24" s="313">
        <v>2</v>
      </c>
      <c r="CQ24" s="313">
        <v>2</v>
      </c>
      <c r="CR24" s="313">
        <v>5</v>
      </c>
      <c r="CS24" s="313">
        <v>3</v>
      </c>
      <c r="CT24" s="313">
        <v>1</v>
      </c>
      <c r="CU24" s="310">
        <v>13</v>
      </c>
      <c r="CV24" s="315">
        <v>13</v>
      </c>
      <c r="CW24" s="309">
        <v>0</v>
      </c>
      <c r="CX24" s="313">
        <v>0</v>
      </c>
      <c r="CY24" s="310">
        <v>0</v>
      </c>
      <c r="CZ24" s="312">
        <v>0</v>
      </c>
      <c r="DA24" s="313">
        <v>0</v>
      </c>
      <c r="DB24" s="313">
        <v>0</v>
      </c>
      <c r="DC24" s="313">
        <v>0</v>
      </c>
      <c r="DD24" s="313">
        <v>0</v>
      </c>
      <c r="DE24" s="313">
        <v>0</v>
      </c>
      <c r="DF24" s="310">
        <v>0</v>
      </c>
      <c r="DG24" s="315">
        <v>0</v>
      </c>
      <c r="DH24" s="309">
        <v>0</v>
      </c>
      <c r="DI24" s="313">
        <v>0</v>
      </c>
      <c r="DJ24" s="310">
        <v>0</v>
      </c>
      <c r="DK24" s="312">
        <v>0</v>
      </c>
      <c r="DL24" s="313">
        <v>0</v>
      </c>
      <c r="DM24" s="313">
        <v>0</v>
      </c>
      <c r="DN24" s="313">
        <v>0</v>
      </c>
      <c r="DO24" s="313">
        <v>0</v>
      </c>
      <c r="DP24" s="313">
        <v>0</v>
      </c>
      <c r="DQ24" s="310">
        <v>0</v>
      </c>
      <c r="DR24" s="315">
        <v>0</v>
      </c>
      <c r="DS24" s="309">
        <v>47</v>
      </c>
      <c r="DT24" s="313">
        <v>136</v>
      </c>
      <c r="DU24" s="310">
        <v>183</v>
      </c>
      <c r="DV24" s="312">
        <v>0</v>
      </c>
      <c r="DW24" s="313">
        <v>185</v>
      </c>
      <c r="DX24" s="313">
        <v>234</v>
      </c>
      <c r="DY24" s="313">
        <v>111</v>
      </c>
      <c r="DZ24" s="313">
        <v>96</v>
      </c>
      <c r="EA24" s="313">
        <v>66</v>
      </c>
      <c r="EB24" s="310">
        <v>692</v>
      </c>
      <c r="EC24" s="315">
        <v>875</v>
      </c>
      <c r="ED24" s="309">
        <v>7</v>
      </c>
      <c r="EE24" s="313">
        <v>7</v>
      </c>
      <c r="EF24" s="310">
        <v>14</v>
      </c>
      <c r="EG24" s="312">
        <v>0</v>
      </c>
      <c r="EH24" s="313">
        <v>38</v>
      </c>
      <c r="EI24" s="313">
        <v>28</v>
      </c>
      <c r="EJ24" s="313">
        <v>21</v>
      </c>
      <c r="EK24" s="313">
        <v>19</v>
      </c>
      <c r="EL24" s="313">
        <v>9</v>
      </c>
      <c r="EM24" s="310">
        <v>115</v>
      </c>
      <c r="EN24" s="315">
        <v>129</v>
      </c>
      <c r="EO24" s="309">
        <v>52</v>
      </c>
      <c r="EP24" s="313">
        <v>148</v>
      </c>
      <c r="EQ24" s="310">
        <v>200</v>
      </c>
      <c r="ER24" s="312">
        <v>0</v>
      </c>
      <c r="ES24" s="313">
        <v>361</v>
      </c>
      <c r="ET24" s="313">
        <v>325</v>
      </c>
      <c r="EU24" s="313">
        <v>129</v>
      </c>
      <c r="EV24" s="313">
        <v>102</v>
      </c>
      <c r="EW24" s="313">
        <v>67</v>
      </c>
      <c r="EX24" s="310">
        <v>984</v>
      </c>
      <c r="EY24" s="315">
        <v>1184</v>
      </c>
    </row>
    <row r="25" spans="1:155" ht="19.5" customHeight="1" x14ac:dyDescent="0.2">
      <c r="A25" s="294" t="s">
        <v>23</v>
      </c>
      <c r="B25" s="309">
        <v>0</v>
      </c>
      <c r="C25" s="310">
        <v>0</v>
      </c>
      <c r="D25" s="311">
        <v>0</v>
      </c>
      <c r="E25" s="312">
        <v>0</v>
      </c>
      <c r="F25" s="313">
        <v>142</v>
      </c>
      <c r="G25" s="313">
        <v>132</v>
      </c>
      <c r="H25" s="313">
        <v>68</v>
      </c>
      <c r="I25" s="313">
        <v>66</v>
      </c>
      <c r="J25" s="313">
        <v>42</v>
      </c>
      <c r="K25" s="314">
        <v>450</v>
      </c>
      <c r="L25" s="315">
        <v>450</v>
      </c>
      <c r="M25" s="309">
        <v>0</v>
      </c>
      <c r="N25" s="313">
        <v>0</v>
      </c>
      <c r="O25" s="310">
        <v>0</v>
      </c>
      <c r="P25" s="312">
        <v>0</v>
      </c>
      <c r="Q25" s="313">
        <v>1</v>
      </c>
      <c r="R25" s="313">
        <v>3</v>
      </c>
      <c r="S25" s="313">
        <v>8</v>
      </c>
      <c r="T25" s="313">
        <v>12</v>
      </c>
      <c r="U25" s="313">
        <v>17</v>
      </c>
      <c r="V25" s="310">
        <v>41</v>
      </c>
      <c r="W25" s="315">
        <v>41</v>
      </c>
      <c r="X25" s="309">
        <v>25</v>
      </c>
      <c r="Y25" s="313">
        <v>47</v>
      </c>
      <c r="Z25" s="310">
        <v>72</v>
      </c>
      <c r="AA25" s="312">
        <v>0</v>
      </c>
      <c r="AB25" s="313">
        <v>109</v>
      </c>
      <c r="AC25" s="313">
        <v>126</v>
      </c>
      <c r="AD25" s="313">
        <v>64</v>
      </c>
      <c r="AE25" s="313">
        <v>63</v>
      </c>
      <c r="AF25" s="313">
        <v>45</v>
      </c>
      <c r="AG25" s="310">
        <v>407</v>
      </c>
      <c r="AH25" s="315">
        <v>479</v>
      </c>
      <c r="AI25" s="309">
        <v>1</v>
      </c>
      <c r="AJ25" s="313">
        <v>10</v>
      </c>
      <c r="AK25" s="310">
        <v>11</v>
      </c>
      <c r="AL25" s="312">
        <v>0</v>
      </c>
      <c r="AM25" s="313">
        <v>7</v>
      </c>
      <c r="AN25" s="313">
        <v>13</v>
      </c>
      <c r="AO25" s="313">
        <v>10</v>
      </c>
      <c r="AP25" s="313">
        <v>2</v>
      </c>
      <c r="AQ25" s="313">
        <v>4</v>
      </c>
      <c r="AR25" s="310">
        <v>36</v>
      </c>
      <c r="AS25" s="315">
        <v>47</v>
      </c>
      <c r="AT25" s="309">
        <v>13</v>
      </c>
      <c r="AU25" s="313">
        <v>15</v>
      </c>
      <c r="AV25" s="310">
        <v>28</v>
      </c>
      <c r="AW25" s="312">
        <v>0</v>
      </c>
      <c r="AX25" s="313">
        <v>162</v>
      </c>
      <c r="AY25" s="313">
        <v>144</v>
      </c>
      <c r="AZ25" s="313">
        <v>123</v>
      </c>
      <c r="BA25" s="313">
        <v>132</v>
      </c>
      <c r="BB25" s="313">
        <v>98</v>
      </c>
      <c r="BC25" s="314">
        <v>659</v>
      </c>
      <c r="BD25" s="315">
        <v>687</v>
      </c>
      <c r="BE25" s="309">
        <v>0</v>
      </c>
      <c r="BF25" s="313">
        <v>0</v>
      </c>
      <c r="BG25" s="310">
        <v>0</v>
      </c>
      <c r="BH25" s="312">
        <v>0</v>
      </c>
      <c r="BI25" s="313">
        <v>307</v>
      </c>
      <c r="BJ25" s="313">
        <v>238</v>
      </c>
      <c r="BK25" s="313">
        <v>114</v>
      </c>
      <c r="BL25" s="313">
        <v>83</v>
      </c>
      <c r="BM25" s="313">
        <v>32</v>
      </c>
      <c r="BN25" s="310">
        <v>774</v>
      </c>
      <c r="BO25" s="315">
        <v>774</v>
      </c>
      <c r="BP25" s="309">
        <v>3</v>
      </c>
      <c r="BQ25" s="313">
        <v>13</v>
      </c>
      <c r="BR25" s="310">
        <v>16</v>
      </c>
      <c r="BS25" s="312">
        <v>0</v>
      </c>
      <c r="BT25" s="313">
        <v>43</v>
      </c>
      <c r="BU25" s="313">
        <v>56</v>
      </c>
      <c r="BV25" s="313">
        <v>26</v>
      </c>
      <c r="BW25" s="313">
        <v>22</v>
      </c>
      <c r="BX25" s="313">
        <v>6</v>
      </c>
      <c r="BY25" s="310">
        <v>153</v>
      </c>
      <c r="BZ25" s="315">
        <v>169</v>
      </c>
      <c r="CA25" s="309">
        <v>1</v>
      </c>
      <c r="CB25" s="313">
        <v>3</v>
      </c>
      <c r="CC25" s="310">
        <v>4</v>
      </c>
      <c r="CD25" s="312">
        <v>0</v>
      </c>
      <c r="CE25" s="313">
        <v>18</v>
      </c>
      <c r="CF25" s="313">
        <v>39</v>
      </c>
      <c r="CG25" s="313">
        <v>34</v>
      </c>
      <c r="CH25" s="313">
        <v>37</v>
      </c>
      <c r="CI25" s="313">
        <v>10</v>
      </c>
      <c r="CJ25" s="310">
        <v>138</v>
      </c>
      <c r="CK25" s="315">
        <v>142</v>
      </c>
      <c r="CL25" s="309">
        <v>0</v>
      </c>
      <c r="CM25" s="313">
        <v>0</v>
      </c>
      <c r="CN25" s="310">
        <v>0</v>
      </c>
      <c r="CO25" s="312">
        <v>0</v>
      </c>
      <c r="CP25" s="313">
        <v>0</v>
      </c>
      <c r="CQ25" s="313">
        <v>3</v>
      </c>
      <c r="CR25" s="313">
        <v>2</v>
      </c>
      <c r="CS25" s="313">
        <v>2</v>
      </c>
      <c r="CT25" s="313">
        <v>4</v>
      </c>
      <c r="CU25" s="310">
        <v>11</v>
      </c>
      <c r="CV25" s="315">
        <v>11</v>
      </c>
      <c r="CW25" s="309">
        <v>0</v>
      </c>
      <c r="CX25" s="313">
        <v>0</v>
      </c>
      <c r="CY25" s="310">
        <v>0</v>
      </c>
      <c r="CZ25" s="312">
        <v>0</v>
      </c>
      <c r="DA25" s="313">
        <v>0</v>
      </c>
      <c r="DB25" s="313">
        <v>0</v>
      </c>
      <c r="DC25" s="313">
        <v>0</v>
      </c>
      <c r="DD25" s="313">
        <v>0</v>
      </c>
      <c r="DE25" s="313">
        <v>0</v>
      </c>
      <c r="DF25" s="310">
        <v>0</v>
      </c>
      <c r="DG25" s="315">
        <v>0</v>
      </c>
      <c r="DH25" s="309">
        <v>0</v>
      </c>
      <c r="DI25" s="313">
        <v>0</v>
      </c>
      <c r="DJ25" s="310">
        <v>0</v>
      </c>
      <c r="DK25" s="312">
        <v>0</v>
      </c>
      <c r="DL25" s="313">
        <v>0</v>
      </c>
      <c r="DM25" s="313">
        <v>0</v>
      </c>
      <c r="DN25" s="313">
        <v>0</v>
      </c>
      <c r="DO25" s="313">
        <v>0</v>
      </c>
      <c r="DP25" s="313">
        <v>0</v>
      </c>
      <c r="DQ25" s="310">
        <v>0</v>
      </c>
      <c r="DR25" s="315">
        <v>0</v>
      </c>
      <c r="DS25" s="309">
        <v>80</v>
      </c>
      <c r="DT25" s="313">
        <v>191</v>
      </c>
      <c r="DU25" s="310">
        <v>271</v>
      </c>
      <c r="DV25" s="312">
        <v>0</v>
      </c>
      <c r="DW25" s="313">
        <v>272</v>
      </c>
      <c r="DX25" s="313">
        <v>358</v>
      </c>
      <c r="DY25" s="313">
        <v>196</v>
      </c>
      <c r="DZ25" s="313">
        <v>166</v>
      </c>
      <c r="EA25" s="313">
        <v>85</v>
      </c>
      <c r="EB25" s="310">
        <v>1077</v>
      </c>
      <c r="EC25" s="315">
        <v>1348</v>
      </c>
      <c r="ED25" s="309">
        <v>7</v>
      </c>
      <c r="EE25" s="313">
        <v>6</v>
      </c>
      <c r="EF25" s="310">
        <v>13</v>
      </c>
      <c r="EG25" s="312">
        <v>0</v>
      </c>
      <c r="EH25" s="313">
        <v>47</v>
      </c>
      <c r="EI25" s="313">
        <v>39</v>
      </c>
      <c r="EJ25" s="313">
        <v>29</v>
      </c>
      <c r="EK25" s="313">
        <v>40</v>
      </c>
      <c r="EL25" s="313">
        <v>30</v>
      </c>
      <c r="EM25" s="310">
        <v>185</v>
      </c>
      <c r="EN25" s="315">
        <v>198</v>
      </c>
      <c r="EO25" s="309">
        <v>106</v>
      </c>
      <c r="EP25" s="313">
        <v>231</v>
      </c>
      <c r="EQ25" s="310">
        <v>337</v>
      </c>
      <c r="ER25" s="312">
        <v>0</v>
      </c>
      <c r="ES25" s="313">
        <v>566</v>
      </c>
      <c r="ET25" s="313">
        <v>495</v>
      </c>
      <c r="EU25" s="313">
        <v>240</v>
      </c>
      <c r="EV25" s="313">
        <v>194</v>
      </c>
      <c r="EW25" s="313">
        <v>92</v>
      </c>
      <c r="EX25" s="310">
        <v>1587</v>
      </c>
      <c r="EY25" s="315">
        <v>1924</v>
      </c>
    </row>
    <row r="26" spans="1:155" ht="19.5" customHeight="1" x14ac:dyDescent="0.2">
      <c r="A26" s="294" t="s">
        <v>24</v>
      </c>
      <c r="B26" s="309">
        <v>0</v>
      </c>
      <c r="C26" s="310">
        <v>0</v>
      </c>
      <c r="D26" s="311">
        <v>0</v>
      </c>
      <c r="E26" s="312">
        <v>0</v>
      </c>
      <c r="F26" s="313">
        <v>83</v>
      </c>
      <c r="G26" s="313">
        <v>58</v>
      </c>
      <c r="H26" s="313">
        <v>30</v>
      </c>
      <c r="I26" s="313">
        <v>27</v>
      </c>
      <c r="J26" s="313">
        <v>36</v>
      </c>
      <c r="K26" s="314">
        <v>234</v>
      </c>
      <c r="L26" s="315">
        <v>234</v>
      </c>
      <c r="M26" s="309">
        <v>0</v>
      </c>
      <c r="N26" s="313">
        <v>0</v>
      </c>
      <c r="O26" s="310">
        <v>0</v>
      </c>
      <c r="P26" s="312">
        <v>0</v>
      </c>
      <c r="Q26" s="313">
        <v>0</v>
      </c>
      <c r="R26" s="313">
        <v>0</v>
      </c>
      <c r="S26" s="313">
        <v>4</v>
      </c>
      <c r="T26" s="313">
        <v>11</v>
      </c>
      <c r="U26" s="313">
        <v>16</v>
      </c>
      <c r="V26" s="310">
        <v>31</v>
      </c>
      <c r="W26" s="315">
        <v>31</v>
      </c>
      <c r="X26" s="309">
        <v>15</v>
      </c>
      <c r="Y26" s="313">
        <v>18</v>
      </c>
      <c r="Z26" s="310">
        <v>33</v>
      </c>
      <c r="AA26" s="312">
        <v>0</v>
      </c>
      <c r="AB26" s="313">
        <v>63</v>
      </c>
      <c r="AC26" s="313">
        <v>56</v>
      </c>
      <c r="AD26" s="313">
        <v>35</v>
      </c>
      <c r="AE26" s="313">
        <v>38</v>
      </c>
      <c r="AF26" s="313">
        <v>30</v>
      </c>
      <c r="AG26" s="310">
        <v>222</v>
      </c>
      <c r="AH26" s="315">
        <v>255</v>
      </c>
      <c r="AI26" s="309">
        <v>3</v>
      </c>
      <c r="AJ26" s="313">
        <v>3</v>
      </c>
      <c r="AK26" s="310">
        <v>6</v>
      </c>
      <c r="AL26" s="312">
        <v>0</v>
      </c>
      <c r="AM26" s="313">
        <v>5</v>
      </c>
      <c r="AN26" s="313">
        <v>4</v>
      </c>
      <c r="AO26" s="313">
        <v>3</v>
      </c>
      <c r="AP26" s="313">
        <v>4</v>
      </c>
      <c r="AQ26" s="313">
        <v>5</v>
      </c>
      <c r="AR26" s="310">
        <v>21</v>
      </c>
      <c r="AS26" s="315">
        <v>27</v>
      </c>
      <c r="AT26" s="309">
        <v>25</v>
      </c>
      <c r="AU26" s="313">
        <v>14</v>
      </c>
      <c r="AV26" s="310">
        <v>39</v>
      </c>
      <c r="AW26" s="312">
        <v>0</v>
      </c>
      <c r="AX26" s="313">
        <v>74</v>
      </c>
      <c r="AY26" s="313">
        <v>83</v>
      </c>
      <c r="AZ26" s="313">
        <v>71</v>
      </c>
      <c r="BA26" s="313">
        <v>75</v>
      </c>
      <c r="BB26" s="313">
        <v>67</v>
      </c>
      <c r="BC26" s="314">
        <v>370</v>
      </c>
      <c r="BD26" s="315">
        <v>409</v>
      </c>
      <c r="BE26" s="309">
        <v>0</v>
      </c>
      <c r="BF26" s="313">
        <v>0</v>
      </c>
      <c r="BG26" s="310">
        <v>0</v>
      </c>
      <c r="BH26" s="312">
        <v>0</v>
      </c>
      <c r="BI26" s="313">
        <v>103</v>
      </c>
      <c r="BJ26" s="313">
        <v>73</v>
      </c>
      <c r="BK26" s="313">
        <v>33</v>
      </c>
      <c r="BL26" s="313">
        <v>20</v>
      </c>
      <c r="BM26" s="313">
        <v>6</v>
      </c>
      <c r="BN26" s="310">
        <v>235</v>
      </c>
      <c r="BO26" s="315">
        <v>235</v>
      </c>
      <c r="BP26" s="309">
        <v>12</v>
      </c>
      <c r="BQ26" s="313">
        <v>15</v>
      </c>
      <c r="BR26" s="310">
        <v>27</v>
      </c>
      <c r="BS26" s="312">
        <v>0</v>
      </c>
      <c r="BT26" s="313">
        <v>47</v>
      </c>
      <c r="BU26" s="313">
        <v>33</v>
      </c>
      <c r="BV26" s="313">
        <v>20</v>
      </c>
      <c r="BW26" s="313">
        <v>9</v>
      </c>
      <c r="BX26" s="313">
        <v>11</v>
      </c>
      <c r="BY26" s="310">
        <v>120</v>
      </c>
      <c r="BZ26" s="315">
        <v>147</v>
      </c>
      <c r="CA26" s="309">
        <v>0</v>
      </c>
      <c r="CB26" s="313">
        <v>1</v>
      </c>
      <c r="CC26" s="310">
        <v>1</v>
      </c>
      <c r="CD26" s="312">
        <v>0</v>
      </c>
      <c r="CE26" s="313">
        <v>22</v>
      </c>
      <c r="CF26" s="313">
        <v>27</v>
      </c>
      <c r="CG26" s="313">
        <v>29</v>
      </c>
      <c r="CH26" s="313">
        <v>12</v>
      </c>
      <c r="CI26" s="313">
        <v>8</v>
      </c>
      <c r="CJ26" s="310">
        <v>98</v>
      </c>
      <c r="CK26" s="315">
        <v>99</v>
      </c>
      <c r="CL26" s="309">
        <v>0</v>
      </c>
      <c r="CM26" s="313">
        <v>0</v>
      </c>
      <c r="CN26" s="310">
        <v>0</v>
      </c>
      <c r="CO26" s="312">
        <v>0</v>
      </c>
      <c r="CP26" s="313">
        <v>1</v>
      </c>
      <c r="CQ26" s="313">
        <v>2</v>
      </c>
      <c r="CR26" s="313">
        <v>3</v>
      </c>
      <c r="CS26" s="313">
        <v>0</v>
      </c>
      <c r="CT26" s="313">
        <v>0</v>
      </c>
      <c r="CU26" s="310">
        <v>6</v>
      </c>
      <c r="CV26" s="315">
        <v>6</v>
      </c>
      <c r="CW26" s="309">
        <v>0</v>
      </c>
      <c r="CX26" s="313">
        <v>0</v>
      </c>
      <c r="CY26" s="310">
        <v>0</v>
      </c>
      <c r="CZ26" s="312">
        <v>0</v>
      </c>
      <c r="DA26" s="313">
        <v>0</v>
      </c>
      <c r="DB26" s="313">
        <v>0</v>
      </c>
      <c r="DC26" s="313">
        <v>0</v>
      </c>
      <c r="DD26" s="313">
        <v>0</v>
      </c>
      <c r="DE26" s="313">
        <v>0</v>
      </c>
      <c r="DF26" s="310">
        <v>0</v>
      </c>
      <c r="DG26" s="315">
        <v>0</v>
      </c>
      <c r="DH26" s="309">
        <v>0</v>
      </c>
      <c r="DI26" s="313">
        <v>0</v>
      </c>
      <c r="DJ26" s="310">
        <v>0</v>
      </c>
      <c r="DK26" s="312">
        <v>0</v>
      </c>
      <c r="DL26" s="313">
        <v>0</v>
      </c>
      <c r="DM26" s="313">
        <v>0</v>
      </c>
      <c r="DN26" s="313">
        <v>0</v>
      </c>
      <c r="DO26" s="313">
        <v>0</v>
      </c>
      <c r="DP26" s="313">
        <v>0</v>
      </c>
      <c r="DQ26" s="310">
        <v>0</v>
      </c>
      <c r="DR26" s="315">
        <v>0</v>
      </c>
      <c r="DS26" s="309">
        <v>73</v>
      </c>
      <c r="DT26" s="313">
        <v>62</v>
      </c>
      <c r="DU26" s="310">
        <v>135</v>
      </c>
      <c r="DV26" s="312">
        <v>0</v>
      </c>
      <c r="DW26" s="313">
        <v>166</v>
      </c>
      <c r="DX26" s="313">
        <v>151</v>
      </c>
      <c r="DY26" s="313">
        <v>85</v>
      </c>
      <c r="DZ26" s="313">
        <v>63</v>
      </c>
      <c r="EA26" s="313">
        <v>59</v>
      </c>
      <c r="EB26" s="310">
        <v>524</v>
      </c>
      <c r="EC26" s="315">
        <v>659</v>
      </c>
      <c r="ED26" s="309">
        <v>13</v>
      </c>
      <c r="EE26" s="313">
        <v>6</v>
      </c>
      <c r="EF26" s="310">
        <v>19</v>
      </c>
      <c r="EG26" s="312">
        <v>0</v>
      </c>
      <c r="EH26" s="313">
        <v>27</v>
      </c>
      <c r="EI26" s="313">
        <v>40</v>
      </c>
      <c r="EJ26" s="313">
        <v>21</v>
      </c>
      <c r="EK26" s="313">
        <v>33</v>
      </c>
      <c r="EL26" s="313">
        <v>22</v>
      </c>
      <c r="EM26" s="310">
        <v>143</v>
      </c>
      <c r="EN26" s="315">
        <v>162</v>
      </c>
      <c r="EO26" s="309">
        <v>54</v>
      </c>
      <c r="EP26" s="313">
        <v>41</v>
      </c>
      <c r="EQ26" s="310">
        <v>95</v>
      </c>
      <c r="ER26" s="312">
        <v>0</v>
      </c>
      <c r="ES26" s="313">
        <v>310</v>
      </c>
      <c r="ET26" s="313">
        <v>191</v>
      </c>
      <c r="EU26" s="313">
        <v>109</v>
      </c>
      <c r="EV26" s="313">
        <v>71</v>
      </c>
      <c r="EW26" s="313">
        <v>63</v>
      </c>
      <c r="EX26" s="310">
        <v>744</v>
      </c>
      <c r="EY26" s="315">
        <v>839</v>
      </c>
    </row>
    <row r="27" spans="1:155" ht="19.5" customHeight="1" x14ac:dyDescent="0.2">
      <c r="A27" s="294" t="s">
        <v>25</v>
      </c>
      <c r="B27" s="309">
        <v>0</v>
      </c>
      <c r="C27" s="310">
        <v>0</v>
      </c>
      <c r="D27" s="311">
        <v>0</v>
      </c>
      <c r="E27" s="312">
        <v>0</v>
      </c>
      <c r="F27" s="313">
        <v>86</v>
      </c>
      <c r="G27" s="313">
        <v>53</v>
      </c>
      <c r="H27" s="313">
        <v>41</v>
      </c>
      <c r="I27" s="313">
        <v>45</v>
      </c>
      <c r="J27" s="313">
        <v>41</v>
      </c>
      <c r="K27" s="314">
        <v>266</v>
      </c>
      <c r="L27" s="315">
        <v>266</v>
      </c>
      <c r="M27" s="309">
        <v>0</v>
      </c>
      <c r="N27" s="313">
        <v>0</v>
      </c>
      <c r="O27" s="310">
        <v>0</v>
      </c>
      <c r="P27" s="312">
        <v>0</v>
      </c>
      <c r="Q27" s="313">
        <v>2</v>
      </c>
      <c r="R27" s="313">
        <v>4</v>
      </c>
      <c r="S27" s="313">
        <v>7</v>
      </c>
      <c r="T27" s="313">
        <v>14</v>
      </c>
      <c r="U27" s="313">
        <v>25</v>
      </c>
      <c r="V27" s="310">
        <v>52</v>
      </c>
      <c r="W27" s="315">
        <v>52</v>
      </c>
      <c r="X27" s="309">
        <v>13</v>
      </c>
      <c r="Y27" s="313">
        <v>28</v>
      </c>
      <c r="Z27" s="310">
        <v>41</v>
      </c>
      <c r="AA27" s="312">
        <v>0</v>
      </c>
      <c r="AB27" s="313">
        <v>65</v>
      </c>
      <c r="AC27" s="313">
        <v>55</v>
      </c>
      <c r="AD27" s="313">
        <v>45</v>
      </c>
      <c r="AE27" s="313">
        <v>41</v>
      </c>
      <c r="AF27" s="313">
        <v>34</v>
      </c>
      <c r="AG27" s="310">
        <v>240</v>
      </c>
      <c r="AH27" s="315">
        <v>281</v>
      </c>
      <c r="AI27" s="309">
        <v>2</v>
      </c>
      <c r="AJ27" s="313">
        <v>4</v>
      </c>
      <c r="AK27" s="310">
        <v>6</v>
      </c>
      <c r="AL27" s="312">
        <v>0</v>
      </c>
      <c r="AM27" s="313">
        <v>3</v>
      </c>
      <c r="AN27" s="313">
        <v>4</v>
      </c>
      <c r="AO27" s="313">
        <v>8</v>
      </c>
      <c r="AP27" s="313">
        <v>3</v>
      </c>
      <c r="AQ27" s="313">
        <v>5</v>
      </c>
      <c r="AR27" s="310">
        <v>23</v>
      </c>
      <c r="AS27" s="315">
        <v>29</v>
      </c>
      <c r="AT27" s="309">
        <v>5</v>
      </c>
      <c r="AU27" s="313">
        <v>13</v>
      </c>
      <c r="AV27" s="310">
        <v>18</v>
      </c>
      <c r="AW27" s="312">
        <v>0</v>
      </c>
      <c r="AX27" s="313">
        <v>71</v>
      </c>
      <c r="AY27" s="313">
        <v>63</v>
      </c>
      <c r="AZ27" s="313">
        <v>42</v>
      </c>
      <c r="BA27" s="313">
        <v>57</v>
      </c>
      <c r="BB27" s="313">
        <v>56</v>
      </c>
      <c r="BC27" s="314">
        <v>289</v>
      </c>
      <c r="BD27" s="315">
        <v>307</v>
      </c>
      <c r="BE27" s="309">
        <v>0</v>
      </c>
      <c r="BF27" s="313">
        <v>0</v>
      </c>
      <c r="BG27" s="310">
        <v>0</v>
      </c>
      <c r="BH27" s="312">
        <v>0</v>
      </c>
      <c r="BI27" s="313">
        <v>124</v>
      </c>
      <c r="BJ27" s="313">
        <v>66</v>
      </c>
      <c r="BK27" s="313">
        <v>36</v>
      </c>
      <c r="BL27" s="313">
        <v>32</v>
      </c>
      <c r="BM27" s="313">
        <v>6</v>
      </c>
      <c r="BN27" s="310">
        <v>264</v>
      </c>
      <c r="BO27" s="315">
        <v>264</v>
      </c>
      <c r="BP27" s="309">
        <v>3</v>
      </c>
      <c r="BQ27" s="313">
        <v>14</v>
      </c>
      <c r="BR27" s="310">
        <v>17</v>
      </c>
      <c r="BS27" s="312">
        <v>0</v>
      </c>
      <c r="BT27" s="313">
        <v>34</v>
      </c>
      <c r="BU27" s="313">
        <v>58</v>
      </c>
      <c r="BV27" s="313">
        <v>23</v>
      </c>
      <c r="BW27" s="313">
        <v>20</v>
      </c>
      <c r="BX27" s="313">
        <v>8</v>
      </c>
      <c r="BY27" s="310">
        <v>143</v>
      </c>
      <c r="BZ27" s="315">
        <v>160</v>
      </c>
      <c r="CA27" s="309">
        <v>0</v>
      </c>
      <c r="CB27" s="313">
        <v>1</v>
      </c>
      <c r="CC27" s="310">
        <v>1</v>
      </c>
      <c r="CD27" s="312">
        <v>0</v>
      </c>
      <c r="CE27" s="313">
        <v>12</v>
      </c>
      <c r="CF27" s="313">
        <v>27</v>
      </c>
      <c r="CG27" s="313">
        <v>13</v>
      </c>
      <c r="CH27" s="313">
        <v>12</v>
      </c>
      <c r="CI27" s="313">
        <v>6</v>
      </c>
      <c r="CJ27" s="310">
        <v>70</v>
      </c>
      <c r="CK27" s="315">
        <v>71</v>
      </c>
      <c r="CL27" s="309">
        <v>0</v>
      </c>
      <c r="CM27" s="313">
        <v>0</v>
      </c>
      <c r="CN27" s="310">
        <v>0</v>
      </c>
      <c r="CO27" s="312">
        <v>0</v>
      </c>
      <c r="CP27" s="313">
        <v>2</v>
      </c>
      <c r="CQ27" s="313">
        <v>3</v>
      </c>
      <c r="CR27" s="313">
        <v>3</v>
      </c>
      <c r="CS27" s="313">
        <v>2</v>
      </c>
      <c r="CT27" s="313">
        <v>1</v>
      </c>
      <c r="CU27" s="310">
        <v>11</v>
      </c>
      <c r="CV27" s="315">
        <v>11</v>
      </c>
      <c r="CW27" s="309">
        <v>0</v>
      </c>
      <c r="CX27" s="313">
        <v>0</v>
      </c>
      <c r="CY27" s="310">
        <v>0</v>
      </c>
      <c r="CZ27" s="312">
        <v>0</v>
      </c>
      <c r="DA27" s="313">
        <v>0</v>
      </c>
      <c r="DB27" s="313">
        <v>0</v>
      </c>
      <c r="DC27" s="313">
        <v>0</v>
      </c>
      <c r="DD27" s="313">
        <v>0</v>
      </c>
      <c r="DE27" s="313">
        <v>0</v>
      </c>
      <c r="DF27" s="310">
        <v>0</v>
      </c>
      <c r="DG27" s="315">
        <v>0</v>
      </c>
      <c r="DH27" s="309">
        <v>0</v>
      </c>
      <c r="DI27" s="313">
        <v>0</v>
      </c>
      <c r="DJ27" s="310">
        <v>0</v>
      </c>
      <c r="DK27" s="312">
        <v>0</v>
      </c>
      <c r="DL27" s="313">
        <v>0</v>
      </c>
      <c r="DM27" s="313">
        <v>0</v>
      </c>
      <c r="DN27" s="313">
        <v>0</v>
      </c>
      <c r="DO27" s="313">
        <v>0</v>
      </c>
      <c r="DP27" s="313">
        <v>0</v>
      </c>
      <c r="DQ27" s="310">
        <v>0</v>
      </c>
      <c r="DR27" s="315">
        <v>0</v>
      </c>
      <c r="DS27" s="309">
        <v>53</v>
      </c>
      <c r="DT27" s="313">
        <v>108</v>
      </c>
      <c r="DU27" s="310">
        <v>161</v>
      </c>
      <c r="DV27" s="312">
        <v>0</v>
      </c>
      <c r="DW27" s="313">
        <v>127</v>
      </c>
      <c r="DX27" s="313">
        <v>167</v>
      </c>
      <c r="DY27" s="313">
        <v>105</v>
      </c>
      <c r="DZ27" s="313">
        <v>106</v>
      </c>
      <c r="EA27" s="313">
        <v>63</v>
      </c>
      <c r="EB27" s="310">
        <v>568</v>
      </c>
      <c r="EC27" s="315">
        <v>729</v>
      </c>
      <c r="ED27" s="309">
        <v>3</v>
      </c>
      <c r="EE27" s="313">
        <v>5</v>
      </c>
      <c r="EF27" s="310">
        <v>8</v>
      </c>
      <c r="EG27" s="312">
        <v>0</v>
      </c>
      <c r="EH27" s="313">
        <v>23</v>
      </c>
      <c r="EI27" s="313">
        <v>20</v>
      </c>
      <c r="EJ27" s="313">
        <v>9</v>
      </c>
      <c r="EK27" s="313">
        <v>18</v>
      </c>
      <c r="EL27" s="313">
        <v>10</v>
      </c>
      <c r="EM27" s="310">
        <v>80</v>
      </c>
      <c r="EN27" s="315">
        <v>88</v>
      </c>
      <c r="EO27" s="309">
        <v>66</v>
      </c>
      <c r="EP27" s="313">
        <v>127</v>
      </c>
      <c r="EQ27" s="310">
        <v>193</v>
      </c>
      <c r="ER27" s="312">
        <v>0</v>
      </c>
      <c r="ES27" s="313">
        <v>329</v>
      </c>
      <c r="ET27" s="313">
        <v>227</v>
      </c>
      <c r="EU27" s="313">
        <v>123</v>
      </c>
      <c r="EV27" s="313">
        <v>119</v>
      </c>
      <c r="EW27" s="313">
        <v>68</v>
      </c>
      <c r="EX27" s="310">
        <v>866</v>
      </c>
      <c r="EY27" s="315">
        <v>1059</v>
      </c>
    </row>
    <row r="28" spans="1:155" ht="19.5" customHeight="1" x14ac:dyDescent="0.2">
      <c r="A28" s="294" t="s">
        <v>26</v>
      </c>
      <c r="B28" s="309">
        <v>0</v>
      </c>
      <c r="C28" s="310">
        <v>0</v>
      </c>
      <c r="D28" s="311">
        <v>0</v>
      </c>
      <c r="E28" s="312">
        <v>0</v>
      </c>
      <c r="F28" s="313">
        <v>73</v>
      </c>
      <c r="G28" s="313">
        <v>73</v>
      </c>
      <c r="H28" s="313">
        <v>37</v>
      </c>
      <c r="I28" s="313">
        <v>44</v>
      </c>
      <c r="J28" s="313">
        <v>51</v>
      </c>
      <c r="K28" s="314">
        <v>278</v>
      </c>
      <c r="L28" s="315">
        <v>278</v>
      </c>
      <c r="M28" s="309">
        <v>0</v>
      </c>
      <c r="N28" s="313">
        <v>0</v>
      </c>
      <c r="O28" s="310">
        <v>0</v>
      </c>
      <c r="P28" s="312">
        <v>0</v>
      </c>
      <c r="Q28" s="313">
        <v>0</v>
      </c>
      <c r="R28" s="313">
        <v>1</v>
      </c>
      <c r="S28" s="313">
        <v>2</v>
      </c>
      <c r="T28" s="313">
        <v>11</v>
      </c>
      <c r="U28" s="313">
        <v>17</v>
      </c>
      <c r="V28" s="310">
        <v>31</v>
      </c>
      <c r="W28" s="315">
        <v>31</v>
      </c>
      <c r="X28" s="309">
        <v>13</v>
      </c>
      <c r="Y28" s="313">
        <v>22</v>
      </c>
      <c r="Z28" s="310">
        <v>35</v>
      </c>
      <c r="AA28" s="312">
        <v>0</v>
      </c>
      <c r="AB28" s="313">
        <v>59</v>
      </c>
      <c r="AC28" s="313">
        <v>55</v>
      </c>
      <c r="AD28" s="313">
        <v>37</v>
      </c>
      <c r="AE28" s="313">
        <v>27</v>
      </c>
      <c r="AF28" s="313">
        <v>43</v>
      </c>
      <c r="AG28" s="310">
        <v>221</v>
      </c>
      <c r="AH28" s="315">
        <v>256</v>
      </c>
      <c r="AI28" s="309">
        <v>1</v>
      </c>
      <c r="AJ28" s="313">
        <v>0</v>
      </c>
      <c r="AK28" s="310">
        <v>1</v>
      </c>
      <c r="AL28" s="312">
        <v>0</v>
      </c>
      <c r="AM28" s="313">
        <v>5</v>
      </c>
      <c r="AN28" s="313">
        <v>5</v>
      </c>
      <c r="AO28" s="313">
        <v>2</v>
      </c>
      <c r="AP28" s="313">
        <v>3</v>
      </c>
      <c r="AQ28" s="313">
        <v>4</v>
      </c>
      <c r="AR28" s="310">
        <v>19</v>
      </c>
      <c r="AS28" s="315">
        <v>20</v>
      </c>
      <c r="AT28" s="309">
        <v>9</v>
      </c>
      <c r="AU28" s="313">
        <v>4</v>
      </c>
      <c r="AV28" s="310">
        <v>13</v>
      </c>
      <c r="AW28" s="312">
        <v>0</v>
      </c>
      <c r="AX28" s="313">
        <v>59</v>
      </c>
      <c r="AY28" s="313">
        <v>62</v>
      </c>
      <c r="AZ28" s="313">
        <v>54</v>
      </c>
      <c r="BA28" s="313">
        <v>55</v>
      </c>
      <c r="BB28" s="313">
        <v>67</v>
      </c>
      <c r="BC28" s="314">
        <v>297</v>
      </c>
      <c r="BD28" s="315">
        <v>310</v>
      </c>
      <c r="BE28" s="309">
        <v>0</v>
      </c>
      <c r="BF28" s="313">
        <v>0</v>
      </c>
      <c r="BG28" s="310">
        <v>0</v>
      </c>
      <c r="BH28" s="312">
        <v>0</v>
      </c>
      <c r="BI28" s="313">
        <v>109</v>
      </c>
      <c r="BJ28" s="313">
        <v>73</v>
      </c>
      <c r="BK28" s="313">
        <v>45</v>
      </c>
      <c r="BL28" s="313">
        <v>30</v>
      </c>
      <c r="BM28" s="313">
        <v>21</v>
      </c>
      <c r="BN28" s="310">
        <v>278</v>
      </c>
      <c r="BO28" s="315">
        <v>278</v>
      </c>
      <c r="BP28" s="309">
        <v>3</v>
      </c>
      <c r="BQ28" s="313">
        <v>5</v>
      </c>
      <c r="BR28" s="310">
        <v>8</v>
      </c>
      <c r="BS28" s="312">
        <v>0</v>
      </c>
      <c r="BT28" s="313">
        <v>21</v>
      </c>
      <c r="BU28" s="313">
        <v>23</v>
      </c>
      <c r="BV28" s="313">
        <v>10</v>
      </c>
      <c r="BW28" s="313">
        <v>9</v>
      </c>
      <c r="BX28" s="313">
        <v>5</v>
      </c>
      <c r="BY28" s="310">
        <v>68</v>
      </c>
      <c r="BZ28" s="315">
        <v>76</v>
      </c>
      <c r="CA28" s="309">
        <v>0</v>
      </c>
      <c r="CB28" s="313">
        <v>2</v>
      </c>
      <c r="CC28" s="310">
        <v>2</v>
      </c>
      <c r="CD28" s="312">
        <v>0</v>
      </c>
      <c r="CE28" s="313">
        <v>13</v>
      </c>
      <c r="CF28" s="313">
        <v>14</v>
      </c>
      <c r="CG28" s="313">
        <v>14</v>
      </c>
      <c r="CH28" s="313">
        <v>21</v>
      </c>
      <c r="CI28" s="313">
        <v>12</v>
      </c>
      <c r="CJ28" s="310">
        <v>74</v>
      </c>
      <c r="CK28" s="315">
        <v>76</v>
      </c>
      <c r="CL28" s="309">
        <v>0</v>
      </c>
      <c r="CM28" s="313">
        <v>0</v>
      </c>
      <c r="CN28" s="310">
        <v>0</v>
      </c>
      <c r="CO28" s="312">
        <v>0</v>
      </c>
      <c r="CP28" s="313">
        <v>2</v>
      </c>
      <c r="CQ28" s="313">
        <v>1</v>
      </c>
      <c r="CR28" s="313">
        <v>6</v>
      </c>
      <c r="CS28" s="313">
        <v>4</v>
      </c>
      <c r="CT28" s="313">
        <v>2</v>
      </c>
      <c r="CU28" s="310">
        <v>15</v>
      </c>
      <c r="CV28" s="315">
        <v>15</v>
      </c>
      <c r="CW28" s="309">
        <v>0</v>
      </c>
      <c r="CX28" s="313">
        <v>0</v>
      </c>
      <c r="CY28" s="310">
        <v>0</v>
      </c>
      <c r="CZ28" s="312">
        <v>0</v>
      </c>
      <c r="DA28" s="313">
        <v>0</v>
      </c>
      <c r="DB28" s="313">
        <v>0</v>
      </c>
      <c r="DC28" s="313">
        <v>0</v>
      </c>
      <c r="DD28" s="313">
        <v>0</v>
      </c>
      <c r="DE28" s="313">
        <v>0</v>
      </c>
      <c r="DF28" s="310">
        <v>0</v>
      </c>
      <c r="DG28" s="315">
        <v>0</v>
      </c>
      <c r="DH28" s="309">
        <v>0</v>
      </c>
      <c r="DI28" s="313">
        <v>0</v>
      </c>
      <c r="DJ28" s="310">
        <v>0</v>
      </c>
      <c r="DK28" s="312">
        <v>0</v>
      </c>
      <c r="DL28" s="313">
        <v>0</v>
      </c>
      <c r="DM28" s="313">
        <v>0</v>
      </c>
      <c r="DN28" s="313">
        <v>0</v>
      </c>
      <c r="DO28" s="313">
        <v>0</v>
      </c>
      <c r="DP28" s="313">
        <v>0</v>
      </c>
      <c r="DQ28" s="310">
        <v>0</v>
      </c>
      <c r="DR28" s="315">
        <v>0</v>
      </c>
      <c r="DS28" s="309">
        <v>58</v>
      </c>
      <c r="DT28" s="313">
        <v>84</v>
      </c>
      <c r="DU28" s="310">
        <v>142</v>
      </c>
      <c r="DV28" s="312">
        <v>0</v>
      </c>
      <c r="DW28" s="313">
        <v>133</v>
      </c>
      <c r="DX28" s="313">
        <v>147</v>
      </c>
      <c r="DY28" s="313">
        <v>98</v>
      </c>
      <c r="DZ28" s="313">
        <v>76</v>
      </c>
      <c r="EA28" s="313">
        <v>73</v>
      </c>
      <c r="EB28" s="310">
        <v>527</v>
      </c>
      <c r="EC28" s="315">
        <v>669</v>
      </c>
      <c r="ED28" s="309">
        <v>10</v>
      </c>
      <c r="EE28" s="313">
        <v>3</v>
      </c>
      <c r="EF28" s="310">
        <v>13</v>
      </c>
      <c r="EG28" s="312">
        <v>0</v>
      </c>
      <c r="EH28" s="313">
        <v>29</v>
      </c>
      <c r="EI28" s="313">
        <v>21</v>
      </c>
      <c r="EJ28" s="313">
        <v>14</v>
      </c>
      <c r="EK28" s="313">
        <v>15</v>
      </c>
      <c r="EL28" s="313">
        <v>15</v>
      </c>
      <c r="EM28" s="310">
        <v>94</v>
      </c>
      <c r="EN28" s="315">
        <v>107</v>
      </c>
      <c r="EO28" s="309">
        <v>72</v>
      </c>
      <c r="EP28" s="313">
        <v>101</v>
      </c>
      <c r="EQ28" s="310">
        <v>173</v>
      </c>
      <c r="ER28" s="312">
        <v>0</v>
      </c>
      <c r="ES28" s="313">
        <v>263</v>
      </c>
      <c r="ET28" s="313">
        <v>209</v>
      </c>
      <c r="EU28" s="313">
        <v>117</v>
      </c>
      <c r="EV28" s="313">
        <v>83</v>
      </c>
      <c r="EW28" s="313">
        <v>76</v>
      </c>
      <c r="EX28" s="310">
        <v>748</v>
      </c>
      <c r="EY28" s="315">
        <v>921</v>
      </c>
    </row>
    <row r="29" spans="1:155" ht="19.5" customHeight="1" x14ac:dyDescent="0.2">
      <c r="A29" s="294" t="s">
        <v>27</v>
      </c>
      <c r="B29" s="309">
        <v>0</v>
      </c>
      <c r="C29" s="310">
        <v>0</v>
      </c>
      <c r="D29" s="311">
        <v>0</v>
      </c>
      <c r="E29" s="312">
        <v>0</v>
      </c>
      <c r="F29" s="313">
        <v>60</v>
      </c>
      <c r="G29" s="313">
        <v>53</v>
      </c>
      <c r="H29" s="313">
        <v>41</v>
      </c>
      <c r="I29" s="313">
        <v>30</v>
      </c>
      <c r="J29" s="313">
        <v>33</v>
      </c>
      <c r="K29" s="314">
        <v>217</v>
      </c>
      <c r="L29" s="315">
        <v>217</v>
      </c>
      <c r="M29" s="309">
        <v>0</v>
      </c>
      <c r="N29" s="313">
        <v>0</v>
      </c>
      <c r="O29" s="310">
        <v>0</v>
      </c>
      <c r="P29" s="312">
        <v>0</v>
      </c>
      <c r="Q29" s="313">
        <v>2</v>
      </c>
      <c r="R29" s="313">
        <v>2</v>
      </c>
      <c r="S29" s="313">
        <v>5</v>
      </c>
      <c r="T29" s="313">
        <v>11</v>
      </c>
      <c r="U29" s="313">
        <v>16</v>
      </c>
      <c r="V29" s="310">
        <v>36</v>
      </c>
      <c r="W29" s="315">
        <v>36</v>
      </c>
      <c r="X29" s="309">
        <v>22</v>
      </c>
      <c r="Y29" s="313">
        <v>33</v>
      </c>
      <c r="Z29" s="310">
        <v>55</v>
      </c>
      <c r="AA29" s="312">
        <v>0</v>
      </c>
      <c r="AB29" s="313">
        <v>37</v>
      </c>
      <c r="AC29" s="313">
        <v>47</v>
      </c>
      <c r="AD29" s="313">
        <v>34</v>
      </c>
      <c r="AE29" s="313">
        <v>35</v>
      </c>
      <c r="AF29" s="313">
        <v>28</v>
      </c>
      <c r="AG29" s="310">
        <v>181</v>
      </c>
      <c r="AH29" s="315">
        <v>236</v>
      </c>
      <c r="AI29" s="309">
        <v>0</v>
      </c>
      <c r="AJ29" s="313">
        <v>3</v>
      </c>
      <c r="AK29" s="310">
        <v>3</v>
      </c>
      <c r="AL29" s="312">
        <v>0</v>
      </c>
      <c r="AM29" s="313">
        <v>0</v>
      </c>
      <c r="AN29" s="313">
        <v>2</v>
      </c>
      <c r="AO29" s="313">
        <v>3</v>
      </c>
      <c r="AP29" s="313">
        <v>0</v>
      </c>
      <c r="AQ29" s="313">
        <v>3</v>
      </c>
      <c r="AR29" s="310">
        <v>8</v>
      </c>
      <c r="AS29" s="315">
        <v>11</v>
      </c>
      <c r="AT29" s="309">
        <v>10</v>
      </c>
      <c r="AU29" s="313">
        <v>18</v>
      </c>
      <c r="AV29" s="310">
        <v>28</v>
      </c>
      <c r="AW29" s="312">
        <v>0</v>
      </c>
      <c r="AX29" s="313">
        <v>62</v>
      </c>
      <c r="AY29" s="313">
        <v>54</v>
      </c>
      <c r="AZ29" s="313">
        <v>66</v>
      </c>
      <c r="BA29" s="313">
        <v>73</v>
      </c>
      <c r="BB29" s="313">
        <v>52</v>
      </c>
      <c r="BC29" s="314">
        <v>307</v>
      </c>
      <c r="BD29" s="315">
        <v>335</v>
      </c>
      <c r="BE29" s="309">
        <v>0</v>
      </c>
      <c r="BF29" s="313">
        <v>0</v>
      </c>
      <c r="BG29" s="310">
        <v>0</v>
      </c>
      <c r="BH29" s="312">
        <v>0</v>
      </c>
      <c r="BI29" s="313">
        <v>95</v>
      </c>
      <c r="BJ29" s="313">
        <v>76</v>
      </c>
      <c r="BK29" s="313">
        <v>50</v>
      </c>
      <c r="BL29" s="313">
        <v>25</v>
      </c>
      <c r="BM29" s="313">
        <v>16</v>
      </c>
      <c r="BN29" s="310">
        <v>262</v>
      </c>
      <c r="BO29" s="315">
        <v>262</v>
      </c>
      <c r="BP29" s="309">
        <v>9</v>
      </c>
      <c r="BQ29" s="313">
        <v>23</v>
      </c>
      <c r="BR29" s="310">
        <v>32</v>
      </c>
      <c r="BS29" s="312">
        <v>0</v>
      </c>
      <c r="BT29" s="313">
        <v>18</v>
      </c>
      <c r="BU29" s="313">
        <v>25</v>
      </c>
      <c r="BV29" s="313">
        <v>17</v>
      </c>
      <c r="BW29" s="313">
        <v>7</v>
      </c>
      <c r="BX29" s="313">
        <v>6</v>
      </c>
      <c r="BY29" s="310">
        <v>73</v>
      </c>
      <c r="BZ29" s="315">
        <v>105</v>
      </c>
      <c r="CA29" s="309">
        <v>0</v>
      </c>
      <c r="CB29" s="313">
        <v>0</v>
      </c>
      <c r="CC29" s="310">
        <v>0</v>
      </c>
      <c r="CD29" s="312">
        <v>0</v>
      </c>
      <c r="CE29" s="313">
        <v>9</v>
      </c>
      <c r="CF29" s="313">
        <v>11</v>
      </c>
      <c r="CG29" s="313">
        <v>12</v>
      </c>
      <c r="CH29" s="313">
        <v>11</v>
      </c>
      <c r="CI29" s="313">
        <v>7</v>
      </c>
      <c r="CJ29" s="310">
        <v>50</v>
      </c>
      <c r="CK29" s="315">
        <v>50</v>
      </c>
      <c r="CL29" s="309">
        <v>1</v>
      </c>
      <c r="CM29" s="313">
        <v>0</v>
      </c>
      <c r="CN29" s="310">
        <v>1</v>
      </c>
      <c r="CO29" s="312">
        <v>0</v>
      </c>
      <c r="CP29" s="313">
        <v>5</v>
      </c>
      <c r="CQ29" s="313">
        <v>3</v>
      </c>
      <c r="CR29" s="313">
        <v>4</v>
      </c>
      <c r="CS29" s="313">
        <v>3</v>
      </c>
      <c r="CT29" s="313">
        <v>4</v>
      </c>
      <c r="CU29" s="310">
        <v>19</v>
      </c>
      <c r="CV29" s="315">
        <v>20</v>
      </c>
      <c r="CW29" s="309">
        <v>0</v>
      </c>
      <c r="CX29" s="313">
        <v>0</v>
      </c>
      <c r="CY29" s="310">
        <v>0</v>
      </c>
      <c r="CZ29" s="312">
        <v>0</v>
      </c>
      <c r="DA29" s="313">
        <v>0</v>
      </c>
      <c r="DB29" s="313">
        <v>0</v>
      </c>
      <c r="DC29" s="313">
        <v>0</v>
      </c>
      <c r="DD29" s="313">
        <v>0</v>
      </c>
      <c r="DE29" s="313">
        <v>0</v>
      </c>
      <c r="DF29" s="310">
        <v>0</v>
      </c>
      <c r="DG29" s="315">
        <v>0</v>
      </c>
      <c r="DH29" s="309">
        <v>0</v>
      </c>
      <c r="DI29" s="313">
        <v>0</v>
      </c>
      <c r="DJ29" s="310">
        <v>0</v>
      </c>
      <c r="DK29" s="312">
        <v>0</v>
      </c>
      <c r="DL29" s="313">
        <v>0</v>
      </c>
      <c r="DM29" s="313">
        <v>0</v>
      </c>
      <c r="DN29" s="313">
        <v>0</v>
      </c>
      <c r="DO29" s="313">
        <v>0</v>
      </c>
      <c r="DP29" s="313">
        <v>0</v>
      </c>
      <c r="DQ29" s="310">
        <v>0</v>
      </c>
      <c r="DR29" s="315">
        <v>0</v>
      </c>
      <c r="DS29" s="309">
        <v>67</v>
      </c>
      <c r="DT29" s="313">
        <v>106</v>
      </c>
      <c r="DU29" s="310">
        <v>173</v>
      </c>
      <c r="DV29" s="312">
        <v>0</v>
      </c>
      <c r="DW29" s="313">
        <v>69</v>
      </c>
      <c r="DX29" s="313">
        <v>134</v>
      </c>
      <c r="DY29" s="313">
        <v>102</v>
      </c>
      <c r="DZ29" s="313">
        <v>59</v>
      </c>
      <c r="EA29" s="313">
        <v>47</v>
      </c>
      <c r="EB29" s="310">
        <v>411</v>
      </c>
      <c r="EC29" s="315">
        <v>584</v>
      </c>
      <c r="ED29" s="309">
        <v>11</v>
      </c>
      <c r="EE29" s="313">
        <v>18</v>
      </c>
      <c r="EF29" s="310">
        <v>29</v>
      </c>
      <c r="EG29" s="312">
        <v>0</v>
      </c>
      <c r="EH29" s="313">
        <v>24</v>
      </c>
      <c r="EI29" s="313">
        <v>30</v>
      </c>
      <c r="EJ29" s="313">
        <v>36</v>
      </c>
      <c r="EK29" s="313">
        <v>40</v>
      </c>
      <c r="EL29" s="313">
        <v>20</v>
      </c>
      <c r="EM29" s="310">
        <v>150</v>
      </c>
      <c r="EN29" s="315">
        <v>179</v>
      </c>
      <c r="EO29" s="309">
        <v>89</v>
      </c>
      <c r="EP29" s="313">
        <v>132</v>
      </c>
      <c r="EQ29" s="310">
        <v>221</v>
      </c>
      <c r="ER29" s="312">
        <v>0</v>
      </c>
      <c r="ES29" s="313">
        <v>185</v>
      </c>
      <c r="ET29" s="313">
        <v>170</v>
      </c>
      <c r="EU29" s="313">
        <v>118</v>
      </c>
      <c r="EV29" s="313">
        <v>66</v>
      </c>
      <c r="EW29" s="313">
        <v>51</v>
      </c>
      <c r="EX29" s="310">
        <v>590</v>
      </c>
      <c r="EY29" s="315">
        <v>811</v>
      </c>
    </row>
    <row r="30" spans="1:155" ht="19.5" customHeight="1" x14ac:dyDescent="0.2">
      <c r="A30" s="294" t="s">
        <v>28</v>
      </c>
      <c r="B30" s="309">
        <v>0</v>
      </c>
      <c r="C30" s="310">
        <v>0</v>
      </c>
      <c r="D30" s="311">
        <v>0</v>
      </c>
      <c r="E30" s="312">
        <v>0</v>
      </c>
      <c r="F30" s="313">
        <v>14</v>
      </c>
      <c r="G30" s="313">
        <v>18</v>
      </c>
      <c r="H30" s="313">
        <v>5</v>
      </c>
      <c r="I30" s="313">
        <v>10</v>
      </c>
      <c r="J30" s="313">
        <v>10</v>
      </c>
      <c r="K30" s="314">
        <v>57</v>
      </c>
      <c r="L30" s="315">
        <v>57</v>
      </c>
      <c r="M30" s="309">
        <v>0</v>
      </c>
      <c r="N30" s="313">
        <v>0</v>
      </c>
      <c r="O30" s="310">
        <v>0</v>
      </c>
      <c r="P30" s="312">
        <v>0</v>
      </c>
      <c r="Q30" s="313">
        <v>0</v>
      </c>
      <c r="R30" s="313">
        <v>1</v>
      </c>
      <c r="S30" s="313">
        <v>0</v>
      </c>
      <c r="T30" s="313">
        <v>1</v>
      </c>
      <c r="U30" s="313">
        <v>6</v>
      </c>
      <c r="V30" s="310">
        <v>8</v>
      </c>
      <c r="W30" s="315">
        <v>8</v>
      </c>
      <c r="X30" s="309">
        <v>1</v>
      </c>
      <c r="Y30" s="313">
        <v>4</v>
      </c>
      <c r="Z30" s="310">
        <v>5</v>
      </c>
      <c r="AA30" s="312">
        <v>0</v>
      </c>
      <c r="AB30" s="313">
        <v>8</v>
      </c>
      <c r="AC30" s="313">
        <v>22</v>
      </c>
      <c r="AD30" s="313">
        <v>9</v>
      </c>
      <c r="AE30" s="313">
        <v>9</v>
      </c>
      <c r="AF30" s="313">
        <v>12</v>
      </c>
      <c r="AG30" s="310">
        <v>60</v>
      </c>
      <c r="AH30" s="315">
        <v>65</v>
      </c>
      <c r="AI30" s="309">
        <v>0</v>
      </c>
      <c r="AJ30" s="313">
        <v>0</v>
      </c>
      <c r="AK30" s="310">
        <v>0</v>
      </c>
      <c r="AL30" s="312">
        <v>0</v>
      </c>
      <c r="AM30" s="313">
        <v>2</v>
      </c>
      <c r="AN30" s="313">
        <v>0</v>
      </c>
      <c r="AO30" s="313">
        <v>0</v>
      </c>
      <c r="AP30" s="313">
        <v>0</v>
      </c>
      <c r="AQ30" s="313">
        <v>3</v>
      </c>
      <c r="AR30" s="310">
        <v>5</v>
      </c>
      <c r="AS30" s="315">
        <v>5</v>
      </c>
      <c r="AT30" s="309">
        <v>2</v>
      </c>
      <c r="AU30" s="313">
        <v>2</v>
      </c>
      <c r="AV30" s="310">
        <v>4</v>
      </c>
      <c r="AW30" s="312">
        <v>0</v>
      </c>
      <c r="AX30" s="313">
        <v>5</v>
      </c>
      <c r="AY30" s="313">
        <v>25</v>
      </c>
      <c r="AZ30" s="313">
        <v>15</v>
      </c>
      <c r="BA30" s="313">
        <v>15</v>
      </c>
      <c r="BB30" s="313">
        <v>19</v>
      </c>
      <c r="BC30" s="314">
        <v>79</v>
      </c>
      <c r="BD30" s="315">
        <v>83</v>
      </c>
      <c r="BE30" s="309">
        <v>0</v>
      </c>
      <c r="BF30" s="313">
        <v>0</v>
      </c>
      <c r="BG30" s="310">
        <v>0</v>
      </c>
      <c r="BH30" s="312">
        <v>0</v>
      </c>
      <c r="BI30" s="313">
        <v>34</v>
      </c>
      <c r="BJ30" s="313">
        <v>34</v>
      </c>
      <c r="BK30" s="313">
        <v>13</v>
      </c>
      <c r="BL30" s="313">
        <v>11</v>
      </c>
      <c r="BM30" s="313">
        <v>6</v>
      </c>
      <c r="BN30" s="310">
        <v>98</v>
      </c>
      <c r="BO30" s="315">
        <v>98</v>
      </c>
      <c r="BP30" s="309">
        <v>0</v>
      </c>
      <c r="BQ30" s="313">
        <v>5</v>
      </c>
      <c r="BR30" s="310">
        <v>5</v>
      </c>
      <c r="BS30" s="312">
        <v>0</v>
      </c>
      <c r="BT30" s="313">
        <v>6</v>
      </c>
      <c r="BU30" s="313">
        <v>13</v>
      </c>
      <c r="BV30" s="313">
        <v>6</v>
      </c>
      <c r="BW30" s="313">
        <v>8</v>
      </c>
      <c r="BX30" s="313">
        <v>7</v>
      </c>
      <c r="BY30" s="310">
        <v>40</v>
      </c>
      <c r="BZ30" s="315">
        <v>45</v>
      </c>
      <c r="CA30" s="309">
        <v>0</v>
      </c>
      <c r="CB30" s="313">
        <v>1</v>
      </c>
      <c r="CC30" s="310">
        <v>1</v>
      </c>
      <c r="CD30" s="312">
        <v>0</v>
      </c>
      <c r="CE30" s="313">
        <v>4</v>
      </c>
      <c r="CF30" s="313">
        <v>11</v>
      </c>
      <c r="CG30" s="313">
        <v>8</v>
      </c>
      <c r="CH30" s="313">
        <v>5</v>
      </c>
      <c r="CI30" s="313">
        <v>4</v>
      </c>
      <c r="CJ30" s="310">
        <v>32</v>
      </c>
      <c r="CK30" s="315">
        <v>33</v>
      </c>
      <c r="CL30" s="309">
        <v>0</v>
      </c>
      <c r="CM30" s="313">
        <v>0</v>
      </c>
      <c r="CN30" s="310">
        <v>0</v>
      </c>
      <c r="CO30" s="312">
        <v>0</v>
      </c>
      <c r="CP30" s="313">
        <v>2</v>
      </c>
      <c r="CQ30" s="313">
        <v>4</v>
      </c>
      <c r="CR30" s="313">
        <v>3</v>
      </c>
      <c r="CS30" s="313">
        <v>1</v>
      </c>
      <c r="CT30" s="313">
        <v>1</v>
      </c>
      <c r="CU30" s="310">
        <v>11</v>
      </c>
      <c r="CV30" s="315">
        <v>11</v>
      </c>
      <c r="CW30" s="309">
        <v>0</v>
      </c>
      <c r="CX30" s="313">
        <v>0</v>
      </c>
      <c r="CY30" s="310">
        <v>0</v>
      </c>
      <c r="CZ30" s="312">
        <v>0</v>
      </c>
      <c r="DA30" s="313">
        <v>0</v>
      </c>
      <c r="DB30" s="313">
        <v>0</v>
      </c>
      <c r="DC30" s="313">
        <v>0</v>
      </c>
      <c r="DD30" s="313">
        <v>0</v>
      </c>
      <c r="DE30" s="313">
        <v>0</v>
      </c>
      <c r="DF30" s="310">
        <v>0</v>
      </c>
      <c r="DG30" s="315">
        <v>0</v>
      </c>
      <c r="DH30" s="309">
        <v>0</v>
      </c>
      <c r="DI30" s="313">
        <v>0</v>
      </c>
      <c r="DJ30" s="310">
        <v>0</v>
      </c>
      <c r="DK30" s="312">
        <v>0</v>
      </c>
      <c r="DL30" s="313">
        <v>0</v>
      </c>
      <c r="DM30" s="313">
        <v>0</v>
      </c>
      <c r="DN30" s="313">
        <v>0</v>
      </c>
      <c r="DO30" s="313">
        <v>0</v>
      </c>
      <c r="DP30" s="313">
        <v>0</v>
      </c>
      <c r="DQ30" s="310">
        <v>0</v>
      </c>
      <c r="DR30" s="315">
        <v>0</v>
      </c>
      <c r="DS30" s="309">
        <v>6</v>
      </c>
      <c r="DT30" s="313">
        <v>14</v>
      </c>
      <c r="DU30" s="310">
        <v>20</v>
      </c>
      <c r="DV30" s="312">
        <v>0</v>
      </c>
      <c r="DW30" s="313">
        <v>32</v>
      </c>
      <c r="DX30" s="313">
        <v>67</v>
      </c>
      <c r="DY30" s="313">
        <v>24</v>
      </c>
      <c r="DZ30" s="313">
        <v>25</v>
      </c>
      <c r="EA30" s="313">
        <v>21</v>
      </c>
      <c r="EB30" s="310">
        <v>169</v>
      </c>
      <c r="EC30" s="315">
        <v>189</v>
      </c>
      <c r="ED30" s="309">
        <v>0</v>
      </c>
      <c r="EE30" s="313">
        <v>0</v>
      </c>
      <c r="EF30" s="310">
        <v>0</v>
      </c>
      <c r="EG30" s="312">
        <v>0</v>
      </c>
      <c r="EH30" s="313">
        <v>4</v>
      </c>
      <c r="EI30" s="313">
        <v>6</v>
      </c>
      <c r="EJ30" s="313">
        <v>4</v>
      </c>
      <c r="EK30" s="313">
        <v>5</v>
      </c>
      <c r="EL30" s="313">
        <v>3</v>
      </c>
      <c r="EM30" s="310">
        <v>22</v>
      </c>
      <c r="EN30" s="315">
        <v>22</v>
      </c>
      <c r="EO30" s="309">
        <v>6</v>
      </c>
      <c r="EP30" s="313">
        <v>20</v>
      </c>
      <c r="EQ30" s="310">
        <v>26</v>
      </c>
      <c r="ER30" s="312">
        <v>0</v>
      </c>
      <c r="ES30" s="313">
        <v>68</v>
      </c>
      <c r="ET30" s="313">
        <v>85</v>
      </c>
      <c r="EU30" s="313">
        <v>30</v>
      </c>
      <c r="EV30" s="313">
        <v>25</v>
      </c>
      <c r="EW30" s="313">
        <v>21</v>
      </c>
      <c r="EX30" s="310">
        <v>229</v>
      </c>
      <c r="EY30" s="315">
        <v>255</v>
      </c>
    </row>
    <row r="31" spans="1:155" ht="19.5" customHeight="1" x14ac:dyDescent="0.2">
      <c r="A31" s="294" t="s">
        <v>29</v>
      </c>
      <c r="B31" s="309">
        <v>0</v>
      </c>
      <c r="C31" s="310">
        <v>0</v>
      </c>
      <c r="D31" s="311">
        <v>0</v>
      </c>
      <c r="E31" s="312">
        <v>0</v>
      </c>
      <c r="F31" s="313">
        <v>26</v>
      </c>
      <c r="G31" s="313">
        <v>30</v>
      </c>
      <c r="H31" s="313">
        <v>14</v>
      </c>
      <c r="I31" s="313">
        <v>13</v>
      </c>
      <c r="J31" s="313">
        <v>10</v>
      </c>
      <c r="K31" s="314">
        <v>93</v>
      </c>
      <c r="L31" s="315">
        <v>93</v>
      </c>
      <c r="M31" s="309">
        <v>0</v>
      </c>
      <c r="N31" s="313">
        <v>0</v>
      </c>
      <c r="O31" s="310">
        <v>0</v>
      </c>
      <c r="P31" s="312">
        <v>0</v>
      </c>
      <c r="Q31" s="313">
        <v>1</v>
      </c>
      <c r="R31" s="313">
        <v>1</v>
      </c>
      <c r="S31" s="313">
        <v>1</v>
      </c>
      <c r="T31" s="313">
        <v>2</v>
      </c>
      <c r="U31" s="313">
        <v>4</v>
      </c>
      <c r="V31" s="310">
        <v>9</v>
      </c>
      <c r="W31" s="315">
        <v>9</v>
      </c>
      <c r="X31" s="309">
        <v>2</v>
      </c>
      <c r="Y31" s="313">
        <v>6</v>
      </c>
      <c r="Z31" s="310">
        <v>8</v>
      </c>
      <c r="AA31" s="312">
        <v>0</v>
      </c>
      <c r="AB31" s="313">
        <v>17</v>
      </c>
      <c r="AC31" s="313">
        <v>12</v>
      </c>
      <c r="AD31" s="313">
        <v>15</v>
      </c>
      <c r="AE31" s="313">
        <v>8</v>
      </c>
      <c r="AF31" s="313">
        <v>7</v>
      </c>
      <c r="AG31" s="310">
        <v>59</v>
      </c>
      <c r="AH31" s="315">
        <v>67</v>
      </c>
      <c r="AI31" s="309">
        <v>0</v>
      </c>
      <c r="AJ31" s="313">
        <v>1</v>
      </c>
      <c r="AK31" s="310">
        <v>1</v>
      </c>
      <c r="AL31" s="312">
        <v>0</v>
      </c>
      <c r="AM31" s="313">
        <v>3</v>
      </c>
      <c r="AN31" s="313">
        <v>3</v>
      </c>
      <c r="AO31" s="313">
        <v>0</v>
      </c>
      <c r="AP31" s="313">
        <v>3</v>
      </c>
      <c r="AQ31" s="313">
        <v>2</v>
      </c>
      <c r="AR31" s="310">
        <v>11</v>
      </c>
      <c r="AS31" s="315">
        <v>12</v>
      </c>
      <c r="AT31" s="309">
        <v>3</v>
      </c>
      <c r="AU31" s="313">
        <v>1</v>
      </c>
      <c r="AV31" s="310">
        <v>4</v>
      </c>
      <c r="AW31" s="312">
        <v>0</v>
      </c>
      <c r="AX31" s="313">
        <v>11</v>
      </c>
      <c r="AY31" s="313">
        <v>21</v>
      </c>
      <c r="AZ31" s="313">
        <v>8</v>
      </c>
      <c r="BA31" s="313">
        <v>17</v>
      </c>
      <c r="BB31" s="313">
        <v>9</v>
      </c>
      <c r="BC31" s="314">
        <v>66</v>
      </c>
      <c r="BD31" s="315">
        <v>70</v>
      </c>
      <c r="BE31" s="309">
        <v>0</v>
      </c>
      <c r="BF31" s="313">
        <v>0</v>
      </c>
      <c r="BG31" s="310">
        <v>0</v>
      </c>
      <c r="BH31" s="312">
        <v>0</v>
      </c>
      <c r="BI31" s="313">
        <v>38</v>
      </c>
      <c r="BJ31" s="313">
        <v>36</v>
      </c>
      <c r="BK31" s="313">
        <v>25</v>
      </c>
      <c r="BL31" s="313">
        <v>14</v>
      </c>
      <c r="BM31" s="313">
        <v>5</v>
      </c>
      <c r="BN31" s="310">
        <v>118</v>
      </c>
      <c r="BO31" s="315">
        <v>118</v>
      </c>
      <c r="BP31" s="309">
        <v>5</v>
      </c>
      <c r="BQ31" s="313">
        <v>4</v>
      </c>
      <c r="BR31" s="310">
        <v>9</v>
      </c>
      <c r="BS31" s="312">
        <v>0</v>
      </c>
      <c r="BT31" s="313">
        <v>16</v>
      </c>
      <c r="BU31" s="313">
        <v>12</v>
      </c>
      <c r="BV31" s="313">
        <v>11</v>
      </c>
      <c r="BW31" s="313">
        <v>4</v>
      </c>
      <c r="BX31" s="313">
        <v>4</v>
      </c>
      <c r="BY31" s="310">
        <v>47</v>
      </c>
      <c r="BZ31" s="315">
        <v>56</v>
      </c>
      <c r="CA31" s="309">
        <v>0</v>
      </c>
      <c r="CB31" s="313">
        <v>0</v>
      </c>
      <c r="CC31" s="310">
        <v>0</v>
      </c>
      <c r="CD31" s="312">
        <v>0</v>
      </c>
      <c r="CE31" s="313">
        <v>5</v>
      </c>
      <c r="CF31" s="313">
        <v>11</v>
      </c>
      <c r="CG31" s="313">
        <v>15</v>
      </c>
      <c r="CH31" s="313">
        <v>7</v>
      </c>
      <c r="CI31" s="313">
        <v>7</v>
      </c>
      <c r="CJ31" s="310">
        <v>45</v>
      </c>
      <c r="CK31" s="315">
        <v>45</v>
      </c>
      <c r="CL31" s="309">
        <v>0</v>
      </c>
      <c r="CM31" s="313">
        <v>0</v>
      </c>
      <c r="CN31" s="310">
        <v>0</v>
      </c>
      <c r="CO31" s="312">
        <v>0</v>
      </c>
      <c r="CP31" s="313">
        <v>1</v>
      </c>
      <c r="CQ31" s="313">
        <v>1</v>
      </c>
      <c r="CR31" s="313">
        <v>3</v>
      </c>
      <c r="CS31" s="313">
        <v>1</v>
      </c>
      <c r="CT31" s="313">
        <v>1</v>
      </c>
      <c r="CU31" s="310">
        <v>7</v>
      </c>
      <c r="CV31" s="315">
        <v>7</v>
      </c>
      <c r="CW31" s="309">
        <v>0</v>
      </c>
      <c r="CX31" s="313">
        <v>0</v>
      </c>
      <c r="CY31" s="310">
        <v>0</v>
      </c>
      <c r="CZ31" s="312">
        <v>0</v>
      </c>
      <c r="DA31" s="313">
        <v>0</v>
      </c>
      <c r="DB31" s="313">
        <v>0</v>
      </c>
      <c r="DC31" s="313">
        <v>0</v>
      </c>
      <c r="DD31" s="313">
        <v>0</v>
      </c>
      <c r="DE31" s="313">
        <v>0</v>
      </c>
      <c r="DF31" s="310">
        <v>0</v>
      </c>
      <c r="DG31" s="315">
        <v>0</v>
      </c>
      <c r="DH31" s="309">
        <v>0</v>
      </c>
      <c r="DI31" s="313">
        <v>0</v>
      </c>
      <c r="DJ31" s="310">
        <v>0</v>
      </c>
      <c r="DK31" s="312">
        <v>0</v>
      </c>
      <c r="DL31" s="313">
        <v>0</v>
      </c>
      <c r="DM31" s="313">
        <v>0</v>
      </c>
      <c r="DN31" s="313">
        <v>0</v>
      </c>
      <c r="DO31" s="313">
        <v>0</v>
      </c>
      <c r="DP31" s="313">
        <v>0</v>
      </c>
      <c r="DQ31" s="310">
        <v>0</v>
      </c>
      <c r="DR31" s="315">
        <v>0</v>
      </c>
      <c r="DS31" s="309">
        <v>23</v>
      </c>
      <c r="DT31" s="313">
        <v>30</v>
      </c>
      <c r="DU31" s="310">
        <v>53</v>
      </c>
      <c r="DV31" s="312">
        <v>0</v>
      </c>
      <c r="DW31" s="313">
        <v>43</v>
      </c>
      <c r="DX31" s="313">
        <v>64</v>
      </c>
      <c r="DY31" s="313">
        <v>39</v>
      </c>
      <c r="DZ31" s="313">
        <v>31</v>
      </c>
      <c r="EA31" s="313">
        <v>22</v>
      </c>
      <c r="EB31" s="310">
        <v>199</v>
      </c>
      <c r="EC31" s="315">
        <v>252</v>
      </c>
      <c r="ED31" s="309">
        <v>0</v>
      </c>
      <c r="EE31" s="313">
        <v>0</v>
      </c>
      <c r="EF31" s="310">
        <v>0</v>
      </c>
      <c r="EG31" s="312">
        <v>0</v>
      </c>
      <c r="EH31" s="313">
        <v>6</v>
      </c>
      <c r="EI31" s="313">
        <v>9</v>
      </c>
      <c r="EJ31" s="313">
        <v>4</v>
      </c>
      <c r="EK31" s="313">
        <v>6</v>
      </c>
      <c r="EL31" s="313">
        <v>3</v>
      </c>
      <c r="EM31" s="310">
        <v>28</v>
      </c>
      <c r="EN31" s="315">
        <v>28</v>
      </c>
      <c r="EO31" s="309">
        <v>28</v>
      </c>
      <c r="EP31" s="313">
        <v>37</v>
      </c>
      <c r="EQ31" s="310">
        <v>65</v>
      </c>
      <c r="ER31" s="312">
        <v>0</v>
      </c>
      <c r="ES31" s="313">
        <v>93</v>
      </c>
      <c r="ET31" s="313">
        <v>87</v>
      </c>
      <c r="EU31" s="313">
        <v>51</v>
      </c>
      <c r="EV31" s="313">
        <v>36</v>
      </c>
      <c r="EW31" s="313">
        <v>22</v>
      </c>
      <c r="EX31" s="310">
        <v>289</v>
      </c>
      <c r="EY31" s="315">
        <v>354</v>
      </c>
    </row>
    <row r="32" spans="1:155" ht="19.5" customHeight="1" x14ac:dyDescent="0.2">
      <c r="A32" s="294" t="s">
        <v>30</v>
      </c>
      <c r="B32" s="309">
        <v>0</v>
      </c>
      <c r="C32" s="310">
        <v>0</v>
      </c>
      <c r="D32" s="311">
        <v>0</v>
      </c>
      <c r="E32" s="312">
        <v>0</v>
      </c>
      <c r="F32" s="313">
        <v>21</v>
      </c>
      <c r="G32" s="313">
        <v>22</v>
      </c>
      <c r="H32" s="313">
        <v>21</v>
      </c>
      <c r="I32" s="313">
        <v>14</v>
      </c>
      <c r="J32" s="313">
        <v>8</v>
      </c>
      <c r="K32" s="314">
        <v>86</v>
      </c>
      <c r="L32" s="315">
        <v>86</v>
      </c>
      <c r="M32" s="309">
        <v>0</v>
      </c>
      <c r="N32" s="313">
        <v>0</v>
      </c>
      <c r="O32" s="310">
        <v>0</v>
      </c>
      <c r="P32" s="312">
        <v>0</v>
      </c>
      <c r="Q32" s="313">
        <v>0</v>
      </c>
      <c r="R32" s="313">
        <v>1</v>
      </c>
      <c r="S32" s="313">
        <v>1</v>
      </c>
      <c r="T32" s="313">
        <v>5</v>
      </c>
      <c r="U32" s="313">
        <v>4</v>
      </c>
      <c r="V32" s="310">
        <v>11</v>
      </c>
      <c r="W32" s="315">
        <v>11</v>
      </c>
      <c r="X32" s="309">
        <v>6</v>
      </c>
      <c r="Y32" s="313">
        <v>5</v>
      </c>
      <c r="Z32" s="310">
        <v>11</v>
      </c>
      <c r="AA32" s="312">
        <v>0</v>
      </c>
      <c r="AB32" s="313">
        <v>18</v>
      </c>
      <c r="AC32" s="313">
        <v>21</v>
      </c>
      <c r="AD32" s="313">
        <v>13</v>
      </c>
      <c r="AE32" s="313">
        <v>14</v>
      </c>
      <c r="AF32" s="313">
        <v>6</v>
      </c>
      <c r="AG32" s="310">
        <v>72</v>
      </c>
      <c r="AH32" s="315">
        <v>83</v>
      </c>
      <c r="AI32" s="309">
        <v>0</v>
      </c>
      <c r="AJ32" s="313">
        <v>1</v>
      </c>
      <c r="AK32" s="310">
        <v>1</v>
      </c>
      <c r="AL32" s="312">
        <v>0</v>
      </c>
      <c r="AM32" s="313">
        <v>2</v>
      </c>
      <c r="AN32" s="313">
        <v>1</v>
      </c>
      <c r="AO32" s="313">
        <v>1</v>
      </c>
      <c r="AP32" s="313">
        <v>1</v>
      </c>
      <c r="AQ32" s="313">
        <v>0</v>
      </c>
      <c r="AR32" s="310">
        <v>5</v>
      </c>
      <c r="AS32" s="315">
        <v>6</v>
      </c>
      <c r="AT32" s="309">
        <v>1</v>
      </c>
      <c r="AU32" s="313">
        <v>1</v>
      </c>
      <c r="AV32" s="310">
        <v>2</v>
      </c>
      <c r="AW32" s="312">
        <v>0</v>
      </c>
      <c r="AX32" s="313">
        <v>14</v>
      </c>
      <c r="AY32" s="313">
        <v>16</v>
      </c>
      <c r="AZ32" s="313">
        <v>25</v>
      </c>
      <c r="BA32" s="313">
        <v>15</v>
      </c>
      <c r="BB32" s="313">
        <v>11</v>
      </c>
      <c r="BC32" s="314">
        <v>81</v>
      </c>
      <c r="BD32" s="315">
        <v>83</v>
      </c>
      <c r="BE32" s="309">
        <v>0</v>
      </c>
      <c r="BF32" s="313">
        <v>0</v>
      </c>
      <c r="BG32" s="310">
        <v>0</v>
      </c>
      <c r="BH32" s="312">
        <v>0</v>
      </c>
      <c r="BI32" s="313">
        <v>37</v>
      </c>
      <c r="BJ32" s="313">
        <v>23</v>
      </c>
      <c r="BK32" s="313">
        <v>24</v>
      </c>
      <c r="BL32" s="313">
        <v>10</v>
      </c>
      <c r="BM32" s="313">
        <v>2</v>
      </c>
      <c r="BN32" s="310">
        <v>96</v>
      </c>
      <c r="BO32" s="315">
        <v>96</v>
      </c>
      <c r="BP32" s="309">
        <v>1</v>
      </c>
      <c r="BQ32" s="313">
        <v>1</v>
      </c>
      <c r="BR32" s="310">
        <v>2</v>
      </c>
      <c r="BS32" s="312">
        <v>0</v>
      </c>
      <c r="BT32" s="313">
        <v>8</v>
      </c>
      <c r="BU32" s="313">
        <v>11</v>
      </c>
      <c r="BV32" s="313">
        <v>3</v>
      </c>
      <c r="BW32" s="313">
        <v>7</v>
      </c>
      <c r="BX32" s="313">
        <v>0</v>
      </c>
      <c r="BY32" s="310">
        <v>29</v>
      </c>
      <c r="BZ32" s="315">
        <v>31</v>
      </c>
      <c r="CA32" s="309">
        <v>0</v>
      </c>
      <c r="CB32" s="313">
        <v>0</v>
      </c>
      <c r="CC32" s="310">
        <v>0</v>
      </c>
      <c r="CD32" s="312">
        <v>0</v>
      </c>
      <c r="CE32" s="313">
        <v>5</v>
      </c>
      <c r="CF32" s="313">
        <v>4</v>
      </c>
      <c r="CG32" s="313">
        <v>9</v>
      </c>
      <c r="CH32" s="313">
        <v>8</v>
      </c>
      <c r="CI32" s="313">
        <v>2</v>
      </c>
      <c r="CJ32" s="310">
        <v>28</v>
      </c>
      <c r="CK32" s="315">
        <v>28</v>
      </c>
      <c r="CL32" s="309">
        <v>0</v>
      </c>
      <c r="CM32" s="313">
        <v>0</v>
      </c>
      <c r="CN32" s="310">
        <v>0</v>
      </c>
      <c r="CO32" s="312">
        <v>0</v>
      </c>
      <c r="CP32" s="313">
        <v>0</v>
      </c>
      <c r="CQ32" s="313">
        <v>2</v>
      </c>
      <c r="CR32" s="313">
        <v>1</v>
      </c>
      <c r="CS32" s="313">
        <v>0</v>
      </c>
      <c r="CT32" s="313">
        <v>1</v>
      </c>
      <c r="CU32" s="310">
        <v>4</v>
      </c>
      <c r="CV32" s="315">
        <v>4</v>
      </c>
      <c r="CW32" s="309">
        <v>0</v>
      </c>
      <c r="CX32" s="313">
        <v>0</v>
      </c>
      <c r="CY32" s="310">
        <v>0</v>
      </c>
      <c r="CZ32" s="312">
        <v>0</v>
      </c>
      <c r="DA32" s="313">
        <v>0</v>
      </c>
      <c r="DB32" s="313">
        <v>0</v>
      </c>
      <c r="DC32" s="313">
        <v>0</v>
      </c>
      <c r="DD32" s="313">
        <v>0</v>
      </c>
      <c r="DE32" s="313">
        <v>0</v>
      </c>
      <c r="DF32" s="310">
        <v>0</v>
      </c>
      <c r="DG32" s="315">
        <v>0</v>
      </c>
      <c r="DH32" s="309">
        <v>0</v>
      </c>
      <c r="DI32" s="313">
        <v>0</v>
      </c>
      <c r="DJ32" s="310">
        <v>0</v>
      </c>
      <c r="DK32" s="312">
        <v>0</v>
      </c>
      <c r="DL32" s="313">
        <v>0</v>
      </c>
      <c r="DM32" s="313">
        <v>0</v>
      </c>
      <c r="DN32" s="313">
        <v>0</v>
      </c>
      <c r="DO32" s="313">
        <v>0</v>
      </c>
      <c r="DP32" s="313">
        <v>0</v>
      </c>
      <c r="DQ32" s="310">
        <v>0</v>
      </c>
      <c r="DR32" s="315">
        <v>0</v>
      </c>
      <c r="DS32" s="309">
        <v>21</v>
      </c>
      <c r="DT32" s="313">
        <v>21</v>
      </c>
      <c r="DU32" s="310">
        <v>42</v>
      </c>
      <c r="DV32" s="312">
        <v>0</v>
      </c>
      <c r="DW32" s="313">
        <v>47</v>
      </c>
      <c r="DX32" s="313">
        <v>64</v>
      </c>
      <c r="DY32" s="313">
        <v>47</v>
      </c>
      <c r="DZ32" s="313">
        <v>36</v>
      </c>
      <c r="EA32" s="313">
        <v>15</v>
      </c>
      <c r="EB32" s="310">
        <v>209</v>
      </c>
      <c r="EC32" s="315">
        <v>251</v>
      </c>
      <c r="ED32" s="309">
        <v>1</v>
      </c>
      <c r="EE32" s="313">
        <v>0</v>
      </c>
      <c r="EF32" s="310">
        <v>1</v>
      </c>
      <c r="EG32" s="312">
        <v>0</v>
      </c>
      <c r="EH32" s="313">
        <v>6</v>
      </c>
      <c r="EI32" s="313">
        <v>7</v>
      </c>
      <c r="EJ32" s="313">
        <v>4</v>
      </c>
      <c r="EK32" s="313">
        <v>1</v>
      </c>
      <c r="EL32" s="313">
        <v>3</v>
      </c>
      <c r="EM32" s="310">
        <v>21</v>
      </c>
      <c r="EN32" s="315">
        <v>22</v>
      </c>
      <c r="EO32" s="309">
        <v>26</v>
      </c>
      <c r="EP32" s="313">
        <v>26</v>
      </c>
      <c r="EQ32" s="310">
        <v>52</v>
      </c>
      <c r="ER32" s="312">
        <v>0</v>
      </c>
      <c r="ES32" s="313">
        <v>89</v>
      </c>
      <c r="ET32" s="313">
        <v>80</v>
      </c>
      <c r="EU32" s="313">
        <v>57</v>
      </c>
      <c r="EV32" s="313">
        <v>36</v>
      </c>
      <c r="EW32" s="313">
        <v>17</v>
      </c>
      <c r="EX32" s="310">
        <v>279</v>
      </c>
      <c r="EY32" s="315">
        <v>331</v>
      </c>
    </row>
    <row r="33" spans="1:155" ht="19.5" customHeight="1" x14ac:dyDescent="0.2">
      <c r="A33" s="294" t="s">
        <v>31</v>
      </c>
      <c r="B33" s="309">
        <v>0</v>
      </c>
      <c r="C33" s="310">
        <v>0</v>
      </c>
      <c r="D33" s="311">
        <v>0</v>
      </c>
      <c r="E33" s="312">
        <v>0</v>
      </c>
      <c r="F33" s="313">
        <v>17</v>
      </c>
      <c r="G33" s="313">
        <v>13</v>
      </c>
      <c r="H33" s="313">
        <v>8</v>
      </c>
      <c r="I33" s="313">
        <v>4</v>
      </c>
      <c r="J33" s="313">
        <v>8</v>
      </c>
      <c r="K33" s="314">
        <v>50</v>
      </c>
      <c r="L33" s="315">
        <v>50</v>
      </c>
      <c r="M33" s="309">
        <v>0</v>
      </c>
      <c r="N33" s="313">
        <v>0</v>
      </c>
      <c r="O33" s="310">
        <v>0</v>
      </c>
      <c r="P33" s="312">
        <v>0</v>
      </c>
      <c r="Q33" s="313">
        <v>0</v>
      </c>
      <c r="R33" s="313">
        <v>1</v>
      </c>
      <c r="S33" s="313">
        <v>5</v>
      </c>
      <c r="T33" s="313">
        <v>6</v>
      </c>
      <c r="U33" s="313">
        <v>8</v>
      </c>
      <c r="V33" s="310">
        <v>20</v>
      </c>
      <c r="W33" s="315">
        <v>20</v>
      </c>
      <c r="X33" s="309">
        <v>2</v>
      </c>
      <c r="Y33" s="313">
        <v>3</v>
      </c>
      <c r="Z33" s="310">
        <v>5</v>
      </c>
      <c r="AA33" s="312">
        <v>0</v>
      </c>
      <c r="AB33" s="313">
        <v>14</v>
      </c>
      <c r="AC33" s="313">
        <v>17</v>
      </c>
      <c r="AD33" s="313">
        <v>13</v>
      </c>
      <c r="AE33" s="313">
        <v>8</v>
      </c>
      <c r="AF33" s="313">
        <v>13</v>
      </c>
      <c r="AG33" s="310">
        <v>65</v>
      </c>
      <c r="AH33" s="315">
        <v>70</v>
      </c>
      <c r="AI33" s="309">
        <v>1</v>
      </c>
      <c r="AJ33" s="313">
        <v>2</v>
      </c>
      <c r="AK33" s="310">
        <v>3</v>
      </c>
      <c r="AL33" s="312">
        <v>0</v>
      </c>
      <c r="AM33" s="313">
        <v>2</v>
      </c>
      <c r="AN33" s="313">
        <v>5</v>
      </c>
      <c r="AO33" s="313">
        <v>2</v>
      </c>
      <c r="AP33" s="313">
        <v>1</v>
      </c>
      <c r="AQ33" s="313">
        <v>5</v>
      </c>
      <c r="AR33" s="310">
        <v>15</v>
      </c>
      <c r="AS33" s="315">
        <v>18</v>
      </c>
      <c r="AT33" s="309">
        <v>0</v>
      </c>
      <c r="AU33" s="313">
        <v>2</v>
      </c>
      <c r="AV33" s="310">
        <v>2</v>
      </c>
      <c r="AW33" s="312">
        <v>0</v>
      </c>
      <c r="AX33" s="313">
        <v>15</v>
      </c>
      <c r="AY33" s="313">
        <v>19</v>
      </c>
      <c r="AZ33" s="313">
        <v>16</v>
      </c>
      <c r="BA33" s="313">
        <v>12</v>
      </c>
      <c r="BB33" s="313">
        <v>10</v>
      </c>
      <c r="BC33" s="314">
        <v>72</v>
      </c>
      <c r="BD33" s="315">
        <v>74</v>
      </c>
      <c r="BE33" s="309">
        <v>0</v>
      </c>
      <c r="BF33" s="313">
        <v>0</v>
      </c>
      <c r="BG33" s="310">
        <v>0</v>
      </c>
      <c r="BH33" s="312">
        <v>0</v>
      </c>
      <c r="BI33" s="313">
        <v>39</v>
      </c>
      <c r="BJ33" s="313">
        <v>46</v>
      </c>
      <c r="BK33" s="313">
        <v>27</v>
      </c>
      <c r="BL33" s="313">
        <v>6</v>
      </c>
      <c r="BM33" s="313">
        <v>6</v>
      </c>
      <c r="BN33" s="310">
        <v>124</v>
      </c>
      <c r="BO33" s="315">
        <v>124</v>
      </c>
      <c r="BP33" s="309">
        <v>0</v>
      </c>
      <c r="BQ33" s="313">
        <v>1</v>
      </c>
      <c r="BR33" s="310">
        <v>1</v>
      </c>
      <c r="BS33" s="312">
        <v>0</v>
      </c>
      <c r="BT33" s="313">
        <v>1</v>
      </c>
      <c r="BU33" s="313">
        <v>8</v>
      </c>
      <c r="BV33" s="313">
        <v>5</v>
      </c>
      <c r="BW33" s="313">
        <v>2</v>
      </c>
      <c r="BX33" s="313">
        <v>3</v>
      </c>
      <c r="BY33" s="310">
        <v>19</v>
      </c>
      <c r="BZ33" s="315">
        <v>20</v>
      </c>
      <c r="CA33" s="309">
        <v>0</v>
      </c>
      <c r="CB33" s="313">
        <v>0</v>
      </c>
      <c r="CC33" s="310">
        <v>0</v>
      </c>
      <c r="CD33" s="312">
        <v>0</v>
      </c>
      <c r="CE33" s="313">
        <v>5</v>
      </c>
      <c r="CF33" s="313">
        <v>8</v>
      </c>
      <c r="CG33" s="313">
        <v>10</v>
      </c>
      <c r="CH33" s="313">
        <v>8</v>
      </c>
      <c r="CI33" s="313">
        <v>3</v>
      </c>
      <c r="CJ33" s="310">
        <v>34</v>
      </c>
      <c r="CK33" s="315">
        <v>34</v>
      </c>
      <c r="CL33" s="309">
        <v>0</v>
      </c>
      <c r="CM33" s="313">
        <v>0</v>
      </c>
      <c r="CN33" s="310">
        <v>0</v>
      </c>
      <c r="CO33" s="312">
        <v>0</v>
      </c>
      <c r="CP33" s="313">
        <v>0</v>
      </c>
      <c r="CQ33" s="313">
        <v>1</v>
      </c>
      <c r="CR33" s="313">
        <v>1</v>
      </c>
      <c r="CS33" s="313">
        <v>0</v>
      </c>
      <c r="CT33" s="313">
        <v>1</v>
      </c>
      <c r="CU33" s="310">
        <v>3</v>
      </c>
      <c r="CV33" s="315">
        <v>3</v>
      </c>
      <c r="CW33" s="309">
        <v>0</v>
      </c>
      <c r="CX33" s="313">
        <v>0</v>
      </c>
      <c r="CY33" s="310">
        <v>0</v>
      </c>
      <c r="CZ33" s="312">
        <v>0</v>
      </c>
      <c r="DA33" s="313">
        <v>0</v>
      </c>
      <c r="DB33" s="313">
        <v>0</v>
      </c>
      <c r="DC33" s="313">
        <v>0</v>
      </c>
      <c r="DD33" s="313">
        <v>0</v>
      </c>
      <c r="DE33" s="313">
        <v>0</v>
      </c>
      <c r="DF33" s="310">
        <v>0</v>
      </c>
      <c r="DG33" s="315">
        <v>0</v>
      </c>
      <c r="DH33" s="309">
        <v>0</v>
      </c>
      <c r="DI33" s="313">
        <v>0</v>
      </c>
      <c r="DJ33" s="310">
        <v>0</v>
      </c>
      <c r="DK33" s="312">
        <v>0</v>
      </c>
      <c r="DL33" s="313">
        <v>0</v>
      </c>
      <c r="DM33" s="313">
        <v>0</v>
      </c>
      <c r="DN33" s="313">
        <v>0</v>
      </c>
      <c r="DO33" s="313">
        <v>0</v>
      </c>
      <c r="DP33" s="313">
        <v>0</v>
      </c>
      <c r="DQ33" s="310">
        <v>0</v>
      </c>
      <c r="DR33" s="315">
        <v>0</v>
      </c>
      <c r="DS33" s="309">
        <v>18</v>
      </c>
      <c r="DT33" s="313">
        <v>41</v>
      </c>
      <c r="DU33" s="310">
        <v>59</v>
      </c>
      <c r="DV33" s="312">
        <v>0</v>
      </c>
      <c r="DW33" s="313">
        <v>58</v>
      </c>
      <c r="DX33" s="313">
        <v>75</v>
      </c>
      <c r="DY33" s="313">
        <v>45</v>
      </c>
      <c r="DZ33" s="313">
        <v>18</v>
      </c>
      <c r="EA33" s="313">
        <v>20</v>
      </c>
      <c r="EB33" s="310">
        <v>216</v>
      </c>
      <c r="EC33" s="315">
        <v>275</v>
      </c>
      <c r="ED33" s="309">
        <v>0</v>
      </c>
      <c r="EE33" s="313">
        <v>2</v>
      </c>
      <c r="EF33" s="310">
        <v>2</v>
      </c>
      <c r="EG33" s="312">
        <v>0</v>
      </c>
      <c r="EH33" s="313">
        <v>8</v>
      </c>
      <c r="EI33" s="313">
        <v>10</v>
      </c>
      <c r="EJ33" s="313">
        <v>7</v>
      </c>
      <c r="EK33" s="313">
        <v>4</v>
      </c>
      <c r="EL33" s="313">
        <v>1</v>
      </c>
      <c r="EM33" s="310">
        <v>30</v>
      </c>
      <c r="EN33" s="315">
        <v>32</v>
      </c>
      <c r="EO33" s="309">
        <v>21</v>
      </c>
      <c r="EP33" s="313">
        <v>41</v>
      </c>
      <c r="EQ33" s="310">
        <v>62</v>
      </c>
      <c r="ER33" s="312">
        <v>0</v>
      </c>
      <c r="ES33" s="313">
        <v>102</v>
      </c>
      <c r="ET33" s="313">
        <v>101</v>
      </c>
      <c r="EU33" s="313">
        <v>56</v>
      </c>
      <c r="EV33" s="313">
        <v>19</v>
      </c>
      <c r="EW33" s="313">
        <v>21</v>
      </c>
      <c r="EX33" s="310">
        <v>299</v>
      </c>
      <c r="EY33" s="315">
        <v>361</v>
      </c>
    </row>
    <row r="34" spans="1:155" ht="19.5" customHeight="1" x14ac:dyDescent="0.2">
      <c r="A34" s="294" t="s">
        <v>32</v>
      </c>
      <c r="B34" s="309">
        <v>0</v>
      </c>
      <c r="C34" s="310">
        <v>0</v>
      </c>
      <c r="D34" s="311">
        <v>0</v>
      </c>
      <c r="E34" s="312">
        <v>0</v>
      </c>
      <c r="F34" s="313">
        <v>31</v>
      </c>
      <c r="G34" s="313">
        <v>19</v>
      </c>
      <c r="H34" s="313">
        <v>9</v>
      </c>
      <c r="I34" s="313">
        <v>10</v>
      </c>
      <c r="J34" s="313">
        <v>9</v>
      </c>
      <c r="K34" s="314">
        <v>78</v>
      </c>
      <c r="L34" s="315">
        <v>78</v>
      </c>
      <c r="M34" s="309">
        <v>0</v>
      </c>
      <c r="N34" s="313">
        <v>0</v>
      </c>
      <c r="O34" s="310">
        <v>0</v>
      </c>
      <c r="P34" s="312">
        <v>0</v>
      </c>
      <c r="Q34" s="313">
        <v>0</v>
      </c>
      <c r="R34" s="313">
        <v>0</v>
      </c>
      <c r="S34" s="313">
        <v>2</v>
      </c>
      <c r="T34" s="313">
        <v>3</v>
      </c>
      <c r="U34" s="313">
        <v>7</v>
      </c>
      <c r="V34" s="310">
        <v>12</v>
      </c>
      <c r="W34" s="315">
        <v>12</v>
      </c>
      <c r="X34" s="309">
        <v>6</v>
      </c>
      <c r="Y34" s="313">
        <v>8</v>
      </c>
      <c r="Z34" s="310">
        <v>14</v>
      </c>
      <c r="AA34" s="312">
        <v>0</v>
      </c>
      <c r="AB34" s="313">
        <v>36</v>
      </c>
      <c r="AC34" s="313">
        <v>24</v>
      </c>
      <c r="AD34" s="313">
        <v>12</v>
      </c>
      <c r="AE34" s="313">
        <v>17</v>
      </c>
      <c r="AF34" s="313">
        <v>10</v>
      </c>
      <c r="AG34" s="310">
        <v>99</v>
      </c>
      <c r="AH34" s="315">
        <v>113</v>
      </c>
      <c r="AI34" s="309">
        <v>1</v>
      </c>
      <c r="AJ34" s="313">
        <v>1</v>
      </c>
      <c r="AK34" s="310">
        <v>2</v>
      </c>
      <c r="AL34" s="312">
        <v>0</v>
      </c>
      <c r="AM34" s="313">
        <v>5</v>
      </c>
      <c r="AN34" s="313">
        <v>0</v>
      </c>
      <c r="AO34" s="313">
        <v>3</v>
      </c>
      <c r="AP34" s="313">
        <v>2</v>
      </c>
      <c r="AQ34" s="313">
        <v>4</v>
      </c>
      <c r="AR34" s="310">
        <v>14</v>
      </c>
      <c r="AS34" s="315">
        <v>16</v>
      </c>
      <c r="AT34" s="309">
        <v>1</v>
      </c>
      <c r="AU34" s="313">
        <v>1</v>
      </c>
      <c r="AV34" s="310">
        <v>2</v>
      </c>
      <c r="AW34" s="312">
        <v>0</v>
      </c>
      <c r="AX34" s="313">
        <v>14</v>
      </c>
      <c r="AY34" s="313">
        <v>16</v>
      </c>
      <c r="AZ34" s="313">
        <v>19</v>
      </c>
      <c r="BA34" s="313">
        <v>22</v>
      </c>
      <c r="BB34" s="313">
        <v>16</v>
      </c>
      <c r="BC34" s="314">
        <v>87</v>
      </c>
      <c r="BD34" s="315">
        <v>89</v>
      </c>
      <c r="BE34" s="309">
        <v>0</v>
      </c>
      <c r="BF34" s="313">
        <v>0</v>
      </c>
      <c r="BG34" s="310">
        <v>0</v>
      </c>
      <c r="BH34" s="312">
        <v>0</v>
      </c>
      <c r="BI34" s="313">
        <v>50</v>
      </c>
      <c r="BJ34" s="313">
        <v>49</v>
      </c>
      <c r="BK34" s="313">
        <v>18</v>
      </c>
      <c r="BL34" s="313">
        <v>16</v>
      </c>
      <c r="BM34" s="313">
        <v>2</v>
      </c>
      <c r="BN34" s="310">
        <v>135</v>
      </c>
      <c r="BO34" s="315">
        <v>135</v>
      </c>
      <c r="BP34" s="309">
        <v>0</v>
      </c>
      <c r="BQ34" s="313">
        <v>0</v>
      </c>
      <c r="BR34" s="310">
        <v>0</v>
      </c>
      <c r="BS34" s="312">
        <v>0</v>
      </c>
      <c r="BT34" s="313">
        <v>11</v>
      </c>
      <c r="BU34" s="313">
        <v>15</v>
      </c>
      <c r="BV34" s="313">
        <v>6</v>
      </c>
      <c r="BW34" s="313">
        <v>5</v>
      </c>
      <c r="BX34" s="313">
        <v>1</v>
      </c>
      <c r="BY34" s="310">
        <v>38</v>
      </c>
      <c r="BZ34" s="315">
        <v>38</v>
      </c>
      <c r="CA34" s="309">
        <v>1</v>
      </c>
      <c r="CB34" s="313">
        <v>1</v>
      </c>
      <c r="CC34" s="310">
        <v>2</v>
      </c>
      <c r="CD34" s="312">
        <v>0</v>
      </c>
      <c r="CE34" s="313">
        <v>4</v>
      </c>
      <c r="CF34" s="313">
        <v>12</v>
      </c>
      <c r="CG34" s="313">
        <v>9</v>
      </c>
      <c r="CH34" s="313">
        <v>5</v>
      </c>
      <c r="CI34" s="313">
        <v>1</v>
      </c>
      <c r="CJ34" s="310">
        <v>31</v>
      </c>
      <c r="CK34" s="315">
        <v>33</v>
      </c>
      <c r="CL34" s="309">
        <v>0</v>
      </c>
      <c r="CM34" s="313">
        <v>0</v>
      </c>
      <c r="CN34" s="310">
        <v>0</v>
      </c>
      <c r="CO34" s="312">
        <v>0</v>
      </c>
      <c r="CP34" s="313">
        <v>0</v>
      </c>
      <c r="CQ34" s="313">
        <v>2</v>
      </c>
      <c r="CR34" s="313">
        <v>1</v>
      </c>
      <c r="CS34" s="313">
        <v>4</v>
      </c>
      <c r="CT34" s="313">
        <v>2</v>
      </c>
      <c r="CU34" s="310">
        <v>9</v>
      </c>
      <c r="CV34" s="315">
        <v>9</v>
      </c>
      <c r="CW34" s="309">
        <v>0</v>
      </c>
      <c r="CX34" s="313">
        <v>0</v>
      </c>
      <c r="CY34" s="310">
        <v>0</v>
      </c>
      <c r="CZ34" s="312">
        <v>0</v>
      </c>
      <c r="DA34" s="313">
        <v>0</v>
      </c>
      <c r="DB34" s="313">
        <v>0</v>
      </c>
      <c r="DC34" s="313">
        <v>0</v>
      </c>
      <c r="DD34" s="313">
        <v>0</v>
      </c>
      <c r="DE34" s="313">
        <v>0</v>
      </c>
      <c r="DF34" s="310">
        <v>0</v>
      </c>
      <c r="DG34" s="315">
        <v>0</v>
      </c>
      <c r="DH34" s="309">
        <v>0</v>
      </c>
      <c r="DI34" s="313">
        <v>0</v>
      </c>
      <c r="DJ34" s="310">
        <v>0</v>
      </c>
      <c r="DK34" s="312">
        <v>0</v>
      </c>
      <c r="DL34" s="313">
        <v>0</v>
      </c>
      <c r="DM34" s="313">
        <v>0</v>
      </c>
      <c r="DN34" s="313">
        <v>0</v>
      </c>
      <c r="DO34" s="313">
        <v>0</v>
      </c>
      <c r="DP34" s="313">
        <v>0</v>
      </c>
      <c r="DQ34" s="310">
        <v>0</v>
      </c>
      <c r="DR34" s="315">
        <v>0</v>
      </c>
      <c r="DS34" s="309">
        <v>24</v>
      </c>
      <c r="DT34" s="313">
        <v>46</v>
      </c>
      <c r="DU34" s="310">
        <v>70</v>
      </c>
      <c r="DV34" s="312">
        <v>0</v>
      </c>
      <c r="DW34" s="313">
        <v>74</v>
      </c>
      <c r="DX34" s="313">
        <v>71</v>
      </c>
      <c r="DY34" s="313">
        <v>38</v>
      </c>
      <c r="DZ34" s="313">
        <v>31</v>
      </c>
      <c r="EA34" s="313">
        <v>17</v>
      </c>
      <c r="EB34" s="310">
        <v>231</v>
      </c>
      <c r="EC34" s="315">
        <v>301</v>
      </c>
      <c r="ED34" s="309">
        <v>3</v>
      </c>
      <c r="EE34" s="313">
        <v>1</v>
      </c>
      <c r="EF34" s="310">
        <v>4</v>
      </c>
      <c r="EG34" s="312">
        <v>0</v>
      </c>
      <c r="EH34" s="313">
        <v>4</v>
      </c>
      <c r="EI34" s="313">
        <v>6</v>
      </c>
      <c r="EJ34" s="313">
        <v>6</v>
      </c>
      <c r="EK34" s="313">
        <v>7</v>
      </c>
      <c r="EL34" s="313">
        <v>3</v>
      </c>
      <c r="EM34" s="310">
        <v>26</v>
      </c>
      <c r="EN34" s="315">
        <v>30</v>
      </c>
      <c r="EO34" s="309">
        <v>27</v>
      </c>
      <c r="EP34" s="313">
        <v>49</v>
      </c>
      <c r="EQ34" s="310">
        <v>76</v>
      </c>
      <c r="ER34" s="312">
        <v>0</v>
      </c>
      <c r="ES34" s="313">
        <v>147</v>
      </c>
      <c r="ET34" s="313">
        <v>113</v>
      </c>
      <c r="EU34" s="313">
        <v>44</v>
      </c>
      <c r="EV34" s="313">
        <v>32</v>
      </c>
      <c r="EW34" s="313">
        <v>18</v>
      </c>
      <c r="EX34" s="310">
        <v>354</v>
      </c>
      <c r="EY34" s="315">
        <v>430</v>
      </c>
    </row>
    <row r="35" spans="1:155" ht="19.5" customHeight="1" x14ac:dyDescent="0.2">
      <c r="A35" s="294" t="s">
        <v>33</v>
      </c>
      <c r="B35" s="309">
        <v>0</v>
      </c>
      <c r="C35" s="310">
        <v>0</v>
      </c>
      <c r="D35" s="311">
        <v>0</v>
      </c>
      <c r="E35" s="312">
        <v>0</v>
      </c>
      <c r="F35" s="313">
        <v>29</v>
      </c>
      <c r="G35" s="313">
        <v>18</v>
      </c>
      <c r="H35" s="313">
        <v>9</v>
      </c>
      <c r="I35" s="313">
        <v>8</v>
      </c>
      <c r="J35" s="313">
        <v>8</v>
      </c>
      <c r="K35" s="314">
        <v>72</v>
      </c>
      <c r="L35" s="315">
        <v>72</v>
      </c>
      <c r="M35" s="309">
        <v>0</v>
      </c>
      <c r="N35" s="313">
        <v>0</v>
      </c>
      <c r="O35" s="310">
        <v>0</v>
      </c>
      <c r="P35" s="312">
        <v>0</v>
      </c>
      <c r="Q35" s="313">
        <v>0</v>
      </c>
      <c r="R35" s="313">
        <v>1</v>
      </c>
      <c r="S35" s="313">
        <v>2</v>
      </c>
      <c r="T35" s="313">
        <v>2</v>
      </c>
      <c r="U35" s="313">
        <v>2</v>
      </c>
      <c r="V35" s="310">
        <v>7</v>
      </c>
      <c r="W35" s="315">
        <v>7</v>
      </c>
      <c r="X35" s="309">
        <v>0</v>
      </c>
      <c r="Y35" s="313">
        <v>1</v>
      </c>
      <c r="Z35" s="310">
        <v>1</v>
      </c>
      <c r="AA35" s="312">
        <v>0</v>
      </c>
      <c r="AB35" s="313">
        <v>13</v>
      </c>
      <c r="AC35" s="313">
        <v>8</v>
      </c>
      <c r="AD35" s="313">
        <v>6</v>
      </c>
      <c r="AE35" s="313">
        <v>8</v>
      </c>
      <c r="AF35" s="313">
        <v>7</v>
      </c>
      <c r="AG35" s="310">
        <v>42</v>
      </c>
      <c r="AH35" s="315">
        <v>43</v>
      </c>
      <c r="AI35" s="309">
        <v>4</v>
      </c>
      <c r="AJ35" s="313">
        <v>24</v>
      </c>
      <c r="AK35" s="310">
        <v>28</v>
      </c>
      <c r="AL35" s="312">
        <v>0</v>
      </c>
      <c r="AM35" s="313">
        <v>22</v>
      </c>
      <c r="AN35" s="313">
        <v>11</v>
      </c>
      <c r="AO35" s="313">
        <v>6</v>
      </c>
      <c r="AP35" s="313">
        <v>4</v>
      </c>
      <c r="AQ35" s="313">
        <v>1</v>
      </c>
      <c r="AR35" s="310">
        <v>44</v>
      </c>
      <c r="AS35" s="315">
        <v>72</v>
      </c>
      <c r="AT35" s="309">
        <v>5</v>
      </c>
      <c r="AU35" s="313">
        <v>8</v>
      </c>
      <c r="AV35" s="310">
        <v>13</v>
      </c>
      <c r="AW35" s="312">
        <v>0</v>
      </c>
      <c r="AX35" s="313">
        <v>23</v>
      </c>
      <c r="AY35" s="313">
        <v>29</v>
      </c>
      <c r="AZ35" s="313">
        <v>22</v>
      </c>
      <c r="BA35" s="313">
        <v>10</v>
      </c>
      <c r="BB35" s="313">
        <v>11</v>
      </c>
      <c r="BC35" s="314">
        <v>95</v>
      </c>
      <c r="BD35" s="315">
        <v>108</v>
      </c>
      <c r="BE35" s="309">
        <v>0</v>
      </c>
      <c r="BF35" s="313">
        <v>0</v>
      </c>
      <c r="BG35" s="310">
        <v>0</v>
      </c>
      <c r="BH35" s="312">
        <v>0</v>
      </c>
      <c r="BI35" s="313">
        <v>13</v>
      </c>
      <c r="BJ35" s="313">
        <v>5</v>
      </c>
      <c r="BK35" s="313">
        <v>3</v>
      </c>
      <c r="BL35" s="313">
        <v>6</v>
      </c>
      <c r="BM35" s="313">
        <v>2</v>
      </c>
      <c r="BN35" s="310">
        <v>29</v>
      </c>
      <c r="BO35" s="315">
        <v>29</v>
      </c>
      <c r="BP35" s="309">
        <v>8</v>
      </c>
      <c r="BQ35" s="313">
        <v>12</v>
      </c>
      <c r="BR35" s="310">
        <v>20</v>
      </c>
      <c r="BS35" s="312">
        <v>0</v>
      </c>
      <c r="BT35" s="313">
        <v>23</v>
      </c>
      <c r="BU35" s="313">
        <v>23</v>
      </c>
      <c r="BV35" s="313">
        <v>5</v>
      </c>
      <c r="BW35" s="313">
        <v>0</v>
      </c>
      <c r="BX35" s="313">
        <v>2</v>
      </c>
      <c r="BY35" s="310">
        <v>53</v>
      </c>
      <c r="BZ35" s="315">
        <v>73</v>
      </c>
      <c r="CA35" s="309">
        <v>0</v>
      </c>
      <c r="CB35" s="313">
        <v>0</v>
      </c>
      <c r="CC35" s="310">
        <v>0</v>
      </c>
      <c r="CD35" s="312">
        <v>0</v>
      </c>
      <c r="CE35" s="313">
        <v>1</v>
      </c>
      <c r="CF35" s="313">
        <v>3</v>
      </c>
      <c r="CG35" s="313">
        <v>3</v>
      </c>
      <c r="CH35" s="313">
        <v>4</v>
      </c>
      <c r="CI35" s="313">
        <v>1</v>
      </c>
      <c r="CJ35" s="310">
        <v>12</v>
      </c>
      <c r="CK35" s="315">
        <v>12</v>
      </c>
      <c r="CL35" s="309">
        <v>0</v>
      </c>
      <c r="CM35" s="313">
        <v>0</v>
      </c>
      <c r="CN35" s="310">
        <v>0</v>
      </c>
      <c r="CO35" s="312">
        <v>0</v>
      </c>
      <c r="CP35" s="313">
        <v>2</v>
      </c>
      <c r="CQ35" s="313">
        <v>3</v>
      </c>
      <c r="CR35" s="313">
        <v>3</v>
      </c>
      <c r="CS35" s="313">
        <v>0</v>
      </c>
      <c r="CT35" s="313">
        <v>0</v>
      </c>
      <c r="CU35" s="310">
        <v>8</v>
      </c>
      <c r="CV35" s="315">
        <v>8</v>
      </c>
      <c r="CW35" s="309">
        <v>0</v>
      </c>
      <c r="CX35" s="313">
        <v>0</v>
      </c>
      <c r="CY35" s="310">
        <v>0</v>
      </c>
      <c r="CZ35" s="312">
        <v>0</v>
      </c>
      <c r="DA35" s="313">
        <v>0</v>
      </c>
      <c r="DB35" s="313">
        <v>0</v>
      </c>
      <c r="DC35" s="313">
        <v>0</v>
      </c>
      <c r="DD35" s="313">
        <v>0</v>
      </c>
      <c r="DE35" s="313">
        <v>0</v>
      </c>
      <c r="DF35" s="310">
        <v>0</v>
      </c>
      <c r="DG35" s="315">
        <v>0</v>
      </c>
      <c r="DH35" s="309">
        <v>0</v>
      </c>
      <c r="DI35" s="313">
        <v>0</v>
      </c>
      <c r="DJ35" s="310">
        <v>0</v>
      </c>
      <c r="DK35" s="312">
        <v>0</v>
      </c>
      <c r="DL35" s="313">
        <v>0</v>
      </c>
      <c r="DM35" s="313">
        <v>0</v>
      </c>
      <c r="DN35" s="313">
        <v>0</v>
      </c>
      <c r="DO35" s="313">
        <v>0</v>
      </c>
      <c r="DP35" s="313">
        <v>0</v>
      </c>
      <c r="DQ35" s="310">
        <v>0</v>
      </c>
      <c r="DR35" s="315">
        <v>0</v>
      </c>
      <c r="DS35" s="309">
        <v>23</v>
      </c>
      <c r="DT35" s="313">
        <v>37</v>
      </c>
      <c r="DU35" s="310">
        <v>60</v>
      </c>
      <c r="DV35" s="312">
        <v>0</v>
      </c>
      <c r="DW35" s="313">
        <v>54</v>
      </c>
      <c r="DX35" s="313">
        <v>49</v>
      </c>
      <c r="DY35" s="313">
        <v>21</v>
      </c>
      <c r="DZ35" s="313">
        <v>18</v>
      </c>
      <c r="EA35" s="313">
        <v>15</v>
      </c>
      <c r="EB35" s="310">
        <v>157</v>
      </c>
      <c r="EC35" s="315">
        <v>217</v>
      </c>
      <c r="ED35" s="309">
        <v>4</v>
      </c>
      <c r="EE35" s="313">
        <v>6</v>
      </c>
      <c r="EF35" s="310">
        <v>10</v>
      </c>
      <c r="EG35" s="312">
        <v>0</v>
      </c>
      <c r="EH35" s="313">
        <v>11</v>
      </c>
      <c r="EI35" s="313">
        <v>16</v>
      </c>
      <c r="EJ35" s="313">
        <v>11</v>
      </c>
      <c r="EK35" s="313">
        <v>6</v>
      </c>
      <c r="EL35" s="313">
        <v>4</v>
      </c>
      <c r="EM35" s="310">
        <v>48</v>
      </c>
      <c r="EN35" s="315">
        <v>58</v>
      </c>
      <c r="EO35" s="309">
        <v>33</v>
      </c>
      <c r="EP35" s="313">
        <v>54</v>
      </c>
      <c r="EQ35" s="310">
        <v>87</v>
      </c>
      <c r="ER35" s="312">
        <v>0</v>
      </c>
      <c r="ES35" s="313">
        <v>106</v>
      </c>
      <c r="ET35" s="313">
        <v>64</v>
      </c>
      <c r="EU35" s="313">
        <v>23</v>
      </c>
      <c r="EV35" s="313">
        <v>17</v>
      </c>
      <c r="EW35" s="313">
        <v>14</v>
      </c>
      <c r="EX35" s="310">
        <v>224</v>
      </c>
      <c r="EY35" s="315">
        <v>311</v>
      </c>
    </row>
    <row r="36" spans="1:155" ht="19.5" customHeight="1" x14ac:dyDescent="0.2">
      <c r="A36" s="294" t="s">
        <v>34</v>
      </c>
      <c r="B36" s="309">
        <v>0</v>
      </c>
      <c r="C36" s="310">
        <v>0</v>
      </c>
      <c r="D36" s="311">
        <v>0</v>
      </c>
      <c r="E36" s="312">
        <v>0</v>
      </c>
      <c r="F36" s="313">
        <v>17</v>
      </c>
      <c r="G36" s="313">
        <v>9</v>
      </c>
      <c r="H36" s="313">
        <v>3</v>
      </c>
      <c r="I36" s="313">
        <v>6</v>
      </c>
      <c r="J36" s="313">
        <v>5</v>
      </c>
      <c r="K36" s="314">
        <v>40</v>
      </c>
      <c r="L36" s="315">
        <v>40</v>
      </c>
      <c r="M36" s="309">
        <v>0</v>
      </c>
      <c r="N36" s="313">
        <v>0</v>
      </c>
      <c r="O36" s="310">
        <v>0</v>
      </c>
      <c r="P36" s="312">
        <v>0</v>
      </c>
      <c r="Q36" s="313">
        <v>0</v>
      </c>
      <c r="R36" s="313">
        <v>0</v>
      </c>
      <c r="S36" s="313">
        <v>0</v>
      </c>
      <c r="T36" s="313">
        <v>1</v>
      </c>
      <c r="U36" s="313">
        <v>5</v>
      </c>
      <c r="V36" s="310">
        <v>6</v>
      </c>
      <c r="W36" s="315">
        <v>6</v>
      </c>
      <c r="X36" s="309">
        <v>0</v>
      </c>
      <c r="Y36" s="313">
        <v>2</v>
      </c>
      <c r="Z36" s="310">
        <v>2</v>
      </c>
      <c r="AA36" s="312">
        <v>0</v>
      </c>
      <c r="AB36" s="313">
        <v>8</v>
      </c>
      <c r="AC36" s="313">
        <v>10</v>
      </c>
      <c r="AD36" s="313">
        <v>2</v>
      </c>
      <c r="AE36" s="313">
        <v>0</v>
      </c>
      <c r="AF36" s="313">
        <v>6</v>
      </c>
      <c r="AG36" s="310">
        <v>26</v>
      </c>
      <c r="AH36" s="315">
        <v>28</v>
      </c>
      <c r="AI36" s="309">
        <v>0</v>
      </c>
      <c r="AJ36" s="313">
        <v>2</v>
      </c>
      <c r="AK36" s="310">
        <v>2</v>
      </c>
      <c r="AL36" s="312">
        <v>0</v>
      </c>
      <c r="AM36" s="313">
        <v>8</v>
      </c>
      <c r="AN36" s="313">
        <v>4</v>
      </c>
      <c r="AO36" s="313">
        <v>0</v>
      </c>
      <c r="AP36" s="313">
        <v>1</v>
      </c>
      <c r="AQ36" s="313">
        <v>1</v>
      </c>
      <c r="AR36" s="310">
        <v>14</v>
      </c>
      <c r="AS36" s="315">
        <v>16</v>
      </c>
      <c r="AT36" s="309">
        <v>3</v>
      </c>
      <c r="AU36" s="313">
        <v>5</v>
      </c>
      <c r="AV36" s="310">
        <v>8</v>
      </c>
      <c r="AW36" s="312">
        <v>0</v>
      </c>
      <c r="AX36" s="313">
        <v>27</v>
      </c>
      <c r="AY36" s="313">
        <v>20</v>
      </c>
      <c r="AZ36" s="313">
        <v>20</v>
      </c>
      <c r="BA36" s="313">
        <v>14</v>
      </c>
      <c r="BB36" s="313">
        <v>15</v>
      </c>
      <c r="BC36" s="314">
        <v>96</v>
      </c>
      <c r="BD36" s="315">
        <v>104</v>
      </c>
      <c r="BE36" s="309">
        <v>0</v>
      </c>
      <c r="BF36" s="313">
        <v>0</v>
      </c>
      <c r="BG36" s="310">
        <v>0</v>
      </c>
      <c r="BH36" s="312">
        <v>0</v>
      </c>
      <c r="BI36" s="313">
        <v>37</v>
      </c>
      <c r="BJ36" s="313">
        <v>16</v>
      </c>
      <c r="BK36" s="313">
        <v>13</v>
      </c>
      <c r="BL36" s="313">
        <v>8</v>
      </c>
      <c r="BM36" s="313">
        <v>3</v>
      </c>
      <c r="BN36" s="310">
        <v>77</v>
      </c>
      <c r="BO36" s="315">
        <v>77</v>
      </c>
      <c r="BP36" s="309">
        <v>1</v>
      </c>
      <c r="BQ36" s="313">
        <v>8</v>
      </c>
      <c r="BR36" s="310">
        <v>9</v>
      </c>
      <c r="BS36" s="312">
        <v>0</v>
      </c>
      <c r="BT36" s="313">
        <v>11</v>
      </c>
      <c r="BU36" s="313">
        <v>7</v>
      </c>
      <c r="BV36" s="313">
        <v>3</v>
      </c>
      <c r="BW36" s="313">
        <v>5</v>
      </c>
      <c r="BX36" s="313">
        <v>1</v>
      </c>
      <c r="BY36" s="310">
        <v>27</v>
      </c>
      <c r="BZ36" s="315">
        <v>36</v>
      </c>
      <c r="CA36" s="309">
        <v>0</v>
      </c>
      <c r="CB36" s="313">
        <v>0</v>
      </c>
      <c r="CC36" s="310">
        <v>0</v>
      </c>
      <c r="CD36" s="312">
        <v>0</v>
      </c>
      <c r="CE36" s="313">
        <v>5</v>
      </c>
      <c r="CF36" s="313">
        <v>0</v>
      </c>
      <c r="CG36" s="313">
        <v>2</v>
      </c>
      <c r="CH36" s="313">
        <v>4</v>
      </c>
      <c r="CI36" s="313">
        <v>0</v>
      </c>
      <c r="CJ36" s="310">
        <v>11</v>
      </c>
      <c r="CK36" s="315">
        <v>11</v>
      </c>
      <c r="CL36" s="309">
        <v>0</v>
      </c>
      <c r="CM36" s="313">
        <v>0</v>
      </c>
      <c r="CN36" s="310">
        <v>0</v>
      </c>
      <c r="CO36" s="312">
        <v>0</v>
      </c>
      <c r="CP36" s="313">
        <v>0</v>
      </c>
      <c r="CQ36" s="313">
        <v>1</v>
      </c>
      <c r="CR36" s="313">
        <v>0</v>
      </c>
      <c r="CS36" s="313">
        <v>0</v>
      </c>
      <c r="CT36" s="313">
        <v>0</v>
      </c>
      <c r="CU36" s="310">
        <v>1</v>
      </c>
      <c r="CV36" s="315">
        <v>1</v>
      </c>
      <c r="CW36" s="309">
        <v>0</v>
      </c>
      <c r="CX36" s="313">
        <v>0</v>
      </c>
      <c r="CY36" s="310">
        <v>0</v>
      </c>
      <c r="CZ36" s="312">
        <v>0</v>
      </c>
      <c r="DA36" s="313">
        <v>0</v>
      </c>
      <c r="DB36" s="313">
        <v>0</v>
      </c>
      <c r="DC36" s="313">
        <v>0</v>
      </c>
      <c r="DD36" s="313">
        <v>0</v>
      </c>
      <c r="DE36" s="313">
        <v>0</v>
      </c>
      <c r="DF36" s="310">
        <v>0</v>
      </c>
      <c r="DG36" s="315">
        <v>0</v>
      </c>
      <c r="DH36" s="309">
        <v>0</v>
      </c>
      <c r="DI36" s="313">
        <v>0</v>
      </c>
      <c r="DJ36" s="310">
        <v>0</v>
      </c>
      <c r="DK36" s="312">
        <v>0</v>
      </c>
      <c r="DL36" s="313">
        <v>0</v>
      </c>
      <c r="DM36" s="313">
        <v>0</v>
      </c>
      <c r="DN36" s="313">
        <v>0</v>
      </c>
      <c r="DO36" s="313">
        <v>0</v>
      </c>
      <c r="DP36" s="313">
        <v>0</v>
      </c>
      <c r="DQ36" s="310">
        <v>0</v>
      </c>
      <c r="DR36" s="315">
        <v>0</v>
      </c>
      <c r="DS36" s="309">
        <v>14</v>
      </c>
      <c r="DT36" s="313">
        <v>19</v>
      </c>
      <c r="DU36" s="310">
        <v>33</v>
      </c>
      <c r="DV36" s="312">
        <v>0</v>
      </c>
      <c r="DW36" s="313">
        <v>55</v>
      </c>
      <c r="DX36" s="313">
        <v>37</v>
      </c>
      <c r="DY36" s="313">
        <v>20</v>
      </c>
      <c r="DZ36" s="313">
        <v>20</v>
      </c>
      <c r="EA36" s="313">
        <v>14</v>
      </c>
      <c r="EB36" s="310">
        <v>146</v>
      </c>
      <c r="EC36" s="315">
        <v>179</v>
      </c>
      <c r="ED36" s="309">
        <v>2</v>
      </c>
      <c r="EE36" s="313">
        <v>1</v>
      </c>
      <c r="EF36" s="310">
        <v>3</v>
      </c>
      <c r="EG36" s="312">
        <v>0</v>
      </c>
      <c r="EH36" s="313">
        <v>8</v>
      </c>
      <c r="EI36" s="313">
        <v>7</v>
      </c>
      <c r="EJ36" s="313">
        <v>6</v>
      </c>
      <c r="EK36" s="313">
        <v>4</v>
      </c>
      <c r="EL36" s="313">
        <v>1</v>
      </c>
      <c r="EM36" s="310">
        <v>26</v>
      </c>
      <c r="EN36" s="315">
        <v>29</v>
      </c>
      <c r="EO36" s="309">
        <v>14</v>
      </c>
      <c r="EP36" s="313">
        <v>28</v>
      </c>
      <c r="EQ36" s="310">
        <v>42</v>
      </c>
      <c r="ER36" s="312">
        <v>0</v>
      </c>
      <c r="ES36" s="313">
        <v>84</v>
      </c>
      <c r="ET36" s="313">
        <v>43</v>
      </c>
      <c r="EU36" s="313">
        <v>25</v>
      </c>
      <c r="EV36" s="313">
        <v>17</v>
      </c>
      <c r="EW36" s="313">
        <v>13</v>
      </c>
      <c r="EX36" s="310">
        <v>182</v>
      </c>
      <c r="EY36" s="315">
        <v>224</v>
      </c>
    </row>
    <row r="37" spans="1:155" ht="19.5" customHeight="1" x14ac:dyDescent="0.2">
      <c r="A37" s="294" t="s">
        <v>35</v>
      </c>
      <c r="B37" s="309">
        <v>0</v>
      </c>
      <c r="C37" s="310">
        <v>0</v>
      </c>
      <c r="D37" s="311">
        <v>0</v>
      </c>
      <c r="E37" s="312">
        <v>0</v>
      </c>
      <c r="F37" s="313">
        <v>103</v>
      </c>
      <c r="G37" s="313">
        <v>64</v>
      </c>
      <c r="H37" s="313">
        <v>29</v>
      </c>
      <c r="I37" s="313">
        <v>29</v>
      </c>
      <c r="J37" s="313">
        <v>16</v>
      </c>
      <c r="K37" s="314">
        <v>241</v>
      </c>
      <c r="L37" s="315">
        <v>241</v>
      </c>
      <c r="M37" s="309">
        <v>0</v>
      </c>
      <c r="N37" s="313">
        <v>0</v>
      </c>
      <c r="O37" s="310">
        <v>0</v>
      </c>
      <c r="P37" s="312">
        <v>0</v>
      </c>
      <c r="Q37" s="313">
        <v>0</v>
      </c>
      <c r="R37" s="313">
        <v>3</v>
      </c>
      <c r="S37" s="313">
        <v>4</v>
      </c>
      <c r="T37" s="313">
        <v>10</v>
      </c>
      <c r="U37" s="313">
        <v>8</v>
      </c>
      <c r="V37" s="310">
        <v>25</v>
      </c>
      <c r="W37" s="315">
        <v>25</v>
      </c>
      <c r="X37" s="309">
        <v>2</v>
      </c>
      <c r="Y37" s="313">
        <v>6</v>
      </c>
      <c r="Z37" s="310">
        <v>8</v>
      </c>
      <c r="AA37" s="312">
        <v>0</v>
      </c>
      <c r="AB37" s="313">
        <v>34</v>
      </c>
      <c r="AC37" s="313">
        <v>35</v>
      </c>
      <c r="AD37" s="313">
        <v>14</v>
      </c>
      <c r="AE37" s="313">
        <v>19</v>
      </c>
      <c r="AF37" s="313">
        <v>7</v>
      </c>
      <c r="AG37" s="310">
        <v>109</v>
      </c>
      <c r="AH37" s="315">
        <v>117</v>
      </c>
      <c r="AI37" s="309">
        <v>1</v>
      </c>
      <c r="AJ37" s="313">
        <v>4</v>
      </c>
      <c r="AK37" s="310">
        <v>5</v>
      </c>
      <c r="AL37" s="312">
        <v>0</v>
      </c>
      <c r="AM37" s="313">
        <v>20</v>
      </c>
      <c r="AN37" s="313">
        <v>14</v>
      </c>
      <c r="AO37" s="313">
        <v>6</v>
      </c>
      <c r="AP37" s="313">
        <v>6</v>
      </c>
      <c r="AQ37" s="313">
        <v>3</v>
      </c>
      <c r="AR37" s="310">
        <v>49</v>
      </c>
      <c r="AS37" s="315">
        <v>54</v>
      </c>
      <c r="AT37" s="309">
        <v>20</v>
      </c>
      <c r="AU37" s="313">
        <v>28</v>
      </c>
      <c r="AV37" s="310">
        <v>48</v>
      </c>
      <c r="AW37" s="312">
        <v>0</v>
      </c>
      <c r="AX37" s="313">
        <v>78</v>
      </c>
      <c r="AY37" s="313">
        <v>89</v>
      </c>
      <c r="AZ37" s="313">
        <v>79</v>
      </c>
      <c r="BA37" s="313">
        <v>78</v>
      </c>
      <c r="BB37" s="313">
        <v>29</v>
      </c>
      <c r="BC37" s="314">
        <v>353</v>
      </c>
      <c r="BD37" s="315">
        <v>401</v>
      </c>
      <c r="BE37" s="309">
        <v>0</v>
      </c>
      <c r="BF37" s="313">
        <v>0</v>
      </c>
      <c r="BG37" s="310">
        <v>0</v>
      </c>
      <c r="BH37" s="312">
        <v>0</v>
      </c>
      <c r="BI37" s="313">
        <v>137</v>
      </c>
      <c r="BJ37" s="313">
        <v>85</v>
      </c>
      <c r="BK37" s="313">
        <v>56</v>
      </c>
      <c r="BL37" s="313">
        <v>24</v>
      </c>
      <c r="BM37" s="313">
        <v>10</v>
      </c>
      <c r="BN37" s="310">
        <v>312</v>
      </c>
      <c r="BO37" s="315">
        <v>312</v>
      </c>
      <c r="BP37" s="309">
        <v>12</v>
      </c>
      <c r="BQ37" s="313">
        <v>30</v>
      </c>
      <c r="BR37" s="310">
        <v>42</v>
      </c>
      <c r="BS37" s="312">
        <v>0</v>
      </c>
      <c r="BT37" s="313">
        <v>61</v>
      </c>
      <c r="BU37" s="313">
        <v>34</v>
      </c>
      <c r="BV37" s="313">
        <v>16</v>
      </c>
      <c r="BW37" s="313">
        <v>13</v>
      </c>
      <c r="BX37" s="313">
        <v>1</v>
      </c>
      <c r="BY37" s="310">
        <v>125</v>
      </c>
      <c r="BZ37" s="315">
        <v>167</v>
      </c>
      <c r="CA37" s="309">
        <v>0</v>
      </c>
      <c r="CB37" s="313">
        <v>0</v>
      </c>
      <c r="CC37" s="310">
        <v>0</v>
      </c>
      <c r="CD37" s="312">
        <v>0</v>
      </c>
      <c r="CE37" s="313">
        <v>2</v>
      </c>
      <c r="CF37" s="313">
        <v>10</v>
      </c>
      <c r="CG37" s="313">
        <v>12</v>
      </c>
      <c r="CH37" s="313">
        <v>8</v>
      </c>
      <c r="CI37" s="313">
        <v>2</v>
      </c>
      <c r="CJ37" s="310">
        <v>34</v>
      </c>
      <c r="CK37" s="315">
        <v>34</v>
      </c>
      <c r="CL37" s="309">
        <v>0</v>
      </c>
      <c r="CM37" s="313">
        <v>0</v>
      </c>
      <c r="CN37" s="310">
        <v>0</v>
      </c>
      <c r="CO37" s="312">
        <v>0</v>
      </c>
      <c r="CP37" s="313">
        <v>2</v>
      </c>
      <c r="CQ37" s="313">
        <v>3</v>
      </c>
      <c r="CR37" s="313">
        <v>0</v>
      </c>
      <c r="CS37" s="313">
        <v>3</v>
      </c>
      <c r="CT37" s="313">
        <v>0</v>
      </c>
      <c r="CU37" s="310">
        <v>8</v>
      </c>
      <c r="CV37" s="315">
        <v>8</v>
      </c>
      <c r="CW37" s="309">
        <v>0</v>
      </c>
      <c r="CX37" s="313">
        <v>0</v>
      </c>
      <c r="CY37" s="310">
        <v>0</v>
      </c>
      <c r="CZ37" s="312">
        <v>0</v>
      </c>
      <c r="DA37" s="313">
        <v>0</v>
      </c>
      <c r="DB37" s="313">
        <v>0</v>
      </c>
      <c r="DC37" s="313">
        <v>0</v>
      </c>
      <c r="DD37" s="313">
        <v>0</v>
      </c>
      <c r="DE37" s="313">
        <v>0</v>
      </c>
      <c r="DF37" s="310">
        <v>0</v>
      </c>
      <c r="DG37" s="315">
        <v>0</v>
      </c>
      <c r="DH37" s="309">
        <v>0</v>
      </c>
      <c r="DI37" s="313">
        <v>0</v>
      </c>
      <c r="DJ37" s="310">
        <v>0</v>
      </c>
      <c r="DK37" s="312">
        <v>0</v>
      </c>
      <c r="DL37" s="313">
        <v>0</v>
      </c>
      <c r="DM37" s="313">
        <v>0</v>
      </c>
      <c r="DN37" s="313">
        <v>0</v>
      </c>
      <c r="DO37" s="313">
        <v>0</v>
      </c>
      <c r="DP37" s="313">
        <v>0</v>
      </c>
      <c r="DQ37" s="310">
        <v>0</v>
      </c>
      <c r="DR37" s="315">
        <v>0</v>
      </c>
      <c r="DS37" s="309">
        <v>26</v>
      </c>
      <c r="DT37" s="313">
        <v>76</v>
      </c>
      <c r="DU37" s="310">
        <v>102</v>
      </c>
      <c r="DV37" s="312">
        <v>0</v>
      </c>
      <c r="DW37" s="313">
        <v>151</v>
      </c>
      <c r="DX37" s="313">
        <v>147</v>
      </c>
      <c r="DY37" s="313">
        <v>82</v>
      </c>
      <c r="DZ37" s="313">
        <v>63</v>
      </c>
      <c r="EA37" s="313">
        <v>24</v>
      </c>
      <c r="EB37" s="310">
        <v>467</v>
      </c>
      <c r="EC37" s="315">
        <v>569</v>
      </c>
      <c r="ED37" s="309">
        <v>18</v>
      </c>
      <c r="EE37" s="313">
        <v>18</v>
      </c>
      <c r="EF37" s="310">
        <v>36</v>
      </c>
      <c r="EG37" s="312">
        <v>0</v>
      </c>
      <c r="EH37" s="313">
        <v>38</v>
      </c>
      <c r="EI37" s="313">
        <v>30</v>
      </c>
      <c r="EJ37" s="313">
        <v>23</v>
      </c>
      <c r="EK37" s="313">
        <v>28</v>
      </c>
      <c r="EL37" s="313">
        <v>8</v>
      </c>
      <c r="EM37" s="310">
        <v>127</v>
      </c>
      <c r="EN37" s="315">
        <v>163</v>
      </c>
      <c r="EO37" s="309">
        <v>37</v>
      </c>
      <c r="EP37" s="313">
        <v>97</v>
      </c>
      <c r="EQ37" s="310">
        <v>134</v>
      </c>
      <c r="ER37" s="312">
        <v>0</v>
      </c>
      <c r="ES37" s="313">
        <v>295</v>
      </c>
      <c r="ET37" s="313">
        <v>196</v>
      </c>
      <c r="EU37" s="313">
        <v>99</v>
      </c>
      <c r="EV37" s="313">
        <v>72</v>
      </c>
      <c r="EW37" s="313">
        <v>27</v>
      </c>
      <c r="EX37" s="310">
        <v>689</v>
      </c>
      <c r="EY37" s="315">
        <v>823</v>
      </c>
    </row>
    <row r="38" spans="1:155" ht="19.5" customHeight="1" x14ac:dyDescent="0.2">
      <c r="A38" s="294" t="s">
        <v>36</v>
      </c>
      <c r="B38" s="309">
        <v>0</v>
      </c>
      <c r="C38" s="310">
        <v>0</v>
      </c>
      <c r="D38" s="311">
        <v>0</v>
      </c>
      <c r="E38" s="312">
        <v>0</v>
      </c>
      <c r="F38" s="313">
        <v>63</v>
      </c>
      <c r="G38" s="313">
        <v>63</v>
      </c>
      <c r="H38" s="313">
        <v>36</v>
      </c>
      <c r="I38" s="313">
        <v>38</v>
      </c>
      <c r="J38" s="313">
        <v>22</v>
      </c>
      <c r="K38" s="314">
        <v>222</v>
      </c>
      <c r="L38" s="315">
        <v>222</v>
      </c>
      <c r="M38" s="309">
        <v>0</v>
      </c>
      <c r="N38" s="313">
        <v>1</v>
      </c>
      <c r="O38" s="310">
        <v>1</v>
      </c>
      <c r="P38" s="312">
        <v>0</v>
      </c>
      <c r="Q38" s="313">
        <v>4</v>
      </c>
      <c r="R38" s="313">
        <v>6</v>
      </c>
      <c r="S38" s="313">
        <v>4</v>
      </c>
      <c r="T38" s="313">
        <v>11</v>
      </c>
      <c r="U38" s="313">
        <v>15</v>
      </c>
      <c r="V38" s="310">
        <v>40</v>
      </c>
      <c r="W38" s="315">
        <v>41</v>
      </c>
      <c r="X38" s="309">
        <v>14</v>
      </c>
      <c r="Y38" s="313">
        <v>22</v>
      </c>
      <c r="Z38" s="310">
        <v>36</v>
      </c>
      <c r="AA38" s="312">
        <v>0</v>
      </c>
      <c r="AB38" s="313">
        <v>47</v>
      </c>
      <c r="AC38" s="313">
        <v>60</v>
      </c>
      <c r="AD38" s="313">
        <v>35</v>
      </c>
      <c r="AE38" s="313">
        <v>34</v>
      </c>
      <c r="AF38" s="313">
        <v>27</v>
      </c>
      <c r="AG38" s="310">
        <v>203</v>
      </c>
      <c r="AH38" s="315">
        <v>239</v>
      </c>
      <c r="AI38" s="309">
        <v>1</v>
      </c>
      <c r="AJ38" s="313">
        <v>0</v>
      </c>
      <c r="AK38" s="310">
        <v>1</v>
      </c>
      <c r="AL38" s="312">
        <v>0</v>
      </c>
      <c r="AM38" s="313">
        <v>0</v>
      </c>
      <c r="AN38" s="313">
        <v>1</v>
      </c>
      <c r="AO38" s="313">
        <v>1</v>
      </c>
      <c r="AP38" s="313">
        <v>3</v>
      </c>
      <c r="AQ38" s="313">
        <v>1</v>
      </c>
      <c r="AR38" s="310">
        <v>6</v>
      </c>
      <c r="AS38" s="315">
        <v>7</v>
      </c>
      <c r="AT38" s="309">
        <v>4</v>
      </c>
      <c r="AU38" s="313">
        <v>6</v>
      </c>
      <c r="AV38" s="310">
        <v>10</v>
      </c>
      <c r="AW38" s="312">
        <v>0</v>
      </c>
      <c r="AX38" s="313">
        <v>31</v>
      </c>
      <c r="AY38" s="313">
        <v>57</v>
      </c>
      <c r="AZ38" s="313">
        <v>73</v>
      </c>
      <c r="BA38" s="313">
        <v>53</v>
      </c>
      <c r="BB38" s="313">
        <v>45</v>
      </c>
      <c r="BC38" s="314">
        <v>259</v>
      </c>
      <c r="BD38" s="315">
        <v>269</v>
      </c>
      <c r="BE38" s="309">
        <v>0</v>
      </c>
      <c r="BF38" s="313">
        <v>0</v>
      </c>
      <c r="BG38" s="310">
        <v>0</v>
      </c>
      <c r="BH38" s="312">
        <v>0</v>
      </c>
      <c r="BI38" s="313">
        <v>96</v>
      </c>
      <c r="BJ38" s="313">
        <v>87</v>
      </c>
      <c r="BK38" s="313">
        <v>54</v>
      </c>
      <c r="BL38" s="313">
        <v>30</v>
      </c>
      <c r="BM38" s="313">
        <v>13</v>
      </c>
      <c r="BN38" s="310">
        <v>280</v>
      </c>
      <c r="BO38" s="315">
        <v>280</v>
      </c>
      <c r="BP38" s="309">
        <v>5</v>
      </c>
      <c r="BQ38" s="313">
        <v>10</v>
      </c>
      <c r="BR38" s="310">
        <v>15</v>
      </c>
      <c r="BS38" s="312">
        <v>0</v>
      </c>
      <c r="BT38" s="313">
        <v>25</v>
      </c>
      <c r="BU38" s="313">
        <v>27</v>
      </c>
      <c r="BV38" s="313">
        <v>15</v>
      </c>
      <c r="BW38" s="313">
        <v>6</v>
      </c>
      <c r="BX38" s="313">
        <v>1</v>
      </c>
      <c r="BY38" s="310">
        <v>74</v>
      </c>
      <c r="BZ38" s="315">
        <v>89</v>
      </c>
      <c r="CA38" s="309">
        <v>0</v>
      </c>
      <c r="CB38" s="313">
        <v>0</v>
      </c>
      <c r="CC38" s="310">
        <v>0</v>
      </c>
      <c r="CD38" s="312">
        <v>0</v>
      </c>
      <c r="CE38" s="313">
        <v>15</v>
      </c>
      <c r="CF38" s="313">
        <v>20</v>
      </c>
      <c r="CG38" s="313">
        <v>25</v>
      </c>
      <c r="CH38" s="313">
        <v>20</v>
      </c>
      <c r="CI38" s="313">
        <v>13</v>
      </c>
      <c r="CJ38" s="310">
        <v>93</v>
      </c>
      <c r="CK38" s="315">
        <v>93</v>
      </c>
      <c r="CL38" s="309">
        <v>0</v>
      </c>
      <c r="CM38" s="313">
        <v>0</v>
      </c>
      <c r="CN38" s="310">
        <v>0</v>
      </c>
      <c r="CO38" s="312">
        <v>0</v>
      </c>
      <c r="CP38" s="313">
        <v>0</v>
      </c>
      <c r="CQ38" s="313">
        <v>2</v>
      </c>
      <c r="CR38" s="313">
        <v>1</v>
      </c>
      <c r="CS38" s="313">
        <v>1</v>
      </c>
      <c r="CT38" s="313">
        <v>0</v>
      </c>
      <c r="CU38" s="310">
        <v>4</v>
      </c>
      <c r="CV38" s="315">
        <v>4</v>
      </c>
      <c r="CW38" s="309">
        <v>0</v>
      </c>
      <c r="CX38" s="313">
        <v>0</v>
      </c>
      <c r="CY38" s="310">
        <v>0</v>
      </c>
      <c r="CZ38" s="312">
        <v>0</v>
      </c>
      <c r="DA38" s="313">
        <v>0</v>
      </c>
      <c r="DB38" s="313">
        <v>0</v>
      </c>
      <c r="DC38" s="313">
        <v>0</v>
      </c>
      <c r="DD38" s="313">
        <v>0</v>
      </c>
      <c r="DE38" s="313">
        <v>0</v>
      </c>
      <c r="DF38" s="310">
        <v>0</v>
      </c>
      <c r="DG38" s="315">
        <v>0</v>
      </c>
      <c r="DH38" s="309">
        <v>0</v>
      </c>
      <c r="DI38" s="313">
        <v>0</v>
      </c>
      <c r="DJ38" s="310">
        <v>0</v>
      </c>
      <c r="DK38" s="312">
        <v>0</v>
      </c>
      <c r="DL38" s="313">
        <v>0</v>
      </c>
      <c r="DM38" s="313">
        <v>0</v>
      </c>
      <c r="DN38" s="313">
        <v>0</v>
      </c>
      <c r="DO38" s="313">
        <v>0</v>
      </c>
      <c r="DP38" s="313">
        <v>0</v>
      </c>
      <c r="DQ38" s="310">
        <v>0</v>
      </c>
      <c r="DR38" s="315">
        <v>0</v>
      </c>
      <c r="DS38" s="309">
        <v>31</v>
      </c>
      <c r="DT38" s="313">
        <v>84</v>
      </c>
      <c r="DU38" s="310">
        <v>115</v>
      </c>
      <c r="DV38" s="312">
        <v>0</v>
      </c>
      <c r="DW38" s="313">
        <v>148</v>
      </c>
      <c r="DX38" s="313">
        <v>154</v>
      </c>
      <c r="DY38" s="313">
        <v>105</v>
      </c>
      <c r="DZ38" s="313">
        <v>74</v>
      </c>
      <c r="EA38" s="313">
        <v>42</v>
      </c>
      <c r="EB38" s="310">
        <v>523</v>
      </c>
      <c r="EC38" s="315">
        <v>638</v>
      </c>
      <c r="ED38" s="309">
        <v>1</v>
      </c>
      <c r="EE38" s="313">
        <v>1</v>
      </c>
      <c r="EF38" s="310">
        <v>2</v>
      </c>
      <c r="EG38" s="312">
        <v>0</v>
      </c>
      <c r="EH38" s="313">
        <v>8</v>
      </c>
      <c r="EI38" s="313">
        <v>12</v>
      </c>
      <c r="EJ38" s="313">
        <v>14</v>
      </c>
      <c r="EK38" s="313">
        <v>7</v>
      </c>
      <c r="EL38" s="313">
        <v>7</v>
      </c>
      <c r="EM38" s="310">
        <v>48</v>
      </c>
      <c r="EN38" s="315">
        <v>50</v>
      </c>
      <c r="EO38" s="309">
        <v>44</v>
      </c>
      <c r="EP38" s="313">
        <v>105</v>
      </c>
      <c r="EQ38" s="310">
        <v>149</v>
      </c>
      <c r="ER38" s="312">
        <v>0</v>
      </c>
      <c r="ES38" s="313">
        <v>261</v>
      </c>
      <c r="ET38" s="313">
        <v>240</v>
      </c>
      <c r="EU38" s="313">
        <v>145</v>
      </c>
      <c r="EV38" s="313">
        <v>87</v>
      </c>
      <c r="EW38" s="313">
        <v>53</v>
      </c>
      <c r="EX38" s="310">
        <v>786</v>
      </c>
      <c r="EY38" s="315">
        <v>935</v>
      </c>
    </row>
    <row r="39" spans="1:155" ht="19.5" customHeight="1" thickBot="1" x14ac:dyDescent="0.25">
      <c r="A39" s="295" t="s">
        <v>37</v>
      </c>
      <c r="B39" s="316">
        <v>0</v>
      </c>
      <c r="C39" s="317">
        <v>0</v>
      </c>
      <c r="D39" s="318">
        <v>0</v>
      </c>
      <c r="E39" s="319">
        <v>0</v>
      </c>
      <c r="F39" s="320">
        <v>5</v>
      </c>
      <c r="G39" s="320">
        <v>7</v>
      </c>
      <c r="H39" s="320">
        <v>5</v>
      </c>
      <c r="I39" s="320">
        <v>2</v>
      </c>
      <c r="J39" s="320">
        <v>3</v>
      </c>
      <c r="K39" s="321">
        <v>22</v>
      </c>
      <c r="L39" s="322">
        <v>22</v>
      </c>
      <c r="M39" s="316">
        <v>0</v>
      </c>
      <c r="N39" s="320">
        <v>0</v>
      </c>
      <c r="O39" s="317">
        <v>0</v>
      </c>
      <c r="P39" s="319">
        <v>0</v>
      </c>
      <c r="Q39" s="320">
        <v>0</v>
      </c>
      <c r="R39" s="320">
        <v>0</v>
      </c>
      <c r="S39" s="320">
        <v>0</v>
      </c>
      <c r="T39" s="320">
        <v>1</v>
      </c>
      <c r="U39" s="320">
        <v>0</v>
      </c>
      <c r="V39" s="317">
        <v>1</v>
      </c>
      <c r="W39" s="322">
        <v>1</v>
      </c>
      <c r="X39" s="316">
        <v>0</v>
      </c>
      <c r="Y39" s="320">
        <v>3</v>
      </c>
      <c r="Z39" s="317">
        <v>3</v>
      </c>
      <c r="AA39" s="319">
        <v>0</v>
      </c>
      <c r="AB39" s="320">
        <v>4</v>
      </c>
      <c r="AC39" s="320">
        <v>6</v>
      </c>
      <c r="AD39" s="320">
        <v>3</v>
      </c>
      <c r="AE39" s="320">
        <v>3</v>
      </c>
      <c r="AF39" s="320">
        <v>2</v>
      </c>
      <c r="AG39" s="317">
        <v>18</v>
      </c>
      <c r="AH39" s="322">
        <v>21</v>
      </c>
      <c r="AI39" s="316">
        <v>0</v>
      </c>
      <c r="AJ39" s="320">
        <v>0</v>
      </c>
      <c r="AK39" s="317">
        <v>0</v>
      </c>
      <c r="AL39" s="319">
        <v>0</v>
      </c>
      <c r="AM39" s="320">
        <v>1</v>
      </c>
      <c r="AN39" s="320">
        <v>1</v>
      </c>
      <c r="AO39" s="320">
        <v>2</v>
      </c>
      <c r="AP39" s="320">
        <v>1</v>
      </c>
      <c r="AQ39" s="320">
        <v>0</v>
      </c>
      <c r="AR39" s="317">
        <v>5</v>
      </c>
      <c r="AS39" s="322">
        <v>5</v>
      </c>
      <c r="AT39" s="316">
        <v>0</v>
      </c>
      <c r="AU39" s="320">
        <v>0</v>
      </c>
      <c r="AV39" s="317">
        <v>0</v>
      </c>
      <c r="AW39" s="319">
        <v>0</v>
      </c>
      <c r="AX39" s="320">
        <v>2</v>
      </c>
      <c r="AY39" s="320">
        <v>3</v>
      </c>
      <c r="AZ39" s="320">
        <v>6</v>
      </c>
      <c r="BA39" s="320">
        <v>4</v>
      </c>
      <c r="BB39" s="320">
        <v>3</v>
      </c>
      <c r="BC39" s="321">
        <v>18</v>
      </c>
      <c r="BD39" s="322">
        <v>18</v>
      </c>
      <c r="BE39" s="316">
        <v>0</v>
      </c>
      <c r="BF39" s="320">
        <v>0</v>
      </c>
      <c r="BG39" s="317">
        <v>0</v>
      </c>
      <c r="BH39" s="319">
        <v>0</v>
      </c>
      <c r="BI39" s="320">
        <v>7</v>
      </c>
      <c r="BJ39" s="320">
        <v>3</v>
      </c>
      <c r="BK39" s="320">
        <v>6</v>
      </c>
      <c r="BL39" s="320">
        <v>1</v>
      </c>
      <c r="BM39" s="320">
        <v>2</v>
      </c>
      <c r="BN39" s="317">
        <v>19</v>
      </c>
      <c r="BO39" s="322">
        <v>19</v>
      </c>
      <c r="BP39" s="316">
        <v>0</v>
      </c>
      <c r="BQ39" s="320">
        <v>1</v>
      </c>
      <c r="BR39" s="317">
        <v>1</v>
      </c>
      <c r="BS39" s="319">
        <v>0</v>
      </c>
      <c r="BT39" s="320">
        <v>6</v>
      </c>
      <c r="BU39" s="320">
        <v>3</v>
      </c>
      <c r="BV39" s="320">
        <v>3</v>
      </c>
      <c r="BW39" s="320">
        <v>3</v>
      </c>
      <c r="BX39" s="320">
        <v>0</v>
      </c>
      <c r="BY39" s="317">
        <v>15</v>
      </c>
      <c r="BZ39" s="322">
        <v>16</v>
      </c>
      <c r="CA39" s="316">
        <v>0</v>
      </c>
      <c r="CB39" s="320">
        <v>0</v>
      </c>
      <c r="CC39" s="317">
        <v>0</v>
      </c>
      <c r="CD39" s="319">
        <v>0</v>
      </c>
      <c r="CE39" s="320">
        <v>2</v>
      </c>
      <c r="CF39" s="320">
        <v>1</v>
      </c>
      <c r="CG39" s="320">
        <v>4</v>
      </c>
      <c r="CH39" s="320">
        <v>0</v>
      </c>
      <c r="CI39" s="320">
        <v>1</v>
      </c>
      <c r="CJ39" s="317">
        <v>8</v>
      </c>
      <c r="CK39" s="322">
        <v>8</v>
      </c>
      <c r="CL39" s="316">
        <v>0</v>
      </c>
      <c r="CM39" s="320">
        <v>0</v>
      </c>
      <c r="CN39" s="317">
        <v>0</v>
      </c>
      <c r="CO39" s="319">
        <v>0</v>
      </c>
      <c r="CP39" s="320">
        <v>0</v>
      </c>
      <c r="CQ39" s="320">
        <v>0</v>
      </c>
      <c r="CR39" s="320">
        <v>1</v>
      </c>
      <c r="CS39" s="320">
        <v>3</v>
      </c>
      <c r="CT39" s="320">
        <v>0</v>
      </c>
      <c r="CU39" s="317">
        <v>4</v>
      </c>
      <c r="CV39" s="322">
        <v>4</v>
      </c>
      <c r="CW39" s="316">
        <v>0</v>
      </c>
      <c r="CX39" s="320">
        <v>0</v>
      </c>
      <c r="CY39" s="317">
        <v>0</v>
      </c>
      <c r="CZ39" s="319">
        <v>0</v>
      </c>
      <c r="DA39" s="320">
        <v>0</v>
      </c>
      <c r="DB39" s="320">
        <v>0</v>
      </c>
      <c r="DC39" s="320">
        <v>0</v>
      </c>
      <c r="DD39" s="320">
        <v>0</v>
      </c>
      <c r="DE39" s="320">
        <v>0</v>
      </c>
      <c r="DF39" s="317">
        <v>0</v>
      </c>
      <c r="DG39" s="322">
        <v>0</v>
      </c>
      <c r="DH39" s="316">
        <v>0</v>
      </c>
      <c r="DI39" s="320">
        <v>0</v>
      </c>
      <c r="DJ39" s="317">
        <v>0</v>
      </c>
      <c r="DK39" s="319">
        <v>0</v>
      </c>
      <c r="DL39" s="320">
        <v>0</v>
      </c>
      <c r="DM39" s="320">
        <v>0</v>
      </c>
      <c r="DN39" s="320">
        <v>0</v>
      </c>
      <c r="DO39" s="320">
        <v>0</v>
      </c>
      <c r="DP39" s="320">
        <v>0</v>
      </c>
      <c r="DQ39" s="317">
        <v>0</v>
      </c>
      <c r="DR39" s="322">
        <v>0</v>
      </c>
      <c r="DS39" s="316">
        <v>6</v>
      </c>
      <c r="DT39" s="320">
        <v>9</v>
      </c>
      <c r="DU39" s="317">
        <v>15</v>
      </c>
      <c r="DV39" s="319">
        <v>0</v>
      </c>
      <c r="DW39" s="320">
        <v>20</v>
      </c>
      <c r="DX39" s="320">
        <v>23</v>
      </c>
      <c r="DY39" s="320">
        <v>11</v>
      </c>
      <c r="DZ39" s="320">
        <v>9</v>
      </c>
      <c r="EA39" s="320">
        <v>4</v>
      </c>
      <c r="EB39" s="317">
        <v>67</v>
      </c>
      <c r="EC39" s="322">
        <v>82</v>
      </c>
      <c r="ED39" s="316">
        <v>0</v>
      </c>
      <c r="EE39" s="320">
        <v>0</v>
      </c>
      <c r="EF39" s="317">
        <v>0</v>
      </c>
      <c r="EG39" s="319">
        <v>0</v>
      </c>
      <c r="EH39" s="320">
        <v>0</v>
      </c>
      <c r="EI39" s="320">
        <v>0</v>
      </c>
      <c r="EJ39" s="320">
        <v>1</v>
      </c>
      <c r="EK39" s="320">
        <v>1</v>
      </c>
      <c r="EL39" s="320">
        <v>0</v>
      </c>
      <c r="EM39" s="317">
        <v>2</v>
      </c>
      <c r="EN39" s="322">
        <v>2</v>
      </c>
      <c r="EO39" s="316">
        <v>5</v>
      </c>
      <c r="EP39" s="320">
        <v>10</v>
      </c>
      <c r="EQ39" s="317">
        <v>15</v>
      </c>
      <c r="ER39" s="319">
        <v>0</v>
      </c>
      <c r="ES39" s="320">
        <v>28</v>
      </c>
      <c r="ET39" s="320">
        <v>27</v>
      </c>
      <c r="EU39" s="320">
        <v>13</v>
      </c>
      <c r="EV39" s="320">
        <v>9</v>
      </c>
      <c r="EW39" s="320">
        <v>4</v>
      </c>
      <c r="EX39" s="317">
        <v>81</v>
      </c>
      <c r="EY39" s="322">
        <v>96</v>
      </c>
    </row>
  </sheetData>
  <mergeCells count="59">
    <mergeCell ref="EO3:EY3"/>
    <mergeCell ref="ED3:EN3"/>
    <mergeCell ref="ER4:EX4"/>
    <mergeCell ref="EY4:EY5"/>
    <mergeCell ref="EC4:EC5"/>
    <mergeCell ref="ED4:EF4"/>
    <mergeCell ref="EG4:EM4"/>
    <mergeCell ref="EN4:EN5"/>
    <mergeCell ref="EO4:EQ4"/>
    <mergeCell ref="DS3:EC3"/>
    <mergeCell ref="DS4:DU4"/>
    <mergeCell ref="DV4:EB4"/>
    <mergeCell ref="DH3:DR3"/>
    <mergeCell ref="DH4:DJ4"/>
    <mergeCell ref="DK4:DQ4"/>
    <mergeCell ref="DR4:DR5"/>
    <mergeCell ref="BH4:BN4"/>
    <mergeCell ref="CW3:DG3"/>
    <mergeCell ref="CL3:CV3"/>
    <mergeCell ref="CW4:CY4"/>
    <mergeCell ref="CZ4:DF4"/>
    <mergeCell ref="DG4:DG5"/>
    <mergeCell ref="H1:I1"/>
    <mergeCell ref="K1:L1"/>
    <mergeCell ref="BE3:BO3"/>
    <mergeCell ref="BP3:BZ3"/>
    <mergeCell ref="CA3:CK3"/>
    <mergeCell ref="A3:A5"/>
    <mergeCell ref="M3:W3"/>
    <mergeCell ref="X3:AH3"/>
    <mergeCell ref="AI3:AS3"/>
    <mergeCell ref="AT3:BD3"/>
    <mergeCell ref="B3:L3"/>
    <mergeCell ref="B4:D4"/>
    <mergeCell ref="E4:K4"/>
    <mergeCell ref="L4:L5"/>
    <mergeCell ref="BD4:BD5"/>
    <mergeCell ref="M4:O4"/>
    <mergeCell ref="P4:V4"/>
    <mergeCell ref="AI4:AK4"/>
    <mergeCell ref="AL4:AR4"/>
    <mergeCell ref="AS4:AS5"/>
    <mergeCell ref="AT4:AV4"/>
    <mergeCell ref="W4:W5"/>
    <mergeCell ref="X4:Z4"/>
    <mergeCell ref="AA4:AG4"/>
    <mergeCell ref="AH4:AH5"/>
    <mergeCell ref="CV4:CV5"/>
    <mergeCell ref="BP4:BR4"/>
    <mergeCell ref="BS4:BY4"/>
    <mergeCell ref="BO4:BO5"/>
    <mergeCell ref="CA4:CC4"/>
    <mergeCell ref="CD4:CJ4"/>
    <mergeCell ref="CK4:CK5"/>
    <mergeCell ref="CL4:CN4"/>
    <mergeCell ref="CO4:CU4"/>
    <mergeCell ref="BZ4:BZ5"/>
    <mergeCell ref="AW4:BC4"/>
    <mergeCell ref="BE4:BG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88"/>
    <col min="4" max="4" width="10.33203125" style="288" customWidth="1"/>
    <col min="5" max="5" width="7.6640625" style="288" customWidth="1"/>
    <col min="6" max="6" width="10.21875" style="288" customWidth="1"/>
    <col min="7" max="7" width="10.44140625" style="288" customWidth="1"/>
    <col min="8" max="15" width="9" style="288"/>
    <col min="16" max="16" width="7.21875" style="288" customWidth="1"/>
    <col min="17" max="26" width="9" style="288"/>
    <col min="27" max="27" width="7.6640625" style="288" customWidth="1"/>
    <col min="28" max="37" width="9" style="288"/>
    <col min="38" max="38" width="7.6640625" style="288" customWidth="1"/>
    <col min="39" max="48" width="9" style="288"/>
    <col min="49" max="49" width="7.21875" style="288" customWidth="1"/>
    <col min="50" max="59" width="9" style="288"/>
    <col min="60" max="60" width="7.21875" style="288" customWidth="1"/>
    <col min="61" max="70" width="9" style="288"/>
    <col min="71" max="71" width="7.33203125" style="288" customWidth="1"/>
    <col min="72" max="81" width="9" style="288"/>
    <col min="82" max="82" width="7.44140625" style="288" customWidth="1"/>
    <col min="83" max="92" width="9" style="288"/>
    <col min="93" max="93" width="7.6640625" style="288" customWidth="1"/>
    <col min="94" max="103" width="9" style="288"/>
    <col min="104" max="104" width="7.44140625" style="288" customWidth="1"/>
    <col min="105" max="114" width="9" style="288"/>
    <col min="115" max="115" width="7.44140625" style="288" customWidth="1"/>
    <col min="116" max="125" width="9" style="288"/>
    <col min="126" max="126" width="7.44140625" style="288" customWidth="1"/>
    <col min="127" max="136" width="9" style="288"/>
    <col min="137" max="137" width="7.33203125" style="288" customWidth="1"/>
    <col min="138" max="147" width="9" style="288"/>
    <col min="148" max="148" width="7.77734375" style="288" customWidth="1"/>
    <col min="149" max="16384" width="9" style="288"/>
  </cols>
  <sheetData>
    <row r="1" spans="1:155" ht="24" customHeight="1" x14ac:dyDescent="0.2">
      <c r="A1" s="323" t="s">
        <v>122</v>
      </c>
      <c r="H1" s="457">
        <f>第１表!F2</f>
        <v>3</v>
      </c>
      <c r="I1" s="457"/>
      <c r="J1" s="280">
        <f>第１表!G2</f>
        <v>12</v>
      </c>
      <c r="K1" s="458">
        <f>IF(J1&lt;3,J1+12-2,J1-2)</f>
        <v>10</v>
      </c>
      <c r="L1" s="458"/>
    </row>
    <row r="2" spans="1:155" ht="21" customHeight="1" thickBot="1" x14ac:dyDescent="0.25">
      <c r="A2" s="323" t="s">
        <v>131</v>
      </c>
      <c r="F2" s="279"/>
      <c r="G2" s="280"/>
      <c r="I2" s="362"/>
      <c r="J2" s="362"/>
    </row>
    <row r="3" spans="1:155" ht="23.25" customHeight="1" thickBot="1" x14ac:dyDescent="0.25">
      <c r="A3" s="466"/>
      <c r="B3" s="469" t="s">
        <v>70</v>
      </c>
      <c r="C3" s="470"/>
      <c r="D3" s="470"/>
      <c r="E3" s="470"/>
      <c r="F3" s="470"/>
      <c r="G3" s="470"/>
      <c r="H3" s="470"/>
      <c r="I3" s="470"/>
      <c r="J3" s="470"/>
      <c r="K3" s="470"/>
      <c r="L3" s="471"/>
      <c r="M3" s="469" t="s">
        <v>71</v>
      </c>
      <c r="N3" s="470"/>
      <c r="O3" s="470"/>
      <c r="P3" s="470"/>
      <c r="Q3" s="470"/>
      <c r="R3" s="470"/>
      <c r="S3" s="470"/>
      <c r="T3" s="470"/>
      <c r="U3" s="470"/>
      <c r="V3" s="470"/>
      <c r="W3" s="471"/>
      <c r="X3" s="469" t="s">
        <v>72</v>
      </c>
      <c r="Y3" s="470"/>
      <c r="Z3" s="470"/>
      <c r="AA3" s="470"/>
      <c r="AB3" s="470"/>
      <c r="AC3" s="470"/>
      <c r="AD3" s="470"/>
      <c r="AE3" s="470"/>
      <c r="AF3" s="470"/>
      <c r="AG3" s="470"/>
      <c r="AH3" s="471"/>
      <c r="AI3" s="469" t="s">
        <v>73</v>
      </c>
      <c r="AJ3" s="470"/>
      <c r="AK3" s="470"/>
      <c r="AL3" s="470"/>
      <c r="AM3" s="470"/>
      <c r="AN3" s="470"/>
      <c r="AO3" s="470"/>
      <c r="AP3" s="470"/>
      <c r="AQ3" s="470"/>
      <c r="AR3" s="470"/>
      <c r="AS3" s="471"/>
      <c r="AT3" s="469" t="s">
        <v>74</v>
      </c>
      <c r="AU3" s="470"/>
      <c r="AV3" s="470"/>
      <c r="AW3" s="470"/>
      <c r="AX3" s="470"/>
      <c r="AY3" s="470"/>
      <c r="AZ3" s="470"/>
      <c r="BA3" s="470"/>
      <c r="BB3" s="470"/>
      <c r="BC3" s="470"/>
      <c r="BD3" s="471"/>
      <c r="BE3" s="469" t="s">
        <v>75</v>
      </c>
      <c r="BF3" s="470"/>
      <c r="BG3" s="470"/>
      <c r="BH3" s="470"/>
      <c r="BI3" s="470"/>
      <c r="BJ3" s="470"/>
      <c r="BK3" s="470"/>
      <c r="BL3" s="470"/>
      <c r="BM3" s="470"/>
      <c r="BN3" s="470"/>
      <c r="BO3" s="471"/>
      <c r="BP3" s="469" t="s">
        <v>76</v>
      </c>
      <c r="BQ3" s="470"/>
      <c r="BR3" s="470"/>
      <c r="BS3" s="470"/>
      <c r="BT3" s="470"/>
      <c r="BU3" s="470"/>
      <c r="BV3" s="470"/>
      <c r="BW3" s="470"/>
      <c r="BX3" s="470"/>
      <c r="BY3" s="470"/>
      <c r="BZ3" s="471"/>
      <c r="CA3" s="469" t="s">
        <v>77</v>
      </c>
      <c r="CB3" s="470"/>
      <c r="CC3" s="470"/>
      <c r="CD3" s="470"/>
      <c r="CE3" s="470"/>
      <c r="CF3" s="470"/>
      <c r="CG3" s="470"/>
      <c r="CH3" s="470"/>
      <c r="CI3" s="470"/>
      <c r="CJ3" s="470"/>
      <c r="CK3" s="471"/>
      <c r="CL3" s="469" t="s">
        <v>78</v>
      </c>
      <c r="CM3" s="470"/>
      <c r="CN3" s="470"/>
      <c r="CO3" s="470"/>
      <c r="CP3" s="470"/>
      <c r="CQ3" s="470"/>
      <c r="CR3" s="470"/>
      <c r="CS3" s="470"/>
      <c r="CT3" s="470"/>
      <c r="CU3" s="470"/>
      <c r="CV3" s="471"/>
      <c r="CW3" s="469" t="s">
        <v>79</v>
      </c>
      <c r="CX3" s="470"/>
      <c r="CY3" s="470"/>
      <c r="CZ3" s="470"/>
      <c r="DA3" s="470"/>
      <c r="DB3" s="470"/>
      <c r="DC3" s="470"/>
      <c r="DD3" s="470"/>
      <c r="DE3" s="470"/>
      <c r="DF3" s="470"/>
      <c r="DG3" s="471"/>
      <c r="DH3" s="469" t="s">
        <v>152</v>
      </c>
      <c r="DI3" s="470"/>
      <c r="DJ3" s="470"/>
      <c r="DK3" s="470"/>
      <c r="DL3" s="470"/>
      <c r="DM3" s="470"/>
      <c r="DN3" s="470"/>
      <c r="DO3" s="470"/>
      <c r="DP3" s="470"/>
      <c r="DQ3" s="470"/>
      <c r="DR3" s="471"/>
      <c r="DS3" s="469" t="s">
        <v>80</v>
      </c>
      <c r="DT3" s="470"/>
      <c r="DU3" s="470"/>
      <c r="DV3" s="470"/>
      <c r="DW3" s="470"/>
      <c r="DX3" s="470"/>
      <c r="DY3" s="470"/>
      <c r="DZ3" s="470"/>
      <c r="EA3" s="470"/>
      <c r="EB3" s="470"/>
      <c r="EC3" s="471"/>
      <c r="ED3" s="469" t="s">
        <v>68</v>
      </c>
      <c r="EE3" s="470"/>
      <c r="EF3" s="470"/>
      <c r="EG3" s="470"/>
      <c r="EH3" s="470"/>
      <c r="EI3" s="470"/>
      <c r="EJ3" s="470"/>
      <c r="EK3" s="470"/>
      <c r="EL3" s="470"/>
      <c r="EM3" s="470"/>
      <c r="EN3" s="471"/>
      <c r="EO3" s="472" t="s">
        <v>69</v>
      </c>
      <c r="EP3" s="473"/>
      <c r="EQ3" s="473"/>
      <c r="ER3" s="473"/>
      <c r="ES3" s="473"/>
      <c r="ET3" s="473"/>
      <c r="EU3" s="473"/>
      <c r="EV3" s="473"/>
      <c r="EW3" s="473"/>
      <c r="EX3" s="473"/>
      <c r="EY3" s="474"/>
    </row>
    <row r="4" spans="1:155" ht="22.5" customHeight="1" x14ac:dyDescent="0.2">
      <c r="A4" s="467"/>
      <c r="B4" s="461" t="s">
        <v>61</v>
      </c>
      <c r="C4" s="462"/>
      <c r="D4" s="463"/>
      <c r="E4" s="464" t="s">
        <v>62</v>
      </c>
      <c r="F4" s="462"/>
      <c r="G4" s="462"/>
      <c r="H4" s="462"/>
      <c r="I4" s="462"/>
      <c r="J4" s="462"/>
      <c r="K4" s="465"/>
      <c r="L4" s="459" t="s">
        <v>52</v>
      </c>
      <c r="M4" s="461" t="s">
        <v>61</v>
      </c>
      <c r="N4" s="462"/>
      <c r="O4" s="463"/>
      <c r="P4" s="464" t="s">
        <v>62</v>
      </c>
      <c r="Q4" s="462"/>
      <c r="R4" s="462"/>
      <c r="S4" s="462"/>
      <c r="T4" s="462"/>
      <c r="U4" s="462"/>
      <c r="V4" s="463"/>
      <c r="W4" s="459" t="s">
        <v>52</v>
      </c>
      <c r="X4" s="461" t="s">
        <v>61</v>
      </c>
      <c r="Y4" s="462"/>
      <c r="Z4" s="463"/>
      <c r="AA4" s="464" t="s">
        <v>62</v>
      </c>
      <c r="AB4" s="462"/>
      <c r="AC4" s="462"/>
      <c r="AD4" s="462"/>
      <c r="AE4" s="462"/>
      <c r="AF4" s="462"/>
      <c r="AG4" s="463"/>
      <c r="AH4" s="459" t="s">
        <v>52</v>
      </c>
      <c r="AI4" s="461" t="s">
        <v>61</v>
      </c>
      <c r="AJ4" s="462"/>
      <c r="AK4" s="463"/>
      <c r="AL4" s="464" t="s">
        <v>62</v>
      </c>
      <c r="AM4" s="462"/>
      <c r="AN4" s="462"/>
      <c r="AO4" s="462"/>
      <c r="AP4" s="462"/>
      <c r="AQ4" s="462"/>
      <c r="AR4" s="463"/>
      <c r="AS4" s="459" t="s">
        <v>52</v>
      </c>
      <c r="AT4" s="461" t="s">
        <v>61</v>
      </c>
      <c r="AU4" s="462"/>
      <c r="AV4" s="463"/>
      <c r="AW4" s="464" t="s">
        <v>62</v>
      </c>
      <c r="AX4" s="462"/>
      <c r="AY4" s="462"/>
      <c r="AZ4" s="462"/>
      <c r="BA4" s="462"/>
      <c r="BB4" s="462"/>
      <c r="BC4" s="465"/>
      <c r="BD4" s="459" t="s">
        <v>52</v>
      </c>
      <c r="BE4" s="461" t="s">
        <v>61</v>
      </c>
      <c r="BF4" s="462"/>
      <c r="BG4" s="463"/>
      <c r="BH4" s="464" t="s">
        <v>62</v>
      </c>
      <c r="BI4" s="462"/>
      <c r="BJ4" s="462"/>
      <c r="BK4" s="462"/>
      <c r="BL4" s="462"/>
      <c r="BM4" s="462"/>
      <c r="BN4" s="463"/>
      <c r="BO4" s="459" t="s">
        <v>52</v>
      </c>
      <c r="BP4" s="461" t="s">
        <v>61</v>
      </c>
      <c r="BQ4" s="462"/>
      <c r="BR4" s="463"/>
      <c r="BS4" s="464" t="s">
        <v>62</v>
      </c>
      <c r="BT4" s="462"/>
      <c r="BU4" s="462"/>
      <c r="BV4" s="462"/>
      <c r="BW4" s="462"/>
      <c r="BX4" s="462"/>
      <c r="BY4" s="463"/>
      <c r="BZ4" s="459" t="s">
        <v>52</v>
      </c>
      <c r="CA4" s="461" t="s">
        <v>61</v>
      </c>
      <c r="CB4" s="462"/>
      <c r="CC4" s="463"/>
      <c r="CD4" s="464" t="s">
        <v>62</v>
      </c>
      <c r="CE4" s="462"/>
      <c r="CF4" s="462"/>
      <c r="CG4" s="462"/>
      <c r="CH4" s="462"/>
      <c r="CI4" s="462"/>
      <c r="CJ4" s="463"/>
      <c r="CK4" s="459" t="s">
        <v>52</v>
      </c>
      <c r="CL4" s="461" t="s">
        <v>61</v>
      </c>
      <c r="CM4" s="462"/>
      <c r="CN4" s="463"/>
      <c r="CO4" s="464" t="s">
        <v>62</v>
      </c>
      <c r="CP4" s="462"/>
      <c r="CQ4" s="462"/>
      <c r="CR4" s="462"/>
      <c r="CS4" s="462"/>
      <c r="CT4" s="462"/>
      <c r="CU4" s="463"/>
      <c r="CV4" s="459" t="s">
        <v>52</v>
      </c>
      <c r="CW4" s="461" t="s">
        <v>61</v>
      </c>
      <c r="CX4" s="462"/>
      <c r="CY4" s="463"/>
      <c r="CZ4" s="464" t="s">
        <v>62</v>
      </c>
      <c r="DA4" s="462"/>
      <c r="DB4" s="462"/>
      <c r="DC4" s="462"/>
      <c r="DD4" s="462"/>
      <c r="DE4" s="462"/>
      <c r="DF4" s="463"/>
      <c r="DG4" s="459" t="s">
        <v>52</v>
      </c>
      <c r="DH4" s="461" t="s">
        <v>61</v>
      </c>
      <c r="DI4" s="462"/>
      <c r="DJ4" s="463"/>
      <c r="DK4" s="464" t="s">
        <v>62</v>
      </c>
      <c r="DL4" s="462"/>
      <c r="DM4" s="462"/>
      <c r="DN4" s="462"/>
      <c r="DO4" s="462"/>
      <c r="DP4" s="462"/>
      <c r="DQ4" s="463"/>
      <c r="DR4" s="459" t="s">
        <v>52</v>
      </c>
      <c r="DS4" s="461" t="s">
        <v>61</v>
      </c>
      <c r="DT4" s="462"/>
      <c r="DU4" s="463"/>
      <c r="DV4" s="464" t="s">
        <v>62</v>
      </c>
      <c r="DW4" s="462"/>
      <c r="DX4" s="462"/>
      <c r="DY4" s="462"/>
      <c r="DZ4" s="462"/>
      <c r="EA4" s="462"/>
      <c r="EB4" s="463"/>
      <c r="EC4" s="459" t="s">
        <v>52</v>
      </c>
      <c r="ED4" s="461" t="s">
        <v>61</v>
      </c>
      <c r="EE4" s="462"/>
      <c r="EF4" s="463"/>
      <c r="EG4" s="464" t="s">
        <v>62</v>
      </c>
      <c r="EH4" s="462"/>
      <c r="EI4" s="462"/>
      <c r="EJ4" s="462"/>
      <c r="EK4" s="462"/>
      <c r="EL4" s="462"/>
      <c r="EM4" s="463"/>
      <c r="EN4" s="459" t="s">
        <v>52</v>
      </c>
      <c r="EO4" s="461" t="s">
        <v>61</v>
      </c>
      <c r="EP4" s="462"/>
      <c r="EQ4" s="463"/>
      <c r="ER4" s="464" t="s">
        <v>62</v>
      </c>
      <c r="ES4" s="462"/>
      <c r="ET4" s="462"/>
      <c r="EU4" s="462"/>
      <c r="EV4" s="462"/>
      <c r="EW4" s="462"/>
      <c r="EX4" s="463"/>
      <c r="EY4" s="459" t="s">
        <v>52</v>
      </c>
    </row>
    <row r="5" spans="1:155" ht="34.5" customHeight="1" thickBot="1" x14ac:dyDescent="0.25">
      <c r="A5" s="468"/>
      <c r="B5" s="363" t="s">
        <v>43</v>
      </c>
      <c r="C5" s="298" t="s">
        <v>44</v>
      </c>
      <c r="D5" s="299" t="s">
        <v>45</v>
      </c>
      <c r="E5" s="300" t="s">
        <v>83</v>
      </c>
      <c r="F5" s="292" t="s">
        <v>47</v>
      </c>
      <c r="G5" s="292" t="s">
        <v>48</v>
      </c>
      <c r="H5" s="292" t="s">
        <v>49</v>
      </c>
      <c r="I5" s="292" t="s">
        <v>50</v>
      </c>
      <c r="J5" s="292" t="s">
        <v>51</v>
      </c>
      <c r="K5" s="301" t="s">
        <v>45</v>
      </c>
      <c r="L5" s="460"/>
      <c r="M5" s="363" t="s">
        <v>43</v>
      </c>
      <c r="N5" s="292" t="s">
        <v>44</v>
      </c>
      <c r="O5" s="298" t="s">
        <v>45</v>
      </c>
      <c r="P5" s="300" t="s">
        <v>83</v>
      </c>
      <c r="Q5" s="292" t="s">
        <v>47</v>
      </c>
      <c r="R5" s="292" t="s">
        <v>48</v>
      </c>
      <c r="S5" s="292" t="s">
        <v>49</v>
      </c>
      <c r="T5" s="292" t="s">
        <v>50</v>
      </c>
      <c r="U5" s="292" t="s">
        <v>51</v>
      </c>
      <c r="V5" s="298" t="s">
        <v>45</v>
      </c>
      <c r="W5" s="460"/>
      <c r="X5" s="363" t="s">
        <v>43</v>
      </c>
      <c r="Y5" s="292" t="s">
        <v>44</v>
      </c>
      <c r="Z5" s="298" t="s">
        <v>45</v>
      </c>
      <c r="AA5" s="300" t="s">
        <v>83</v>
      </c>
      <c r="AB5" s="292" t="s">
        <v>47</v>
      </c>
      <c r="AC5" s="292" t="s">
        <v>48</v>
      </c>
      <c r="AD5" s="292" t="s">
        <v>49</v>
      </c>
      <c r="AE5" s="292" t="s">
        <v>50</v>
      </c>
      <c r="AF5" s="292" t="s">
        <v>51</v>
      </c>
      <c r="AG5" s="298" t="s">
        <v>45</v>
      </c>
      <c r="AH5" s="460"/>
      <c r="AI5" s="363" t="s">
        <v>43</v>
      </c>
      <c r="AJ5" s="292" t="s">
        <v>44</v>
      </c>
      <c r="AK5" s="298" t="s">
        <v>45</v>
      </c>
      <c r="AL5" s="300" t="s">
        <v>83</v>
      </c>
      <c r="AM5" s="292" t="s">
        <v>47</v>
      </c>
      <c r="AN5" s="292" t="s">
        <v>48</v>
      </c>
      <c r="AO5" s="292" t="s">
        <v>49</v>
      </c>
      <c r="AP5" s="292" t="s">
        <v>50</v>
      </c>
      <c r="AQ5" s="292" t="s">
        <v>51</v>
      </c>
      <c r="AR5" s="298" t="s">
        <v>45</v>
      </c>
      <c r="AS5" s="460"/>
      <c r="AT5" s="363" t="s">
        <v>43</v>
      </c>
      <c r="AU5" s="292" t="s">
        <v>44</v>
      </c>
      <c r="AV5" s="298" t="s">
        <v>45</v>
      </c>
      <c r="AW5" s="300" t="s">
        <v>83</v>
      </c>
      <c r="AX5" s="292" t="s">
        <v>47</v>
      </c>
      <c r="AY5" s="292" t="s">
        <v>48</v>
      </c>
      <c r="AZ5" s="292" t="s">
        <v>49</v>
      </c>
      <c r="BA5" s="292" t="s">
        <v>50</v>
      </c>
      <c r="BB5" s="292" t="s">
        <v>51</v>
      </c>
      <c r="BC5" s="301" t="s">
        <v>45</v>
      </c>
      <c r="BD5" s="460"/>
      <c r="BE5" s="363" t="s">
        <v>43</v>
      </c>
      <c r="BF5" s="292" t="s">
        <v>44</v>
      </c>
      <c r="BG5" s="298" t="s">
        <v>45</v>
      </c>
      <c r="BH5" s="300" t="s">
        <v>83</v>
      </c>
      <c r="BI5" s="292" t="s">
        <v>47</v>
      </c>
      <c r="BJ5" s="292" t="s">
        <v>48</v>
      </c>
      <c r="BK5" s="292" t="s">
        <v>49</v>
      </c>
      <c r="BL5" s="292" t="s">
        <v>50</v>
      </c>
      <c r="BM5" s="292" t="s">
        <v>51</v>
      </c>
      <c r="BN5" s="298" t="s">
        <v>45</v>
      </c>
      <c r="BO5" s="460"/>
      <c r="BP5" s="363" t="s">
        <v>43</v>
      </c>
      <c r="BQ5" s="292" t="s">
        <v>44</v>
      </c>
      <c r="BR5" s="298" t="s">
        <v>45</v>
      </c>
      <c r="BS5" s="300" t="s">
        <v>83</v>
      </c>
      <c r="BT5" s="292" t="s">
        <v>47</v>
      </c>
      <c r="BU5" s="292" t="s">
        <v>48</v>
      </c>
      <c r="BV5" s="292" t="s">
        <v>49</v>
      </c>
      <c r="BW5" s="292" t="s">
        <v>50</v>
      </c>
      <c r="BX5" s="292" t="s">
        <v>51</v>
      </c>
      <c r="BY5" s="298" t="s">
        <v>45</v>
      </c>
      <c r="BZ5" s="460"/>
      <c r="CA5" s="363" t="s">
        <v>43</v>
      </c>
      <c r="CB5" s="292" t="s">
        <v>44</v>
      </c>
      <c r="CC5" s="298" t="s">
        <v>45</v>
      </c>
      <c r="CD5" s="300" t="s">
        <v>83</v>
      </c>
      <c r="CE5" s="292" t="s">
        <v>47</v>
      </c>
      <c r="CF5" s="292" t="s">
        <v>48</v>
      </c>
      <c r="CG5" s="292" t="s">
        <v>49</v>
      </c>
      <c r="CH5" s="292" t="s">
        <v>50</v>
      </c>
      <c r="CI5" s="292" t="s">
        <v>51</v>
      </c>
      <c r="CJ5" s="298" t="s">
        <v>45</v>
      </c>
      <c r="CK5" s="460"/>
      <c r="CL5" s="363" t="s">
        <v>43</v>
      </c>
      <c r="CM5" s="292" t="s">
        <v>44</v>
      </c>
      <c r="CN5" s="298" t="s">
        <v>45</v>
      </c>
      <c r="CO5" s="300" t="s">
        <v>83</v>
      </c>
      <c r="CP5" s="292" t="s">
        <v>47</v>
      </c>
      <c r="CQ5" s="292" t="s">
        <v>48</v>
      </c>
      <c r="CR5" s="292" t="s">
        <v>49</v>
      </c>
      <c r="CS5" s="292" t="s">
        <v>50</v>
      </c>
      <c r="CT5" s="292" t="s">
        <v>51</v>
      </c>
      <c r="CU5" s="298" t="s">
        <v>45</v>
      </c>
      <c r="CV5" s="460"/>
      <c r="CW5" s="363" t="s">
        <v>43</v>
      </c>
      <c r="CX5" s="292" t="s">
        <v>44</v>
      </c>
      <c r="CY5" s="298" t="s">
        <v>45</v>
      </c>
      <c r="CZ5" s="300" t="s">
        <v>83</v>
      </c>
      <c r="DA5" s="292" t="s">
        <v>47</v>
      </c>
      <c r="DB5" s="292" t="s">
        <v>48</v>
      </c>
      <c r="DC5" s="292" t="s">
        <v>49</v>
      </c>
      <c r="DD5" s="292" t="s">
        <v>50</v>
      </c>
      <c r="DE5" s="292" t="s">
        <v>51</v>
      </c>
      <c r="DF5" s="298" t="s">
        <v>45</v>
      </c>
      <c r="DG5" s="460"/>
      <c r="DH5" s="387" t="s">
        <v>43</v>
      </c>
      <c r="DI5" s="292" t="s">
        <v>44</v>
      </c>
      <c r="DJ5" s="298" t="s">
        <v>45</v>
      </c>
      <c r="DK5" s="300" t="s">
        <v>83</v>
      </c>
      <c r="DL5" s="292" t="s">
        <v>47</v>
      </c>
      <c r="DM5" s="292" t="s">
        <v>48</v>
      </c>
      <c r="DN5" s="292" t="s">
        <v>49</v>
      </c>
      <c r="DO5" s="292" t="s">
        <v>50</v>
      </c>
      <c r="DP5" s="292" t="s">
        <v>51</v>
      </c>
      <c r="DQ5" s="298" t="s">
        <v>45</v>
      </c>
      <c r="DR5" s="460"/>
      <c r="DS5" s="363" t="s">
        <v>43</v>
      </c>
      <c r="DT5" s="292" t="s">
        <v>44</v>
      </c>
      <c r="DU5" s="298" t="s">
        <v>45</v>
      </c>
      <c r="DV5" s="300" t="s">
        <v>83</v>
      </c>
      <c r="DW5" s="292" t="s">
        <v>47</v>
      </c>
      <c r="DX5" s="292" t="s">
        <v>48</v>
      </c>
      <c r="DY5" s="292" t="s">
        <v>49</v>
      </c>
      <c r="DZ5" s="292" t="s">
        <v>50</v>
      </c>
      <c r="EA5" s="292" t="s">
        <v>51</v>
      </c>
      <c r="EB5" s="298" t="s">
        <v>45</v>
      </c>
      <c r="EC5" s="460"/>
      <c r="ED5" s="363" t="s">
        <v>43</v>
      </c>
      <c r="EE5" s="292" t="s">
        <v>44</v>
      </c>
      <c r="EF5" s="298" t="s">
        <v>45</v>
      </c>
      <c r="EG5" s="300" t="s">
        <v>83</v>
      </c>
      <c r="EH5" s="292" t="s">
        <v>47</v>
      </c>
      <c r="EI5" s="292" t="s">
        <v>48</v>
      </c>
      <c r="EJ5" s="292" t="s">
        <v>49</v>
      </c>
      <c r="EK5" s="292" t="s">
        <v>50</v>
      </c>
      <c r="EL5" s="292" t="s">
        <v>51</v>
      </c>
      <c r="EM5" s="298" t="s">
        <v>45</v>
      </c>
      <c r="EN5" s="460"/>
      <c r="EO5" s="363" t="s">
        <v>43</v>
      </c>
      <c r="EP5" s="292" t="s">
        <v>44</v>
      </c>
      <c r="EQ5" s="298" t="s">
        <v>45</v>
      </c>
      <c r="ER5" s="300" t="s">
        <v>83</v>
      </c>
      <c r="ES5" s="292" t="s">
        <v>47</v>
      </c>
      <c r="ET5" s="292" t="s">
        <v>48</v>
      </c>
      <c r="EU5" s="292" t="s">
        <v>49</v>
      </c>
      <c r="EV5" s="292" t="s">
        <v>50</v>
      </c>
      <c r="EW5" s="292" t="s">
        <v>51</v>
      </c>
      <c r="EX5" s="298" t="s">
        <v>45</v>
      </c>
      <c r="EY5" s="460"/>
    </row>
    <row r="6" spans="1:155" ht="19.5" customHeight="1" x14ac:dyDescent="0.2">
      <c r="A6" s="293" t="s">
        <v>4</v>
      </c>
      <c r="B6" s="302">
        <v>0</v>
      </c>
      <c r="C6" s="303">
        <v>0</v>
      </c>
      <c r="D6" s="304">
        <v>0</v>
      </c>
      <c r="E6" s="305">
        <v>0</v>
      </c>
      <c r="F6" s="306">
        <v>1328</v>
      </c>
      <c r="G6" s="306">
        <v>1451</v>
      </c>
      <c r="H6" s="306">
        <v>794</v>
      </c>
      <c r="I6" s="306">
        <v>559</v>
      </c>
      <c r="J6" s="306">
        <v>393</v>
      </c>
      <c r="K6" s="307">
        <v>4525</v>
      </c>
      <c r="L6" s="308">
        <v>4525</v>
      </c>
      <c r="M6" s="302">
        <v>0</v>
      </c>
      <c r="N6" s="306">
        <v>1</v>
      </c>
      <c r="O6" s="303">
        <v>1</v>
      </c>
      <c r="P6" s="305">
        <v>0</v>
      </c>
      <c r="Q6" s="306">
        <v>8</v>
      </c>
      <c r="R6" s="306">
        <v>32</v>
      </c>
      <c r="S6" s="306">
        <v>57</v>
      </c>
      <c r="T6" s="306">
        <v>124</v>
      </c>
      <c r="U6" s="306">
        <v>183</v>
      </c>
      <c r="V6" s="303">
        <v>404</v>
      </c>
      <c r="W6" s="308">
        <v>405</v>
      </c>
      <c r="X6" s="302">
        <v>188</v>
      </c>
      <c r="Y6" s="306">
        <v>410</v>
      </c>
      <c r="Z6" s="303">
        <v>598</v>
      </c>
      <c r="AA6" s="305">
        <v>0</v>
      </c>
      <c r="AB6" s="306">
        <v>872</v>
      </c>
      <c r="AC6" s="306">
        <v>1208</v>
      </c>
      <c r="AD6" s="306">
        <v>678</v>
      </c>
      <c r="AE6" s="306">
        <v>569</v>
      </c>
      <c r="AF6" s="306">
        <v>355</v>
      </c>
      <c r="AG6" s="303">
        <v>3682</v>
      </c>
      <c r="AH6" s="308">
        <v>4280</v>
      </c>
      <c r="AI6" s="302">
        <v>21</v>
      </c>
      <c r="AJ6" s="306">
        <v>47</v>
      </c>
      <c r="AK6" s="303">
        <v>68</v>
      </c>
      <c r="AL6" s="305">
        <v>0</v>
      </c>
      <c r="AM6" s="306">
        <v>74</v>
      </c>
      <c r="AN6" s="306">
        <v>130</v>
      </c>
      <c r="AO6" s="306">
        <v>78</v>
      </c>
      <c r="AP6" s="306">
        <v>76</v>
      </c>
      <c r="AQ6" s="306">
        <v>38</v>
      </c>
      <c r="AR6" s="303">
        <v>396</v>
      </c>
      <c r="AS6" s="308">
        <v>464</v>
      </c>
      <c r="AT6" s="302">
        <v>318</v>
      </c>
      <c r="AU6" s="306">
        <v>340</v>
      </c>
      <c r="AV6" s="303">
        <v>658</v>
      </c>
      <c r="AW6" s="305">
        <v>0</v>
      </c>
      <c r="AX6" s="306">
        <v>1334</v>
      </c>
      <c r="AY6" s="306">
        <v>1670</v>
      </c>
      <c r="AZ6" s="306">
        <v>1469</v>
      </c>
      <c r="BA6" s="306">
        <v>1227</v>
      </c>
      <c r="BB6" s="306">
        <v>845</v>
      </c>
      <c r="BC6" s="307">
        <v>6545</v>
      </c>
      <c r="BD6" s="308">
        <v>7203</v>
      </c>
      <c r="BE6" s="302">
        <v>0</v>
      </c>
      <c r="BF6" s="306">
        <v>0</v>
      </c>
      <c r="BG6" s="303">
        <v>0</v>
      </c>
      <c r="BH6" s="305">
        <v>0</v>
      </c>
      <c r="BI6" s="306">
        <v>1657</v>
      </c>
      <c r="BJ6" s="306">
        <v>1460</v>
      </c>
      <c r="BK6" s="306">
        <v>786</v>
      </c>
      <c r="BL6" s="306">
        <v>381</v>
      </c>
      <c r="BM6" s="306">
        <v>163</v>
      </c>
      <c r="BN6" s="303">
        <v>4447</v>
      </c>
      <c r="BO6" s="308">
        <v>4447</v>
      </c>
      <c r="BP6" s="302">
        <v>125</v>
      </c>
      <c r="BQ6" s="306">
        <v>150</v>
      </c>
      <c r="BR6" s="303">
        <v>275</v>
      </c>
      <c r="BS6" s="305">
        <v>0</v>
      </c>
      <c r="BT6" s="306">
        <v>391</v>
      </c>
      <c r="BU6" s="306">
        <v>558</v>
      </c>
      <c r="BV6" s="306">
        <v>329</v>
      </c>
      <c r="BW6" s="306">
        <v>189</v>
      </c>
      <c r="BX6" s="306">
        <v>57</v>
      </c>
      <c r="BY6" s="303">
        <v>1524</v>
      </c>
      <c r="BZ6" s="308">
        <v>1799</v>
      </c>
      <c r="CA6" s="302">
        <v>4</v>
      </c>
      <c r="CB6" s="306">
        <v>23</v>
      </c>
      <c r="CC6" s="303">
        <v>27</v>
      </c>
      <c r="CD6" s="305">
        <v>0</v>
      </c>
      <c r="CE6" s="306">
        <v>162</v>
      </c>
      <c r="CF6" s="306">
        <v>244</v>
      </c>
      <c r="CG6" s="306">
        <v>321</v>
      </c>
      <c r="CH6" s="306">
        <v>214</v>
      </c>
      <c r="CI6" s="306">
        <v>82</v>
      </c>
      <c r="CJ6" s="303">
        <v>1023</v>
      </c>
      <c r="CK6" s="308">
        <v>1050</v>
      </c>
      <c r="CL6" s="302">
        <v>0</v>
      </c>
      <c r="CM6" s="306">
        <v>1</v>
      </c>
      <c r="CN6" s="303">
        <v>1</v>
      </c>
      <c r="CO6" s="305">
        <v>0</v>
      </c>
      <c r="CP6" s="306">
        <v>28</v>
      </c>
      <c r="CQ6" s="306">
        <v>39</v>
      </c>
      <c r="CR6" s="306">
        <v>57</v>
      </c>
      <c r="CS6" s="306">
        <v>31</v>
      </c>
      <c r="CT6" s="306">
        <v>17</v>
      </c>
      <c r="CU6" s="303">
        <v>172</v>
      </c>
      <c r="CV6" s="308">
        <v>173</v>
      </c>
      <c r="CW6" s="302">
        <v>0</v>
      </c>
      <c r="CX6" s="306">
        <v>0</v>
      </c>
      <c r="CY6" s="303">
        <v>0</v>
      </c>
      <c r="CZ6" s="305">
        <v>0</v>
      </c>
      <c r="DA6" s="306">
        <v>0</v>
      </c>
      <c r="DB6" s="306">
        <v>0</v>
      </c>
      <c r="DC6" s="306">
        <v>0</v>
      </c>
      <c r="DD6" s="306">
        <v>0</v>
      </c>
      <c r="DE6" s="306">
        <v>0</v>
      </c>
      <c r="DF6" s="303">
        <v>0</v>
      </c>
      <c r="DG6" s="308">
        <v>0</v>
      </c>
      <c r="DH6" s="302">
        <v>0</v>
      </c>
      <c r="DI6" s="306">
        <v>0</v>
      </c>
      <c r="DJ6" s="303">
        <v>0</v>
      </c>
      <c r="DK6" s="305">
        <v>0</v>
      </c>
      <c r="DL6" s="306">
        <v>0</v>
      </c>
      <c r="DM6" s="306">
        <v>0</v>
      </c>
      <c r="DN6" s="306">
        <v>0</v>
      </c>
      <c r="DO6" s="306">
        <v>0</v>
      </c>
      <c r="DP6" s="306">
        <v>0</v>
      </c>
      <c r="DQ6" s="303">
        <v>0</v>
      </c>
      <c r="DR6" s="308">
        <v>0</v>
      </c>
      <c r="DS6" s="302">
        <v>593</v>
      </c>
      <c r="DT6" s="306">
        <v>1213</v>
      </c>
      <c r="DU6" s="303">
        <v>1806</v>
      </c>
      <c r="DV6" s="305">
        <v>0</v>
      </c>
      <c r="DW6" s="306">
        <v>1812</v>
      </c>
      <c r="DX6" s="306">
        <v>3090</v>
      </c>
      <c r="DY6" s="306">
        <v>1841</v>
      </c>
      <c r="DZ6" s="306">
        <v>1290</v>
      </c>
      <c r="EA6" s="306">
        <v>718</v>
      </c>
      <c r="EB6" s="303">
        <v>8751</v>
      </c>
      <c r="EC6" s="308">
        <v>10557</v>
      </c>
      <c r="ED6" s="302">
        <v>202</v>
      </c>
      <c r="EE6" s="306">
        <v>153</v>
      </c>
      <c r="EF6" s="303">
        <v>355</v>
      </c>
      <c r="EG6" s="305">
        <v>0</v>
      </c>
      <c r="EH6" s="306">
        <v>567</v>
      </c>
      <c r="EI6" s="306">
        <v>536</v>
      </c>
      <c r="EJ6" s="306">
        <v>465</v>
      </c>
      <c r="EK6" s="306">
        <v>463</v>
      </c>
      <c r="EL6" s="306">
        <v>266</v>
      </c>
      <c r="EM6" s="303">
        <v>2297</v>
      </c>
      <c r="EN6" s="308">
        <v>2652</v>
      </c>
      <c r="EO6" s="302">
        <v>854</v>
      </c>
      <c r="EP6" s="306">
        <v>1558</v>
      </c>
      <c r="EQ6" s="303">
        <v>2412</v>
      </c>
      <c r="ER6" s="305">
        <v>0</v>
      </c>
      <c r="ES6" s="306">
        <v>4269</v>
      </c>
      <c r="ET6" s="306">
        <v>4389</v>
      </c>
      <c r="EU6" s="306">
        <v>2261</v>
      </c>
      <c r="EV6" s="306">
        <v>1416</v>
      </c>
      <c r="EW6" s="306">
        <v>745</v>
      </c>
      <c r="EX6" s="303">
        <v>13080</v>
      </c>
      <c r="EY6" s="308">
        <v>15492</v>
      </c>
    </row>
    <row r="7" spans="1:155" ht="19.5" customHeight="1" x14ac:dyDescent="0.2">
      <c r="A7" s="294" t="s">
        <v>5</v>
      </c>
      <c r="B7" s="309">
        <v>0</v>
      </c>
      <c r="C7" s="310">
        <v>0</v>
      </c>
      <c r="D7" s="311">
        <v>0</v>
      </c>
      <c r="E7" s="312">
        <v>0</v>
      </c>
      <c r="F7" s="313">
        <v>516</v>
      </c>
      <c r="G7" s="313">
        <v>764</v>
      </c>
      <c r="H7" s="313">
        <v>374</v>
      </c>
      <c r="I7" s="313">
        <v>235</v>
      </c>
      <c r="J7" s="313">
        <v>178</v>
      </c>
      <c r="K7" s="314">
        <v>2067</v>
      </c>
      <c r="L7" s="315">
        <v>2067</v>
      </c>
      <c r="M7" s="309">
        <v>0</v>
      </c>
      <c r="N7" s="313">
        <v>1</v>
      </c>
      <c r="O7" s="310">
        <v>1</v>
      </c>
      <c r="P7" s="312">
        <v>0</v>
      </c>
      <c r="Q7" s="313">
        <v>5</v>
      </c>
      <c r="R7" s="313">
        <v>19</v>
      </c>
      <c r="S7" s="313">
        <v>23</v>
      </c>
      <c r="T7" s="313">
        <v>59</v>
      </c>
      <c r="U7" s="313">
        <v>84</v>
      </c>
      <c r="V7" s="310">
        <v>190</v>
      </c>
      <c r="W7" s="315">
        <v>191</v>
      </c>
      <c r="X7" s="309">
        <v>92</v>
      </c>
      <c r="Y7" s="313">
        <v>217</v>
      </c>
      <c r="Z7" s="310">
        <v>309</v>
      </c>
      <c r="AA7" s="312">
        <v>0</v>
      </c>
      <c r="AB7" s="313">
        <v>335</v>
      </c>
      <c r="AC7" s="313">
        <v>641</v>
      </c>
      <c r="AD7" s="313">
        <v>346</v>
      </c>
      <c r="AE7" s="313">
        <v>254</v>
      </c>
      <c r="AF7" s="313">
        <v>159</v>
      </c>
      <c r="AG7" s="310">
        <v>1735</v>
      </c>
      <c r="AH7" s="315">
        <v>2044</v>
      </c>
      <c r="AI7" s="309">
        <v>11</v>
      </c>
      <c r="AJ7" s="313">
        <v>22</v>
      </c>
      <c r="AK7" s="310">
        <v>33</v>
      </c>
      <c r="AL7" s="312">
        <v>0</v>
      </c>
      <c r="AM7" s="313">
        <v>17</v>
      </c>
      <c r="AN7" s="313">
        <v>58</v>
      </c>
      <c r="AO7" s="313">
        <v>36</v>
      </c>
      <c r="AP7" s="313">
        <v>29</v>
      </c>
      <c r="AQ7" s="313">
        <v>15</v>
      </c>
      <c r="AR7" s="310">
        <v>155</v>
      </c>
      <c r="AS7" s="315">
        <v>188</v>
      </c>
      <c r="AT7" s="309">
        <v>138</v>
      </c>
      <c r="AU7" s="313">
        <v>169</v>
      </c>
      <c r="AV7" s="310">
        <v>307</v>
      </c>
      <c r="AW7" s="312">
        <v>0</v>
      </c>
      <c r="AX7" s="313">
        <v>444</v>
      </c>
      <c r="AY7" s="313">
        <v>782</v>
      </c>
      <c r="AZ7" s="313">
        <v>674</v>
      </c>
      <c r="BA7" s="313">
        <v>500</v>
      </c>
      <c r="BB7" s="313">
        <v>367</v>
      </c>
      <c r="BC7" s="314">
        <v>2767</v>
      </c>
      <c r="BD7" s="315">
        <v>3074</v>
      </c>
      <c r="BE7" s="309">
        <v>0</v>
      </c>
      <c r="BF7" s="313">
        <v>0</v>
      </c>
      <c r="BG7" s="310">
        <v>0</v>
      </c>
      <c r="BH7" s="312">
        <v>0</v>
      </c>
      <c r="BI7" s="313">
        <v>569</v>
      </c>
      <c r="BJ7" s="313">
        <v>622</v>
      </c>
      <c r="BK7" s="313">
        <v>322</v>
      </c>
      <c r="BL7" s="313">
        <v>142</v>
      </c>
      <c r="BM7" s="313">
        <v>63</v>
      </c>
      <c r="BN7" s="310">
        <v>1718</v>
      </c>
      <c r="BO7" s="315">
        <v>1718</v>
      </c>
      <c r="BP7" s="309">
        <v>66</v>
      </c>
      <c r="BQ7" s="313">
        <v>85</v>
      </c>
      <c r="BR7" s="310">
        <v>151</v>
      </c>
      <c r="BS7" s="312">
        <v>0</v>
      </c>
      <c r="BT7" s="313">
        <v>143</v>
      </c>
      <c r="BU7" s="313">
        <v>266</v>
      </c>
      <c r="BV7" s="313">
        <v>164</v>
      </c>
      <c r="BW7" s="313">
        <v>78</v>
      </c>
      <c r="BX7" s="313">
        <v>26</v>
      </c>
      <c r="BY7" s="310">
        <v>677</v>
      </c>
      <c r="BZ7" s="315">
        <v>828</v>
      </c>
      <c r="CA7" s="309">
        <v>2</v>
      </c>
      <c r="CB7" s="313">
        <v>11</v>
      </c>
      <c r="CC7" s="310">
        <v>13</v>
      </c>
      <c r="CD7" s="312">
        <v>0</v>
      </c>
      <c r="CE7" s="313">
        <v>58</v>
      </c>
      <c r="CF7" s="313">
        <v>89</v>
      </c>
      <c r="CG7" s="313">
        <v>125</v>
      </c>
      <c r="CH7" s="313">
        <v>87</v>
      </c>
      <c r="CI7" s="313">
        <v>36</v>
      </c>
      <c r="CJ7" s="310">
        <v>395</v>
      </c>
      <c r="CK7" s="315">
        <v>408</v>
      </c>
      <c r="CL7" s="309">
        <v>0</v>
      </c>
      <c r="CM7" s="313">
        <v>1</v>
      </c>
      <c r="CN7" s="310">
        <v>1</v>
      </c>
      <c r="CO7" s="312">
        <v>0</v>
      </c>
      <c r="CP7" s="313">
        <v>14</v>
      </c>
      <c r="CQ7" s="313">
        <v>22</v>
      </c>
      <c r="CR7" s="313">
        <v>35</v>
      </c>
      <c r="CS7" s="313">
        <v>16</v>
      </c>
      <c r="CT7" s="313">
        <v>14</v>
      </c>
      <c r="CU7" s="310">
        <v>101</v>
      </c>
      <c r="CV7" s="315">
        <v>102</v>
      </c>
      <c r="CW7" s="309">
        <v>0</v>
      </c>
      <c r="CX7" s="313">
        <v>0</v>
      </c>
      <c r="CY7" s="310">
        <v>0</v>
      </c>
      <c r="CZ7" s="312">
        <v>0</v>
      </c>
      <c r="DA7" s="313">
        <v>0</v>
      </c>
      <c r="DB7" s="313">
        <v>0</v>
      </c>
      <c r="DC7" s="313">
        <v>0</v>
      </c>
      <c r="DD7" s="313">
        <v>0</v>
      </c>
      <c r="DE7" s="313">
        <v>0</v>
      </c>
      <c r="DF7" s="310">
        <v>0</v>
      </c>
      <c r="DG7" s="315">
        <v>0</v>
      </c>
      <c r="DH7" s="309">
        <v>0</v>
      </c>
      <c r="DI7" s="313">
        <v>0</v>
      </c>
      <c r="DJ7" s="310">
        <v>0</v>
      </c>
      <c r="DK7" s="312">
        <v>0</v>
      </c>
      <c r="DL7" s="313">
        <v>0</v>
      </c>
      <c r="DM7" s="313">
        <v>0</v>
      </c>
      <c r="DN7" s="313">
        <v>0</v>
      </c>
      <c r="DO7" s="313">
        <v>0</v>
      </c>
      <c r="DP7" s="313">
        <v>0</v>
      </c>
      <c r="DQ7" s="310">
        <v>0</v>
      </c>
      <c r="DR7" s="315">
        <v>0</v>
      </c>
      <c r="DS7" s="309">
        <v>235</v>
      </c>
      <c r="DT7" s="313">
        <v>588</v>
      </c>
      <c r="DU7" s="310">
        <v>823</v>
      </c>
      <c r="DV7" s="312">
        <v>0</v>
      </c>
      <c r="DW7" s="313">
        <v>565</v>
      </c>
      <c r="DX7" s="313">
        <v>1415</v>
      </c>
      <c r="DY7" s="313">
        <v>820</v>
      </c>
      <c r="DZ7" s="313">
        <v>535</v>
      </c>
      <c r="EA7" s="313">
        <v>322</v>
      </c>
      <c r="EB7" s="310">
        <v>3657</v>
      </c>
      <c r="EC7" s="315">
        <v>4480</v>
      </c>
      <c r="ED7" s="309">
        <v>83</v>
      </c>
      <c r="EE7" s="313">
        <v>64</v>
      </c>
      <c r="EF7" s="310">
        <v>147</v>
      </c>
      <c r="EG7" s="312">
        <v>0</v>
      </c>
      <c r="EH7" s="313">
        <v>215</v>
      </c>
      <c r="EI7" s="313">
        <v>263</v>
      </c>
      <c r="EJ7" s="313">
        <v>238</v>
      </c>
      <c r="EK7" s="313">
        <v>203</v>
      </c>
      <c r="EL7" s="313">
        <v>121</v>
      </c>
      <c r="EM7" s="310">
        <v>1040</v>
      </c>
      <c r="EN7" s="315">
        <v>1187</v>
      </c>
      <c r="EO7" s="309">
        <v>376</v>
      </c>
      <c r="EP7" s="313">
        <v>760</v>
      </c>
      <c r="EQ7" s="310">
        <v>1136</v>
      </c>
      <c r="ER7" s="312">
        <v>0</v>
      </c>
      <c r="ES7" s="313">
        <v>1547</v>
      </c>
      <c r="ET7" s="313">
        <v>2068</v>
      </c>
      <c r="EU7" s="313">
        <v>1019</v>
      </c>
      <c r="EV7" s="313">
        <v>599</v>
      </c>
      <c r="EW7" s="313">
        <v>332</v>
      </c>
      <c r="EX7" s="310">
        <v>5565</v>
      </c>
      <c r="EY7" s="315">
        <v>6701</v>
      </c>
    </row>
    <row r="8" spans="1:155" ht="19.5" customHeight="1" x14ac:dyDescent="0.2">
      <c r="A8" s="294" t="s">
        <v>6</v>
      </c>
      <c r="B8" s="309">
        <v>0</v>
      </c>
      <c r="C8" s="310">
        <v>0</v>
      </c>
      <c r="D8" s="311">
        <v>0</v>
      </c>
      <c r="E8" s="312">
        <v>0</v>
      </c>
      <c r="F8" s="313">
        <v>202</v>
      </c>
      <c r="G8" s="313">
        <v>135</v>
      </c>
      <c r="H8" s="313">
        <v>96</v>
      </c>
      <c r="I8" s="313">
        <v>81</v>
      </c>
      <c r="J8" s="313">
        <v>58</v>
      </c>
      <c r="K8" s="314">
        <v>572</v>
      </c>
      <c r="L8" s="315">
        <v>572</v>
      </c>
      <c r="M8" s="309">
        <v>0</v>
      </c>
      <c r="N8" s="313">
        <v>0</v>
      </c>
      <c r="O8" s="310">
        <v>0</v>
      </c>
      <c r="P8" s="312">
        <v>0</v>
      </c>
      <c r="Q8" s="313">
        <v>1</v>
      </c>
      <c r="R8" s="313">
        <v>3</v>
      </c>
      <c r="S8" s="313">
        <v>8</v>
      </c>
      <c r="T8" s="313">
        <v>11</v>
      </c>
      <c r="U8" s="313">
        <v>28</v>
      </c>
      <c r="V8" s="310">
        <v>51</v>
      </c>
      <c r="W8" s="315">
        <v>51</v>
      </c>
      <c r="X8" s="309">
        <v>23</v>
      </c>
      <c r="Y8" s="313">
        <v>49</v>
      </c>
      <c r="Z8" s="310">
        <v>72</v>
      </c>
      <c r="AA8" s="312">
        <v>0</v>
      </c>
      <c r="AB8" s="313">
        <v>126</v>
      </c>
      <c r="AC8" s="313">
        <v>134</v>
      </c>
      <c r="AD8" s="313">
        <v>77</v>
      </c>
      <c r="AE8" s="313">
        <v>76</v>
      </c>
      <c r="AF8" s="313">
        <v>54</v>
      </c>
      <c r="AG8" s="310">
        <v>467</v>
      </c>
      <c r="AH8" s="315">
        <v>539</v>
      </c>
      <c r="AI8" s="309">
        <v>2</v>
      </c>
      <c r="AJ8" s="313">
        <v>2</v>
      </c>
      <c r="AK8" s="310">
        <v>4</v>
      </c>
      <c r="AL8" s="312">
        <v>0</v>
      </c>
      <c r="AM8" s="313">
        <v>11</v>
      </c>
      <c r="AN8" s="313">
        <v>14</v>
      </c>
      <c r="AO8" s="313">
        <v>5</v>
      </c>
      <c r="AP8" s="313">
        <v>10</v>
      </c>
      <c r="AQ8" s="313">
        <v>7</v>
      </c>
      <c r="AR8" s="310">
        <v>47</v>
      </c>
      <c r="AS8" s="315">
        <v>51</v>
      </c>
      <c r="AT8" s="309">
        <v>63</v>
      </c>
      <c r="AU8" s="313">
        <v>43</v>
      </c>
      <c r="AV8" s="310">
        <v>106</v>
      </c>
      <c r="AW8" s="312">
        <v>0</v>
      </c>
      <c r="AX8" s="313">
        <v>238</v>
      </c>
      <c r="AY8" s="313">
        <v>205</v>
      </c>
      <c r="AZ8" s="313">
        <v>192</v>
      </c>
      <c r="BA8" s="313">
        <v>205</v>
      </c>
      <c r="BB8" s="313">
        <v>138</v>
      </c>
      <c r="BC8" s="314">
        <v>978</v>
      </c>
      <c r="BD8" s="315">
        <v>1084</v>
      </c>
      <c r="BE8" s="309">
        <v>0</v>
      </c>
      <c r="BF8" s="313">
        <v>0</v>
      </c>
      <c r="BG8" s="310">
        <v>0</v>
      </c>
      <c r="BH8" s="312">
        <v>0</v>
      </c>
      <c r="BI8" s="313">
        <v>246</v>
      </c>
      <c r="BJ8" s="313">
        <v>169</v>
      </c>
      <c r="BK8" s="313">
        <v>93</v>
      </c>
      <c r="BL8" s="313">
        <v>49</v>
      </c>
      <c r="BM8" s="313">
        <v>21</v>
      </c>
      <c r="BN8" s="310">
        <v>578</v>
      </c>
      <c r="BO8" s="315">
        <v>578</v>
      </c>
      <c r="BP8" s="309">
        <v>5</v>
      </c>
      <c r="BQ8" s="313">
        <v>10</v>
      </c>
      <c r="BR8" s="310">
        <v>15</v>
      </c>
      <c r="BS8" s="312">
        <v>0</v>
      </c>
      <c r="BT8" s="313">
        <v>47</v>
      </c>
      <c r="BU8" s="313">
        <v>64</v>
      </c>
      <c r="BV8" s="313">
        <v>33</v>
      </c>
      <c r="BW8" s="313">
        <v>26</v>
      </c>
      <c r="BX8" s="313">
        <v>7</v>
      </c>
      <c r="BY8" s="310">
        <v>177</v>
      </c>
      <c r="BZ8" s="315">
        <v>192</v>
      </c>
      <c r="CA8" s="309">
        <v>0</v>
      </c>
      <c r="CB8" s="313">
        <v>1</v>
      </c>
      <c r="CC8" s="310">
        <v>1</v>
      </c>
      <c r="CD8" s="312">
        <v>0</v>
      </c>
      <c r="CE8" s="313">
        <v>17</v>
      </c>
      <c r="CF8" s="313">
        <v>35</v>
      </c>
      <c r="CG8" s="313">
        <v>36</v>
      </c>
      <c r="CH8" s="313">
        <v>19</v>
      </c>
      <c r="CI8" s="313">
        <v>13</v>
      </c>
      <c r="CJ8" s="310">
        <v>120</v>
      </c>
      <c r="CK8" s="315">
        <v>121</v>
      </c>
      <c r="CL8" s="309">
        <v>0</v>
      </c>
      <c r="CM8" s="313">
        <v>0</v>
      </c>
      <c r="CN8" s="310">
        <v>0</v>
      </c>
      <c r="CO8" s="312">
        <v>0</v>
      </c>
      <c r="CP8" s="313">
        <v>5</v>
      </c>
      <c r="CQ8" s="313">
        <v>5</v>
      </c>
      <c r="CR8" s="313">
        <v>7</v>
      </c>
      <c r="CS8" s="313">
        <v>4</v>
      </c>
      <c r="CT8" s="313">
        <v>1</v>
      </c>
      <c r="CU8" s="310">
        <v>22</v>
      </c>
      <c r="CV8" s="315">
        <v>22</v>
      </c>
      <c r="CW8" s="309">
        <v>0</v>
      </c>
      <c r="CX8" s="313">
        <v>0</v>
      </c>
      <c r="CY8" s="310">
        <v>0</v>
      </c>
      <c r="CZ8" s="312">
        <v>0</v>
      </c>
      <c r="DA8" s="313">
        <v>0</v>
      </c>
      <c r="DB8" s="313">
        <v>0</v>
      </c>
      <c r="DC8" s="313">
        <v>0</v>
      </c>
      <c r="DD8" s="313">
        <v>0</v>
      </c>
      <c r="DE8" s="313">
        <v>0</v>
      </c>
      <c r="DF8" s="310">
        <v>0</v>
      </c>
      <c r="DG8" s="315">
        <v>0</v>
      </c>
      <c r="DH8" s="309">
        <v>0</v>
      </c>
      <c r="DI8" s="313">
        <v>0</v>
      </c>
      <c r="DJ8" s="310">
        <v>0</v>
      </c>
      <c r="DK8" s="312">
        <v>0</v>
      </c>
      <c r="DL8" s="313">
        <v>0</v>
      </c>
      <c r="DM8" s="313">
        <v>0</v>
      </c>
      <c r="DN8" s="313">
        <v>0</v>
      </c>
      <c r="DO8" s="313">
        <v>0</v>
      </c>
      <c r="DP8" s="313">
        <v>0</v>
      </c>
      <c r="DQ8" s="310">
        <v>0</v>
      </c>
      <c r="DR8" s="315">
        <v>0</v>
      </c>
      <c r="DS8" s="309">
        <v>66</v>
      </c>
      <c r="DT8" s="313">
        <v>117</v>
      </c>
      <c r="DU8" s="310">
        <v>183</v>
      </c>
      <c r="DV8" s="312">
        <v>0</v>
      </c>
      <c r="DW8" s="313">
        <v>289</v>
      </c>
      <c r="DX8" s="313">
        <v>333</v>
      </c>
      <c r="DY8" s="313">
        <v>205</v>
      </c>
      <c r="DZ8" s="313">
        <v>168</v>
      </c>
      <c r="EA8" s="313">
        <v>111</v>
      </c>
      <c r="EB8" s="310">
        <v>1106</v>
      </c>
      <c r="EC8" s="315">
        <v>1289</v>
      </c>
      <c r="ED8" s="309">
        <v>46</v>
      </c>
      <c r="EE8" s="313">
        <v>16</v>
      </c>
      <c r="EF8" s="310">
        <v>62</v>
      </c>
      <c r="EG8" s="312">
        <v>0</v>
      </c>
      <c r="EH8" s="313">
        <v>75</v>
      </c>
      <c r="EI8" s="313">
        <v>57</v>
      </c>
      <c r="EJ8" s="313">
        <v>52</v>
      </c>
      <c r="EK8" s="313">
        <v>68</v>
      </c>
      <c r="EL8" s="313">
        <v>35</v>
      </c>
      <c r="EM8" s="310">
        <v>287</v>
      </c>
      <c r="EN8" s="315">
        <v>349</v>
      </c>
      <c r="EO8" s="309">
        <v>94</v>
      </c>
      <c r="EP8" s="313">
        <v>165</v>
      </c>
      <c r="EQ8" s="310">
        <v>259</v>
      </c>
      <c r="ER8" s="312">
        <v>0</v>
      </c>
      <c r="ES8" s="313">
        <v>612</v>
      </c>
      <c r="ET8" s="313">
        <v>488</v>
      </c>
      <c r="EU8" s="313">
        <v>255</v>
      </c>
      <c r="EV8" s="313">
        <v>189</v>
      </c>
      <c r="EW8" s="313">
        <v>118</v>
      </c>
      <c r="EX8" s="310">
        <v>1662</v>
      </c>
      <c r="EY8" s="315">
        <v>1921</v>
      </c>
    </row>
    <row r="9" spans="1:155" ht="19.5" customHeight="1" x14ac:dyDescent="0.2">
      <c r="A9" s="294" t="s">
        <v>14</v>
      </c>
      <c r="B9" s="309">
        <v>0</v>
      </c>
      <c r="C9" s="310">
        <v>0</v>
      </c>
      <c r="D9" s="311">
        <v>0</v>
      </c>
      <c r="E9" s="312">
        <v>0</v>
      </c>
      <c r="F9" s="313">
        <v>80</v>
      </c>
      <c r="G9" s="313">
        <v>91</v>
      </c>
      <c r="H9" s="313">
        <v>49</v>
      </c>
      <c r="I9" s="313">
        <v>23</v>
      </c>
      <c r="J9" s="313">
        <v>22</v>
      </c>
      <c r="K9" s="314">
        <v>265</v>
      </c>
      <c r="L9" s="315">
        <v>265</v>
      </c>
      <c r="M9" s="309">
        <v>0</v>
      </c>
      <c r="N9" s="313">
        <v>0</v>
      </c>
      <c r="O9" s="310">
        <v>0</v>
      </c>
      <c r="P9" s="312">
        <v>0</v>
      </c>
      <c r="Q9" s="313">
        <v>0</v>
      </c>
      <c r="R9" s="313">
        <v>0</v>
      </c>
      <c r="S9" s="313">
        <v>2</v>
      </c>
      <c r="T9" s="313">
        <v>2</v>
      </c>
      <c r="U9" s="313">
        <v>6</v>
      </c>
      <c r="V9" s="310">
        <v>10</v>
      </c>
      <c r="W9" s="315">
        <v>10</v>
      </c>
      <c r="X9" s="309">
        <v>7</v>
      </c>
      <c r="Y9" s="313">
        <v>28</v>
      </c>
      <c r="Z9" s="310">
        <v>35</v>
      </c>
      <c r="AA9" s="312">
        <v>0</v>
      </c>
      <c r="AB9" s="313">
        <v>54</v>
      </c>
      <c r="AC9" s="313">
        <v>76</v>
      </c>
      <c r="AD9" s="313">
        <v>56</v>
      </c>
      <c r="AE9" s="313">
        <v>36</v>
      </c>
      <c r="AF9" s="313">
        <v>19</v>
      </c>
      <c r="AG9" s="310">
        <v>241</v>
      </c>
      <c r="AH9" s="315">
        <v>276</v>
      </c>
      <c r="AI9" s="309">
        <v>1</v>
      </c>
      <c r="AJ9" s="313">
        <v>2</v>
      </c>
      <c r="AK9" s="310">
        <v>3</v>
      </c>
      <c r="AL9" s="312">
        <v>0</v>
      </c>
      <c r="AM9" s="313">
        <v>1</v>
      </c>
      <c r="AN9" s="313">
        <v>0</v>
      </c>
      <c r="AO9" s="313">
        <v>1</v>
      </c>
      <c r="AP9" s="313">
        <v>4</v>
      </c>
      <c r="AQ9" s="313">
        <v>2</v>
      </c>
      <c r="AR9" s="310">
        <v>8</v>
      </c>
      <c r="AS9" s="315">
        <v>11</v>
      </c>
      <c r="AT9" s="309">
        <v>20</v>
      </c>
      <c r="AU9" s="313">
        <v>25</v>
      </c>
      <c r="AV9" s="310">
        <v>45</v>
      </c>
      <c r="AW9" s="312">
        <v>0</v>
      </c>
      <c r="AX9" s="313">
        <v>107</v>
      </c>
      <c r="AY9" s="313">
        <v>117</v>
      </c>
      <c r="AZ9" s="313">
        <v>103</v>
      </c>
      <c r="BA9" s="313">
        <v>80</v>
      </c>
      <c r="BB9" s="313">
        <v>51</v>
      </c>
      <c r="BC9" s="314">
        <v>458</v>
      </c>
      <c r="BD9" s="315">
        <v>503</v>
      </c>
      <c r="BE9" s="309">
        <v>0</v>
      </c>
      <c r="BF9" s="313">
        <v>0</v>
      </c>
      <c r="BG9" s="310">
        <v>0</v>
      </c>
      <c r="BH9" s="312">
        <v>0</v>
      </c>
      <c r="BI9" s="313">
        <v>128</v>
      </c>
      <c r="BJ9" s="313">
        <v>106</v>
      </c>
      <c r="BK9" s="313">
        <v>63</v>
      </c>
      <c r="BL9" s="313">
        <v>48</v>
      </c>
      <c r="BM9" s="313">
        <v>11</v>
      </c>
      <c r="BN9" s="310">
        <v>356</v>
      </c>
      <c r="BO9" s="315">
        <v>356</v>
      </c>
      <c r="BP9" s="309">
        <v>3</v>
      </c>
      <c r="BQ9" s="313">
        <v>10</v>
      </c>
      <c r="BR9" s="310">
        <v>13</v>
      </c>
      <c r="BS9" s="312">
        <v>0</v>
      </c>
      <c r="BT9" s="313">
        <v>7</v>
      </c>
      <c r="BU9" s="313">
        <v>29</v>
      </c>
      <c r="BV9" s="313">
        <v>21</v>
      </c>
      <c r="BW9" s="313">
        <v>10</v>
      </c>
      <c r="BX9" s="313">
        <v>2</v>
      </c>
      <c r="BY9" s="310">
        <v>69</v>
      </c>
      <c r="BZ9" s="315">
        <v>82</v>
      </c>
      <c r="CA9" s="309">
        <v>0</v>
      </c>
      <c r="CB9" s="313">
        <v>3</v>
      </c>
      <c r="CC9" s="310">
        <v>3</v>
      </c>
      <c r="CD9" s="312">
        <v>0</v>
      </c>
      <c r="CE9" s="313">
        <v>15</v>
      </c>
      <c r="CF9" s="313">
        <v>12</v>
      </c>
      <c r="CG9" s="313">
        <v>20</v>
      </c>
      <c r="CH9" s="313">
        <v>18</v>
      </c>
      <c r="CI9" s="313">
        <v>4</v>
      </c>
      <c r="CJ9" s="310">
        <v>69</v>
      </c>
      <c r="CK9" s="315">
        <v>72</v>
      </c>
      <c r="CL9" s="309">
        <v>0</v>
      </c>
      <c r="CM9" s="313">
        <v>0</v>
      </c>
      <c r="CN9" s="310">
        <v>0</v>
      </c>
      <c r="CO9" s="312">
        <v>0</v>
      </c>
      <c r="CP9" s="313">
        <v>0</v>
      </c>
      <c r="CQ9" s="313">
        <v>0</v>
      </c>
      <c r="CR9" s="313">
        <v>2</v>
      </c>
      <c r="CS9" s="313">
        <v>1</v>
      </c>
      <c r="CT9" s="313">
        <v>0</v>
      </c>
      <c r="CU9" s="310">
        <v>3</v>
      </c>
      <c r="CV9" s="315">
        <v>3</v>
      </c>
      <c r="CW9" s="309">
        <v>0</v>
      </c>
      <c r="CX9" s="313">
        <v>0</v>
      </c>
      <c r="CY9" s="310">
        <v>0</v>
      </c>
      <c r="CZ9" s="312">
        <v>0</v>
      </c>
      <c r="DA9" s="313">
        <v>0</v>
      </c>
      <c r="DB9" s="313">
        <v>0</v>
      </c>
      <c r="DC9" s="313">
        <v>0</v>
      </c>
      <c r="DD9" s="313">
        <v>0</v>
      </c>
      <c r="DE9" s="313">
        <v>0</v>
      </c>
      <c r="DF9" s="310">
        <v>0</v>
      </c>
      <c r="DG9" s="315">
        <v>0</v>
      </c>
      <c r="DH9" s="309">
        <v>0</v>
      </c>
      <c r="DI9" s="313">
        <v>0</v>
      </c>
      <c r="DJ9" s="310">
        <v>0</v>
      </c>
      <c r="DK9" s="312">
        <v>0</v>
      </c>
      <c r="DL9" s="313">
        <v>0</v>
      </c>
      <c r="DM9" s="313">
        <v>0</v>
      </c>
      <c r="DN9" s="313">
        <v>0</v>
      </c>
      <c r="DO9" s="313">
        <v>0</v>
      </c>
      <c r="DP9" s="313">
        <v>0</v>
      </c>
      <c r="DQ9" s="310">
        <v>0</v>
      </c>
      <c r="DR9" s="315">
        <v>0</v>
      </c>
      <c r="DS9" s="309">
        <v>43</v>
      </c>
      <c r="DT9" s="313">
        <v>100</v>
      </c>
      <c r="DU9" s="310">
        <v>143</v>
      </c>
      <c r="DV9" s="312">
        <v>0</v>
      </c>
      <c r="DW9" s="313">
        <v>115</v>
      </c>
      <c r="DX9" s="313">
        <v>230</v>
      </c>
      <c r="DY9" s="313">
        <v>146</v>
      </c>
      <c r="DZ9" s="313">
        <v>99</v>
      </c>
      <c r="EA9" s="313">
        <v>45</v>
      </c>
      <c r="EB9" s="310">
        <v>635</v>
      </c>
      <c r="EC9" s="315">
        <v>778</v>
      </c>
      <c r="ED9" s="309">
        <v>15</v>
      </c>
      <c r="EE9" s="313">
        <v>14</v>
      </c>
      <c r="EF9" s="310">
        <v>29</v>
      </c>
      <c r="EG9" s="312">
        <v>0</v>
      </c>
      <c r="EH9" s="313">
        <v>38</v>
      </c>
      <c r="EI9" s="313">
        <v>32</v>
      </c>
      <c r="EJ9" s="313">
        <v>21</v>
      </c>
      <c r="EK9" s="313">
        <v>29</v>
      </c>
      <c r="EL9" s="313">
        <v>15</v>
      </c>
      <c r="EM9" s="310">
        <v>135</v>
      </c>
      <c r="EN9" s="315">
        <v>164</v>
      </c>
      <c r="EO9" s="309">
        <v>51</v>
      </c>
      <c r="EP9" s="313">
        <v>120</v>
      </c>
      <c r="EQ9" s="310">
        <v>171</v>
      </c>
      <c r="ER9" s="312">
        <v>0</v>
      </c>
      <c r="ES9" s="313">
        <v>292</v>
      </c>
      <c r="ET9" s="313">
        <v>324</v>
      </c>
      <c r="EU9" s="313">
        <v>177</v>
      </c>
      <c r="EV9" s="313">
        <v>103</v>
      </c>
      <c r="EW9" s="313">
        <v>46</v>
      </c>
      <c r="EX9" s="310">
        <v>942</v>
      </c>
      <c r="EY9" s="315">
        <v>1113</v>
      </c>
    </row>
    <row r="10" spans="1:155" ht="19.5" customHeight="1" x14ac:dyDescent="0.2">
      <c r="A10" s="294" t="s">
        <v>7</v>
      </c>
      <c r="B10" s="309">
        <v>0</v>
      </c>
      <c r="C10" s="310">
        <v>0</v>
      </c>
      <c r="D10" s="311">
        <v>0</v>
      </c>
      <c r="E10" s="312">
        <v>0</v>
      </c>
      <c r="F10" s="313">
        <v>128</v>
      </c>
      <c r="G10" s="313">
        <v>109</v>
      </c>
      <c r="H10" s="313">
        <v>61</v>
      </c>
      <c r="I10" s="313">
        <v>42</v>
      </c>
      <c r="J10" s="313">
        <v>19</v>
      </c>
      <c r="K10" s="314">
        <v>359</v>
      </c>
      <c r="L10" s="315">
        <v>359</v>
      </c>
      <c r="M10" s="309">
        <v>0</v>
      </c>
      <c r="N10" s="313">
        <v>0</v>
      </c>
      <c r="O10" s="310">
        <v>0</v>
      </c>
      <c r="P10" s="312">
        <v>0</v>
      </c>
      <c r="Q10" s="313">
        <v>1</v>
      </c>
      <c r="R10" s="313">
        <v>3</v>
      </c>
      <c r="S10" s="313">
        <v>8</v>
      </c>
      <c r="T10" s="313">
        <v>8</v>
      </c>
      <c r="U10" s="313">
        <v>12</v>
      </c>
      <c r="V10" s="310">
        <v>32</v>
      </c>
      <c r="W10" s="315">
        <v>32</v>
      </c>
      <c r="X10" s="309">
        <v>1</v>
      </c>
      <c r="Y10" s="313">
        <v>4</v>
      </c>
      <c r="Z10" s="310">
        <v>5</v>
      </c>
      <c r="AA10" s="312">
        <v>0</v>
      </c>
      <c r="AB10" s="313">
        <v>54</v>
      </c>
      <c r="AC10" s="313">
        <v>51</v>
      </c>
      <c r="AD10" s="313">
        <v>34</v>
      </c>
      <c r="AE10" s="313">
        <v>20</v>
      </c>
      <c r="AF10" s="313">
        <v>11</v>
      </c>
      <c r="AG10" s="310">
        <v>170</v>
      </c>
      <c r="AH10" s="315">
        <v>175</v>
      </c>
      <c r="AI10" s="309">
        <v>0</v>
      </c>
      <c r="AJ10" s="313">
        <v>1</v>
      </c>
      <c r="AK10" s="310">
        <v>1</v>
      </c>
      <c r="AL10" s="312">
        <v>0</v>
      </c>
      <c r="AM10" s="313">
        <v>4</v>
      </c>
      <c r="AN10" s="313">
        <v>4</v>
      </c>
      <c r="AO10" s="313">
        <v>3</v>
      </c>
      <c r="AP10" s="313">
        <v>4</v>
      </c>
      <c r="AQ10" s="313">
        <v>2</v>
      </c>
      <c r="AR10" s="310">
        <v>17</v>
      </c>
      <c r="AS10" s="315">
        <v>18</v>
      </c>
      <c r="AT10" s="309">
        <v>15</v>
      </c>
      <c r="AU10" s="313">
        <v>12</v>
      </c>
      <c r="AV10" s="310">
        <v>27</v>
      </c>
      <c r="AW10" s="312">
        <v>0</v>
      </c>
      <c r="AX10" s="313">
        <v>119</v>
      </c>
      <c r="AY10" s="313">
        <v>104</v>
      </c>
      <c r="AZ10" s="313">
        <v>108</v>
      </c>
      <c r="BA10" s="313">
        <v>67</v>
      </c>
      <c r="BB10" s="313">
        <v>40</v>
      </c>
      <c r="BC10" s="314">
        <v>438</v>
      </c>
      <c r="BD10" s="315">
        <v>465</v>
      </c>
      <c r="BE10" s="309">
        <v>0</v>
      </c>
      <c r="BF10" s="313">
        <v>0</v>
      </c>
      <c r="BG10" s="310">
        <v>0</v>
      </c>
      <c r="BH10" s="312">
        <v>0</v>
      </c>
      <c r="BI10" s="313">
        <v>146</v>
      </c>
      <c r="BJ10" s="313">
        <v>111</v>
      </c>
      <c r="BK10" s="313">
        <v>50</v>
      </c>
      <c r="BL10" s="313">
        <v>23</v>
      </c>
      <c r="BM10" s="313">
        <v>10</v>
      </c>
      <c r="BN10" s="310">
        <v>340</v>
      </c>
      <c r="BO10" s="315">
        <v>340</v>
      </c>
      <c r="BP10" s="309">
        <v>3</v>
      </c>
      <c r="BQ10" s="313">
        <v>2</v>
      </c>
      <c r="BR10" s="310">
        <v>5</v>
      </c>
      <c r="BS10" s="312">
        <v>0</v>
      </c>
      <c r="BT10" s="313">
        <v>27</v>
      </c>
      <c r="BU10" s="313">
        <v>14</v>
      </c>
      <c r="BV10" s="313">
        <v>14</v>
      </c>
      <c r="BW10" s="313">
        <v>7</v>
      </c>
      <c r="BX10" s="313">
        <v>2</v>
      </c>
      <c r="BY10" s="310">
        <v>64</v>
      </c>
      <c r="BZ10" s="315">
        <v>69</v>
      </c>
      <c r="CA10" s="309">
        <v>0</v>
      </c>
      <c r="CB10" s="313">
        <v>0</v>
      </c>
      <c r="CC10" s="310">
        <v>0</v>
      </c>
      <c r="CD10" s="312">
        <v>0</v>
      </c>
      <c r="CE10" s="313">
        <v>16</v>
      </c>
      <c r="CF10" s="313">
        <v>24</v>
      </c>
      <c r="CG10" s="313">
        <v>27</v>
      </c>
      <c r="CH10" s="313">
        <v>9</v>
      </c>
      <c r="CI10" s="313">
        <v>4</v>
      </c>
      <c r="CJ10" s="310">
        <v>80</v>
      </c>
      <c r="CK10" s="315">
        <v>80</v>
      </c>
      <c r="CL10" s="309">
        <v>0</v>
      </c>
      <c r="CM10" s="313">
        <v>0</v>
      </c>
      <c r="CN10" s="310">
        <v>0</v>
      </c>
      <c r="CO10" s="312">
        <v>0</v>
      </c>
      <c r="CP10" s="313">
        <v>2</v>
      </c>
      <c r="CQ10" s="313">
        <v>1</v>
      </c>
      <c r="CR10" s="313">
        <v>0</v>
      </c>
      <c r="CS10" s="313">
        <v>1</v>
      </c>
      <c r="CT10" s="313">
        <v>0</v>
      </c>
      <c r="CU10" s="310">
        <v>4</v>
      </c>
      <c r="CV10" s="315">
        <v>4</v>
      </c>
      <c r="CW10" s="309">
        <v>0</v>
      </c>
      <c r="CX10" s="313">
        <v>0</v>
      </c>
      <c r="CY10" s="310">
        <v>0</v>
      </c>
      <c r="CZ10" s="312">
        <v>0</v>
      </c>
      <c r="DA10" s="313">
        <v>0</v>
      </c>
      <c r="DB10" s="313">
        <v>0</v>
      </c>
      <c r="DC10" s="313">
        <v>0</v>
      </c>
      <c r="DD10" s="313">
        <v>0</v>
      </c>
      <c r="DE10" s="313">
        <v>0</v>
      </c>
      <c r="DF10" s="310">
        <v>0</v>
      </c>
      <c r="DG10" s="315">
        <v>0</v>
      </c>
      <c r="DH10" s="309">
        <v>0</v>
      </c>
      <c r="DI10" s="313">
        <v>0</v>
      </c>
      <c r="DJ10" s="310">
        <v>0</v>
      </c>
      <c r="DK10" s="312">
        <v>0</v>
      </c>
      <c r="DL10" s="313">
        <v>0</v>
      </c>
      <c r="DM10" s="313">
        <v>0</v>
      </c>
      <c r="DN10" s="313">
        <v>0</v>
      </c>
      <c r="DO10" s="313">
        <v>0</v>
      </c>
      <c r="DP10" s="313">
        <v>0</v>
      </c>
      <c r="DQ10" s="310">
        <v>0</v>
      </c>
      <c r="DR10" s="315">
        <v>0</v>
      </c>
      <c r="DS10" s="309">
        <v>16</v>
      </c>
      <c r="DT10" s="313">
        <v>37</v>
      </c>
      <c r="DU10" s="310">
        <v>53</v>
      </c>
      <c r="DV10" s="312">
        <v>0</v>
      </c>
      <c r="DW10" s="313">
        <v>145</v>
      </c>
      <c r="DX10" s="313">
        <v>204</v>
      </c>
      <c r="DY10" s="313">
        <v>117</v>
      </c>
      <c r="DZ10" s="313">
        <v>74</v>
      </c>
      <c r="EA10" s="313">
        <v>35</v>
      </c>
      <c r="EB10" s="310">
        <v>575</v>
      </c>
      <c r="EC10" s="315">
        <v>628</v>
      </c>
      <c r="ED10" s="309">
        <v>8</v>
      </c>
      <c r="EE10" s="313">
        <v>6</v>
      </c>
      <c r="EF10" s="310">
        <v>14</v>
      </c>
      <c r="EG10" s="312">
        <v>0</v>
      </c>
      <c r="EH10" s="313">
        <v>50</v>
      </c>
      <c r="EI10" s="313">
        <v>35</v>
      </c>
      <c r="EJ10" s="313">
        <v>32</v>
      </c>
      <c r="EK10" s="313">
        <v>29</v>
      </c>
      <c r="EL10" s="313">
        <v>14</v>
      </c>
      <c r="EM10" s="310">
        <v>160</v>
      </c>
      <c r="EN10" s="315">
        <v>174</v>
      </c>
      <c r="EO10" s="309">
        <v>20</v>
      </c>
      <c r="EP10" s="313">
        <v>41</v>
      </c>
      <c r="EQ10" s="310">
        <v>61</v>
      </c>
      <c r="ER10" s="312">
        <v>0</v>
      </c>
      <c r="ES10" s="313">
        <v>357</v>
      </c>
      <c r="ET10" s="313">
        <v>290</v>
      </c>
      <c r="EU10" s="313">
        <v>147</v>
      </c>
      <c r="EV10" s="313">
        <v>79</v>
      </c>
      <c r="EW10" s="313">
        <v>36</v>
      </c>
      <c r="EX10" s="310">
        <v>909</v>
      </c>
      <c r="EY10" s="315">
        <v>970</v>
      </c>
    </row>
    <row r="11" spans="1:155" ht="19.5" customHeight="1" x14ac:dyDescent="0.2">
      <c r="A11" s="294" t="s">
        <v>8</v>
      </c>
      <c r="B11" s="309">
        <v>0</v>
      </c>
      <c r="C11" s="310">
        <v>0</v>
      </c>
      <c r="D11" s="311">
        <v>0</v>
      </c>
      <c r="E11" s="312">
        <v>0</v>
      </c>
      <c r="F11" s="313">
        <v>23</v>
      </c>
      <c r="G11" s="313">
        <v>30</v>
      </c>
      <c r="H11" s="313">
        <v>22</v>
      </c>
      <c r="I11" s="313">
        <v>5</v>
      </c>
      <c r="J11" s="313">
        <v>11</v>
      </c>
      <c r="K11" s="314">
        <v>91</v>
      </c>
      <c r="L11" s="315">
        <v>91</v>
      </c>
      <c r="M11" s="309">
        <v>0</v>
      </c>
      <c r="N11" s="313">
        <v>0</v>
      </c>
      <c r="O11" s="310">
        <v>0</v>
      </c>
      <c r="P11" s="312">
        <v>0</v>
      </c>
      <c r="Q11" s="313">
        <v>0</v>
      </c>
      <c r="R11" s="313">
        <v>1</v>
      </c>
      <c r="S11" s="313">
        <v>1</v>
      </c>
      <c r="T11" s="313">
        <v>3</v>
      </c>
      <c r="U11" s="313">
        <v>5</v>
      </c>
      <c r="V11" s="310">
        <v>10</v>
      </c>
      <c r="W11" s="315">
        <v>10</v>
      </c>
      <c r="X11" s="309">
        <v>4</v>
      </c>
      <c r="Y11" s="313">
        <v>7</v>
      </c>
      <c r="Z11" s="310">
        <v>11</v>
      </c>
      <c r="AA11" s="312">
        <v>0</v>
      </c>
      <c r="AB11" s="313">
        <v>19</v>
      </c>
      <c r="AC11" s="313">
        <v>24</v>
      </c>
      <c r="AD11" s="313">
        <v>18</v>
      </c>
      <c r="AE11" s="313">
        <v>15</v>
      </c>
      <c r="AF11" s="313">
        <v>8</v>
      </c>
      <c r="AG11" s="310">
        <v>84</v>
      </c>
      <c r="AH11" s="315">
        <v>95</v>
      </c>
      <c r="AI11" s="309">
        <v>0</v>
      </c>
      <c r="AJ11" s="313">
        <v>2</v>
      </c>
      <c r="AK11" s="310">
        <v>2</v>
      </c>
      <c r="AL11" s="312">
        <v>0</v>
      </c>
      <c r="AM11" s="313">
        <v>2</v>
      </c>
      <c r="AN11" s="313">
        <v>7</v>
      </c>
      <c r="AO11" s="313">
        <v>9</v>
      </c>
      <c r="AP11" s="313">
        <v>4</v>
      </c>
      <c r="AQ11" s="313">
        <v>1</v>
      </c>
      <c r="AR11" s="310">
        <v>23</v>
      </c>
      <c r="AS11" s="315">
        <v>25</v>
      </c>
      <c r="AT11" s="309">
        <v>9</v>
      </c>
      <c r="AU11" s="313">
        <v>7</v>
      </c>
      <c r="AV11" s="310">
        <v>16</v>
      </c>
      <c r="AW11" s="312">
        <v>0</v>
      </c>
      <c r="AX11" s="313">
        <v>29</v>
      </c>
      <c r="AY11" s="313">
        <v>36</v>
      </c>
      <c r="AZ11" s="313">
        <v>29</v>
      </c>
      <c r="BA11" s="313">
        <v>32</v>
      </c>
      <c r="BB11" s="313">
        <v>19</v>
      </c>
      <c r="BC11" s="314">
        <v>145</v>
      </c>
      <c r="BD11" s="315">
        <v>161</v>
      </c>
      <c r="BE11" s="309">
        <v>0</v>
      </c>
      <c r="BF11" s="313">
        <v>0</v>
      </c>
      <c r="BG11" s="310">
        <v>0</v>
      </c>
      <c r="BH11" s="312">
        <v>0</v>
      </c>
      <c r="BI11" s="313">
        <v>35</v>
      </c>
      <c r="BJ11" s="313">
        <v>39</v>
      </c>
      <c r="BK11" s="313">
        <v>18</v>
      </c>
      <c r="BL11" s="313">
        <v>7</v>
      </c>
      <c r="BM11" s="313">
        <v>5</v>
      </c>
      <c r="BN11" s="310">
        <v>104</v>
      </c>
      <c r="BO11" s="315">
        <v>104</v>
      </c>
      <c r="BP11" s="309">
        <v>7</v>
      </c>
      <c r="BQ11" s="313">
        <v>2</v>
      </c>
      <c r="BR11" s="310">
        <v>9</v>
      </c>
      <c r="BS11" s="312">
        <v>0</v>
      </c>
      <c r="BT11" s="313">
        <v>3</v>
      </c>
      <c r="BU11" s="313">
        <v>12</v>
      </c>
      <c r="BV11" s="313">
        <v>6</v>
      </c>
      <c r="BW11" s="313">
        <v>3</v>
      </c>
      <c r="BX11" s="313">
        <v>1</v>
      </c>
      <c r="BY11" s="310">
        <v>25</v>
      </c>
      <c r="BZ11" s="315">
        <v>34</v>
      </c>
      <c r="CA11" s="309">
        <v>0</v>
      </c>
      <c r="CB11" s="313">
        <v>0</v>
      </c>
      <c r="CC11" s="310">
        <v>0</v>
      </c>
      <c r="CD11" s="312">
        <v>0</v>
      </c>
      <c r="CE11" s="313">
        <v>4</v>
      </c>
      <c r="CF11" s="313">
        <v>5</v>
      </c>
      <c r="CG11" s="313">
        <v>8</v>
      </c>
      <c r="CH11" s="313">
        <v>4</v>
      </c>
      <c r="CI11" s="313">
        <v>2</v>
      </c>
      <c r="CJ11" s="310">
        <v>23</v>
      </c>
      <c r="CK11" s="315">
        <v>23</v>
      </c>
      <c r="CL11" s="309">
        <v>0</v>
      </c>
      <c r="CM11" s="313">
        <v>0</v>
      </c>
      <c r="CN11" s="310">
        <v>0</v>
      </c>
      <c r="CO11" s="312">
        <v>0</v>
      </c>
      <c r="CP11" s="313">
        <v>0</v>
      </c>
      <c r="CQ11" s="313">
        <v>0</v>
      </c>
      <c r="CR11" s="313">
        <v>1</v>
      </c>
      <c r="CS11" s="313">
        <v>0</v>
      </c>
      <c r="CT11" s="313">
        <v>0</v>
      </c>
      <c r="CU11" s="310">
        <v>1</v>
      </c>
      <c r="CV11" s="315">
        <v>1</v>
      </c>
      <c r="CW11" s="309">
        <v>0</v>
      </c>
      <c r="CX11" s="313">
        <v>0</v>
      </c>
      <c r="CY11" s="310">
        <v>0</v>
      </c>
      <c r="CZ11" s="312">
        <v>0</v>
      </c>
      <c r="DA11" s="313">
        <v>0</v>
      </c>
      <c r="DB11" s="313">
        <v>0</v>
      </c>
      <c r="DC11" s="313">
        <v>0</v>
      </c>
      <c r="DD11" s="313">
        <v>0</v>
      </c>
      <c r="DE11" s="313">
        <v>0</v>
      </c>
      <c r="DF11" s="310">
        <v>0</v>
      </c>
      <c r="DG11" s="315">
        <v>0</v>
      </c>
      <c r="DH11" s="309">
        <v>0</v>
      </c>
      <c r="DI11" s="313">
        <v>0</v>
      </c>
      <c r="DJ11" s="310">
        <v>0</v>
      </c>
      <c r="DK11" s="312">
        <v>0</v>
      </c>
      <c r="DL11" s="313">
        <v>0</v>
      </c>
      <c r="DM11" s="313">
        <v>0</v>
      </c>
      <c r="DN11" s="313">
        <v>0</v>
      </c>
      <c r="DO11" s="313">
        <v>0</v>
      </c>
      <c r="DP11" s="313">
        <v>0</v>
      </c>
      <c r="DQ11" s="310">
        <v>0</v>
      </c>
      <c r="DR11" s="315">
        <v>0</v>
      </c>
      <c r="DS11" s="309">
        <v>21</v>
      </c>
      <c r="DT11" s="313">
        <v>17</v>
      </c>
      <c r="DU11" s="310">
        <v>38</v>
      </c>
      <c r="DV11" s="312">
        <v>0</v>
      </c>
      <c r="DW11" s="313">
        <v>56</v>
      </c>
      <c r="DX11" s="313">
        <v>90</v>
      </c>
      <c r="DY11" s="313">
        <v>59</v>
      </c>
      <c r="DZ11" s="313">
        <v>28</v>
      </c>
      <c r="EA11" s="313">
        <v>19</v>
      </c>
      <c r="EB11" s="310">
        <v>252</v>
      </c>
      <c r="EC11" s="315">
        <v>290</v>
      </c>
      <c r="ED11" s="309">
        <v>5</v>
      </c>
      <c r="EE11" s="313">
        <v>7</v>
      </c>
      <c r="EF11" s="310">
        <v>12</v>
      </c>
      <c r="EG11" s="312">
        <v>0</v>
      </c>
      <c r="EH11" s="313">
        <v>12</v>
      </c>
      <c r="EI11" s="313">
        <v>10</v>
      </c>
      <c r="EJ11" s="313">
        <v>4</v>
      </c>
      <c r="EK11" s="313">
        <v>11</v>
      </c>
      <c r="EL11" s="313">
        <v>6</v>
      </c>
      <c r="EM11" s="310">
        <v>43</v>
      </c>
      <c r="EN11" s="315">
        <v>55</v>
      </c>
      <c r="EO11" s="309">
        <v>27</v>
      </c>
      <c r="EP11" s="313">
        <v>26</v>
      </c>
      <c r="EQ11" s="310">
        <v>53</v>
      </c>
      <c r="ER11" s="312">
        <v>0</v>
      </c>
      <c r="ES11" s="313">
        <v>103</v>
      </c>
      <c r="ET11" s="313">
        <v>113</v>
      </c>
      <c r="EU11" s="313">
        <v>63</v>
      </c>
      <c r="EV11" s="313">
        <v>28</v>
      </c>
      <c r="EW11" s="313">
        <v>19</v>
      </c>
      <c r="EX11" s="310">
        <v>326</v>
      </c>
      <c r="EY11" s="315">
        <v>379</v>
      </c>
    </row>
    <row r="12" spans="1:155" ht="19.5" customHeight="1" x14ac:dyDescent="0.2">
      <c r="A12" s="294" t="s">
        <v>9</v>
      </c>
      <c r="B12" s="309">
        <v>0</v>
      </c>
      <c r="C12" s="310">
        <v>0</v>
      </c>
      <c r="D12" s="311">
        <v>0</v>
      </c>
      <c r="E12" s="312">
        <v>0</v>
      </c>
      <c r="F12" s="313">
        <v>50</v>
      </c>
      <c r="G12" s="313">
        <v>47</v>
      </c>
      <c r="H12" s="313">
        <v>30</v>
      </c>
      <c r="I12" s="313">
        <v>29</v>
      </c>
      <c r="J12" s="313">
        <v>14</v>
      </c>
      <c r="K12" s="314">
        <v>170</v>
      </c>
      <c r="L12" s="315">
        <v>170</v>
      </c>
      <c r="M12" s="309">
        <v>0</v>
      </c>
      <c r="N12" s="313">
        <v>0</v>
      </c>
      <c r="O12" s="310">
        <v>0</v>
      </c>
      <c r="P12" s="312">
        <v>0</v>
      </c>
      <c r="Q12" s="313">
        <v>1</v>
      </c>
      <c r="R12" s="313">
        <v>0</v>
      </c>
      <c r="S12" s="313">
        <v>1</v>
      </c>
      <c r="T12" s="313">
        <v>4</v>
      </c>
      <c r="U12" s="313">
        <v>5</v>
      </c>
      <c r="V12" s="310">
        <v>11</v>
      </c>
      <c r="W12" s="315">
        <v>11</v>
      </c>
      <c r="X12" s="309">
        <v>2</v>
      </c>
      <c r="Y12" s="313">
        <v>8</v>
      </c>
      <c r="Z12" s="310">
        <v>10</v>
      </c>
      <c r="AA12" s="312">
        <v>0</v>
      </c>
      <c r="AB12" s="313">
        <v>35</v>
      </c>
      <c r="AC12" s="313">
        <v>29</v>
      </c>
      <c r="AD12" s="313">
        <v>21</v>
      </c>
      <c r="AE12" s="313">
        <v>24</v>
      </c>
      <c r="AF12" s="313">
        <v>15</v>
      </c>
      <c r="AG12" s="310">
        <v>124</v>
      </c>
      <c r="AH12" s="315">
        <v>134</v>
      </c>
      <c r="AI12" s="309">
        <v>2</v>
      </c>
      <c r="AJ12" s="313">
        <v>1</v>
      </c>
      <c r="AK12" s="310">
        <v>3</v>
      </c>
      <c r="AL12" s="312">
        <v>0</v>
      </c>
      <c r="AM12" s="313">
        <v>1</v>
      </c>
      <c r="AN12" s="313">
        <v>7</v>
      </c>
      <c r="AO12" s="313">
        <v>4</v>
      </c>
      <c r="AP12" s="313">
        <v>5</v>
      </c>
      <c r="AQ12" s="313">
        <v>3</v>
      </c>
      <c r="AR12" s="310">
        <v>20</v>
      </c>
      <c r="AS12" s="315">
        <v>23</v>
      </c>
      <c r="AT12" s="309">
        <v>16</v>
      </c>
      <c r="AU12" s="313">
        <v>10</v>
      </c>
      <c r="AV12" s="310">
        <v>26</v>
      </c>
      <c r="AW12" s="312">
        <v>0</v>
      </c>
      <c r="AX12" s="313">
        <v>54</v>
      </c>
      <c r="AY12" s="313">
        <v>48</v>
      </c>
      <c r="AZ12" s="313">
        <v>54</v>
      </c>
      <c r="BA12" s="313">
        <v>42</v>
      </c>
      <c r="BB12" s="313">
        <v>34</v>
      </c>
      <c r="BC12" s="314">
        <v>232</v>
      </c>
      <c r="BD12" s="315">
        <v>258</v>
      </c>
      <c r="BE12" s="309">
        <v>0</v>
      </c>
      <c r="BF12" s="313">
        <v>0</v>
      </c>
      <c r="BG12" s="310">
        <v>0</v>
      </c>
      <c r="BH12" s="312">
        <v>0</v>
      </c>
      <c r="BI12" s="313">
        <v>56</v>
      </c>
      <c r="BJ12" s="313">
        <v>51</v>
      </c>
      <c r="BK12" s="313">
        <v>32</v>
      </c>
      <c r="BL12" s="313">
        <v>16</v>
      </c>
      <c r="BM12" s="313">
        <v>7</v>
      </c>
      <c r="BN12" s="310">
        <v>162</v>
      </c>
      <c r="BO12" s="315">
        <v>162</v>
      </c>
      <c r="BP12" s="309">
        <v>3</v>
      </c>
      <c r="BQ12" s="313">
        <v>3</v>
      </c>
      <c r="BR12" s="310">
        <v>6</v>
      </c>
      <c r="BS12" s="312">
        <v>0</v>
      </c>
      <c r="BT12" s="313">
        <v>14</v>
      </c>
      <c r="BU12" s="313">
        <v>23</v>
      </c>
      <c r="BV12" s="313">
        <v>10</v>
      </c>
      <c r="BW12" s="313">
        <v>6</v>
      </c>
      <c r="BX12" s="313">
        <v>1</v>
      </c>
      <c r="BY12" s="310">
        <v>54</v>
      </c>
      <c r="BZ12" s="315">
        <v>60</v>
      </c>
      <c r="CA12" s="309">
        <v>0</v>
      </c>
      <c r="CB12" s="313">
        <v>0</v>
      </c>
      <c r="CC12" s="310">
        <v>0</v>
      </c>
      <c r="CD12" s="312">
        <v>0</v>
      </c>
      <c r="CE12" s="313">
        <v>5</v>
      </c>
      <c r="CF12" s="313">
        <v>10</v>
      </c>
      <c r="CG12" s="313">
        <v>14</v>
      </c>
      <c r="CH12" s="313">
        <v>5</v>
      </c>
      <c r="CI12" s="313">
        <v>2</v>
      </c>
      <c r="CJ12" s="310">
        <v>36</v>
      </c>
      <c r="CK12" s="315">
        <v>36</v>
      </c>
      <c r="CL12" s="309">
        <v>0</v>
      </c>
      <c r="CM12" s="313">
        <v>0</v>
      </c>
      <c r="CN12" s="310">
        <v>0</v>
      </c>
      <c r="CO12" s="312">
        <v>0</v>
      </c>
      <c r="CP12" s="313">
        <v>2</v>
      </c>
      <c r="CQ12" s="313">
        <v>2</v>
      </c>
      <c r="CR12" s="313">
        <v>1</v>
      </c>
      <c r="CS12" s="313">
        <v>0</v>
      </c>
      <c r="CT12" s="313">
        <v>0</v>
      </c>
      <c r="CU12" s="310">
        <v>5</v>
      </c>
      <c r="CV12" s="315">
        <v>5</v>
      </c>
      <c r="CW12" s="309">
        <v>0</v>
      </c>
      <c r="CX12" s="313">
        <v>0</v>
      </c>
      <c r="CY12" s="310">
        <v>0</v>
      </c>
      <c r="CZ12" s="312">
        <v>0</v>
      </c>
      <c r="DA12" s="313">
        <v>0</v>
      </c>
      <c r="DB12" s="313">
        <v>0</v>
      </c>
      <c r="DC12" s="313">
        <v>0</v>
      </c>
      <c r="DD12" s="313">
        <v>0</v>
      </c>
      <c r="DE12" s="313">
        <v>0</v>
      </c>
      <c r="DF12" s="310">
        <v>0</v>
      </c>
      <c r="DG12" s="315">
        <v>0</v>
      </c>
      <c r="DH12" s="309">
        <v>0</v>
      </c>
      <c r="DI12" s="313">
        <v>0</v>
      </c>
      <c r="DJ12" s="310">
        <v>0</v>
      </c>
      <c r="DK12" s="312">
        <v>0</v>
      </c>
      <c r="DL12" s="313">
        <v>0</v>
      </c>
      <c r="DM12" s="313">
        <v>0</v>
      </c>
      <c r="DN12" s="313">
        <v>0</v>
      </c>
      <c r="DO12" s="313">
        <v>0</v>
      </c>
      <c r="DP12" s="313">
        <v>0</v>
      </c>
      <c r="DQ12" s="310">
        <v>0</v>
      </c>
      <c r="DR12" s="315">
        <v>0</v>
      </c>
      <c r="DS12" s="309">
        <v>29</v>
      </c>
      <c r="DT12" s="313">
        <v>30</v>
      </c>
      <c r="DU12" s="310">
        <v>59</v>
      </c>
      <c r="DV12" s="312">
        <v>0</v>
      </c>
      <c r="DW12" s="313">
        <v>85</v>
      </c>
      <c r="DX12" s="313">
        <v>103</v>
      </c>
      <c r="DY12" s="313">
        <v>61</v>
      </c>
      <c r="DZ12" s="313">
        <v>47</v>
      </c>
      <c r="EA12" s="313">
        <v>27</v>
      </c>
      <c r="EB12" s="310">
        <v>323</v>
      </c>
      <c r="EC12" s="315">
        <v>382</v>
      </c>
      <c r="ED12" s="309">
        <v>10</v>
      </c>
      <c r="EE12" s="313">
        <v>4</v>
      </c>
      <c r="EF12" s="310">
        <v>14</v>
      </c>
      <c r="EG12" s="312">
        <v>0</v>
      </c>
      <c r="EH12" s="313">
        <v>21</v>
      </c>
      <c r="EI12" s="313">
        <v>16</v>
      </c>
      <c r="EJ12" s="313">
        <v>13</v>
      </c>
      <c r="EK12" s="313">
        <v>12</v>
      </c>
      <c r="EL12" s="313">
        <v>13</v>
      </c>
      <c r="EM12" s="310">
        <v>75</v>
      </c>
      <c r="EN12" s="315">
        <v>89</v>
      </c>
      <c r="EO12" s="309">
        <v>36</v>
      </c>
      <c r="EP12" s="313">
        <v>38</v>
      </c>
      <c r="EQ12" s="310">
        <v>74</v>
      </c>
      <c r="ER12" s="312">
        <v>0</v>
      </c>
      <c r="ES12" s="313">
        <v>159</v>
      </c>
      <c r="ET12" s="313">
        <v>139</v>
      </c>
      <c r="EU12" s="313">
        <v>80</v>
      </c>
      <c r="EV12" s="313">
        <v>53</v>
      </c>
      <c r="EW12" s="313">
        <v>26</v>
      </c>
      <c r="EX12" s="310">
        <v>457</v>
      </c>
      <c r="EY12" s="315">
        <v>531</v>
      </c>
    </row>
    <row r="13" spans="1:155" ht="19.5" customHeight="1" x14ac:dyDescent="0.2">
      <c r="A13" s="294" t="s">
        <v>10</v>
      </c>
      <c r="B13" s="309">
        <v>0</v>
      </c>
      <c r="C13" s="310">
        <v>0</v>
      </c>
      <c r="D13" s="311">
        <v>0</v>
      </c>
      <c r="E13" s="312">
        <v>0</v>
      </c>
      <c r="F13" s="313">
        <v>88</v>
      </c>
      <c r="G13" s="313">
        <v>50</v>
      </c>
      <c r="H13" s="313">
        <v>38</v>
      </c>
      <c r="I13" s="313">
        <v>29</v>
      </c>
      <c r="J13" s="313">
        <v>15</v>
      </c>
      <c r="K13" s="314">
        <v>220</v>
      </c>
      <c r="L13" s="315">
        <v>220</v>
      </c>
      <c r="M13" s="309">
        <v>0</v>
      </c>
      <c r="N13" s="313">
        <v>0</v>
      </c>
      <c r="O13" s="310">
        <v>0</v>
      </c>
      <c r="P13" s="312">
        <v>0</v>
      </c>
      <c r="Q13" s="313">
        <v>0</v>
      </c>
      <c r="R13" s="313">
        <v>0</v>
      </c>
      <c r="S13" s="313">
        <v>4</v>
      </c>
      <c r="T13" s="313">
        <v>8</v>
      </c>
      <c r="U13" s="313">
        <v>8</v>
      </c>
      <c r="V13" s="310">
        <v>20</v>
      </c>
      <c r="W13" s="315">
        <v>20</v>
      </c>
      <c r="X13" s="309">
        <v>16</v>
      </c>
      <c r="Y13" s="313">
        <v>25</v>
      </c>
      <c r="Z13" s="310">
        <v>41</v>
      </c>
      <c r="AA13" s="312">
        <v>0</v>
      </c>
      <c r="AB13" s="313">
        <v>51</v>
      </c>
      <c r="AC13" s="313">
        <v>40</v>
      </c>
      <c r="AD13" s="313">
        <v>19</v>
      </c>
      <c r="AE13" s="313">
        <v>25</v>
      </c>
      <c r="AF13" s="313">
        <v>16</v>
      </c>
      <c r="AG13" s="310">
        <v>151</v>
      </c>
      <c r="AH13" s="315">
        <v>192</v>
      </c>
      <c r="AI13" s="309">
        <v>1</v>
      </c>
      <c r="AJ13" s="313">
        <v>5</v>
      </c>
      <c r="AK13" s="310">
        <v>6</v>
      </c>
      <c r="AL13" s="312">
        <v>0</v>
      </c>
      <c r="AM13" s="313">
        <v>12</v>
      </c>
      <c r="AN13" s="313">
        <v>5</v>
      </c>
      <c r="AO13" s="313">
        <v>5</v>
      </c>
      <c r="AP13" s="313">
        <v>3</v>
      </c>
      <c r="AQ13" s="313">
        <v>0</v>
      </c>
      <c r="AR13" s="310">
        <v>25</v>
      </c>
      <c r="AS13" s="315">
        <v>31</v>
      </c>
      <c r="AT13" s="309">
        <v>14</v>
      </c>
      <c r="AU13" s="313">
        <v>23</v>
      </c>
      <c r="AV13" s="310">
        <v>37</v>
      </c>
      <c r="AW13" s="312">
        <v>0</v>
      </c>
      <c r="AX13" s="313">
        <v>87</v>
      </c>
      <c r="AY13" s="313">
        <v>79</v>
      </c>
      <c r="AZ13" s="313">
        <v>66</v>
      </c>
      <c r="BA13" s="313">
        <v>59</v>
      </c>
      <c r="BB13" s="313">
        <v>46</v>
      </c>
      <c r="BC13" s="314">
        <v>337</v>
      </c>
      <c r="BD13" s="315">
        <v>374</v>
      </c>
      <c r="BE13" s="309">
        <v>0</v>
      </c>
      <c r="BF13" s="313">
        <v>0</v>
      </c>
      <c r="BG13" s="310">
        <v>0</v>
      </c>
      <c r="BH13" s="312">
        <v>0</v>
      </c>
      <c r="BI13" s="313">
        <v>128</v>
      </c>
      <c r="BJ13" s="313">
        <v>70</v>
      </c>
      <c r="BK13" s="313">
        <v>44</v>
      </c>
      <c r="BL13" s="313">
        <v>13</v>
      </c>
      <c r="BM13" s="313">
        <v>9</v>
      </c>
      <c r="BN13" s="310">
        <v>264</v>
      </c>
      <c r="BO13" s="315">
        <v>264</v>
      </c>
      <c r="BP13" s="309">
        <v>5</v>
      </c>
      <c r="BQ13" s="313">
        <v>2</v>
      </c>
      <c r="BR13" s="310">
        <v>7</v>
      </c>
      <c r="BS13" s="312">
        <v>0</v>
      </c>
      <c r="BT13" s="313">
        <v>16</v>
      </c>
      <c r="BU13" s="313">
        <v>14</v>
      </c>
      <c r="BV13" s="313">
        <v>13</v>
      </c>
      <c r="BW13" s="313">
        <v>5</v>
      </c>
      <c r="BX13" s="313">
        <v>2</v>
      </c>
      <c r="BY13" s="310">
        <v>50</v>
      </c>
      <c r="BZ13" s="315">
        <v>57</v>
      </c>
      <c r="CA13" s="309">
        <v>0</v>
      </c>
      <c r="CB13" s="313">
        <v>1</v>
      </c>
      <c r="CC13" s="310">
        <v>1</v>
      </c>
      <c r="CD13" s="312">
        <v>0</v>
      </c>
      <c r="CE13" s="313">
        <v>12</v>
      </c>
      <c r="CF13" s="313">
        <v>10</v>
      </c>
      <c r="CG13" s="313">
        <v>22</v>
      </c>
      <c r="CH13" s="313">
        <v>7</v>
      </c>
      <c r="CI13" s="313">
        <v>4</v>
      </c>
      <c r="CJ13" s="310">
        <v>55</v>
      </c>
      <c r="CK13" s="315">
        <v>56</v>
      </c>
      <c r="CL13" s="309">
        <v>0</v>
      </c>
      <c r="CM13" s="313">
        <v>0</v>
      </c>
      <c r="CN13" s="310">
        <v>0</v>
      </c>
      <c r="CO13" s="312">
        <v>0</v>
      </c>
      <c r="CP13" s="313">
        <v>0</v>
      </c>
      <c r="CQ13" s="313">
        <v>3</v>
      </c>
      <c r="CR13" s="313">
        <v>3</v>
      </c>
      <c r="CS13" s="313">
        <v>1</v>
      </c>
      <c r="CT13" s="313">
        <v>1</v>
      </c>
      <c r="CU13" s="310">
        <v>8</v>
      </c>
      <c r="CV13" s="315">
        <v>8</v>
      </c>
      <c r="CW13" s="309">
        <v>0</v>
      </c>
      <c r="CX13" s="313">
        <v>0</v>
      </c>
      <c r="CY13" s="310">
        <v>0</v>
      </c>
      <c r="CZ13" s="312">
        <v>0</v>
      </c>
      <c r="DA13" s="313">
        <v>0</v>
      </c>
      <c r="DB13" s="313">
        <v>0</v>
      </c>
      <c r="DC13" s="313">
        <v>0</v>
      </c>
      <c r="DD13" s="313">
        <v>0</v>
      </c>
      <c r="DE13" s="313">
        <v>0</v>
      </c>
      <c r="DF13" s="310">
        <v>0</v>
      </c>
      <c r="DG13" s="315">
        <v>0</v>
      </c>
      <c r="DH13" s="309">
        <v>0</v>
      </c>
      <c r="DI13" s="313">
        <v>0</v>
      </c>
      <c r="DJ13" s="310">
        <v>0</v>
      </c>
      <c r="DK13" s="312">
        <v>0</v>
      </c>
      <c r="DL13" s="313">
        <v>0</v>
      </c>
      <c r="DM13" s="313">
        <v>0</v>
      </c>
      <c r="DN13" s="313">
        <v>0</v>
      </c>
      <c r="DO13" s="313">
        <v>0</v>
      </c>
      <c r="DP13" s="313">
        <v>0</v>
      </c>
      <c r="DQ13" s="310">
        <v>0</v>
      </c>
      <c r="DR13" s="315">
        <v>0</v>
      </c>
      <c r="DS13" s="309">
        <v>56</v>
      </c>
      <c r="DT13" s="313">
        <v>90</v>
      </c>
      <c r="DU13" s="310">
        <v>146</v>
      </c>
      <c r="DV13" s="312">
        <v>0</v>
      </c>
      <c r="DW13" s="313">
        <v>137</v>
      </c>
      <c r="DX13" s="313">
        <v>130</v>
      </c>
      <c r="DY13" s="313">
        <v>82</v>
      </c>
      <c r="DZ13" s="313">
        <v>54</v>
      </c>
      <c r="EA13" s="313">
        <v>28</v>
      </c>
      <c r="EB13" s="310">
        <v>431</v>
      </c>
      <c r="EC13" s="315">
        <v>577</v>
      </c>
      <c r="ED13" s="309">
        <v>9</v>
      </c>
      <c r="EE13" s="313">
        <v>9</v>
      </c>
      <c r="EF13" s="310">
        <v>18</v>
      </c>
      <c r="EG13" s="312">
        <v>0</v>
      </c>
      <c r="EH13" s="313">
        <v>28</v>
      </c>
      <c r="EI13" s="313">
        <v>16</v>
      </c>
      <c r="EJ13" s="313">
        <v>15</v>
      </c>
      <c r="EK13" s="313">
        <v>14</v>
      </c>
      <c r="EL13" s="313">
        <v>11</v>
      </c>
      <c r="EM13" s="310">
        <v>84</v>
      </c>
      <c r="EN13" s="315">
        <v>102</v>
      </c>
      <c r="EO13" s="309">
        <v>71</v>
      </c>
      <c r="EP13" s="313">
        <v>106</v>
      </c>
      <c r="EQ13" s="310">
        <v>177</v>
      </c>
      <c r="ER13" s="312">
        <v>0</v>
      </c>
      <c r="ES13" s="313">
        <v>266</v>
      </c>
      <c r="ET13" s="313">
        <v>159</v>
      </c>
      <c r="EU13" s="313">
        <v>88</v>
      </c>
      <c r="EV13" s="313">
        <v>56</v>
      </c>
      <c r="EW13" s="313">
        <v>29</v>
      </c>
      <c r="EX13" s="310">
        <v>598</v>
      </c>
      <c r="EY13" s="315">
        <v>775</v>
      </c>
    </row>
    <row r="14" spans="1:155" ht="19.5" customHeight="1" x14ac:dyDescent="0.2">
      <c r="A14" s="294" t="s">
        <v>11</v>
      </c>
      <c r="B14" s="309">
        <v>0</v>
      </c>
      <c r="C14" s="310">
        <v>0</v>
      </c>
      <c r="D14" s="311">
        <v>0</v>
      </c>
      <c r="E14" s="312">
        <v>0</v>
      </c>
      <c r="F14" s="313">
        <v>22</v>
      </c>
      <c r="G14" s="313">
        <v>12</v>
      </c>
      <c r="H14" s="313">
        <v>8</v>
      </c>
      <c r="I14" s="313">
        <v>14</v>
      </c>
      <c r="J14" s="313">
        <v>10</v>
      </c>
      <c r="K14" s="314">
        <v>66</v>
      </c>
      <c r="L14" s="315">
        <v>66</v>
      </c>
      <c r="M14" s="309">
        <v>0</v>
      </c>
      <c r="N14" s="313">
        <v>0</v>
      </c>
      <c r="O14" s="310">
        <v>0</v>
      </c>
      <c r="P14" s="312">
        <v>0</v>
      </c>
      <c r="Q14" s="313">
        <v>0</v>
      </c>
      <c r="R14" s="313">
        <v>1</v>
      </c>
      <c r="S14" s="313">
        <v>3</v>
      </c>
      <c r="T14" s="313">
        <v>1</v>
      </c>
      <c r="U14" s="313">
        <v>2</v>
      </c>
      <c r="V14" s="310">
        <v>7</v>
      </c>
      <c r="W14" s="315">
        <v>7</v>
      </c>
      <c r="X14" s="309">
        <v>4</v>
      </c>
      <c r="Y14" s="313">
        <v>3</v>
      </c>
      <c r="Z14" s="310">
        <v>7</v>
      </c>
      <c r="AA14" s="312">
        <v>0</v>
      </c>
      <c r="AB14" s="313">
        <v>23</v>
      </c>
      <c r="AC14" s="313">
        <v>11</v>
      </c>
      <c r="AD14" s="313">
        <v>13</v>
      </c>
      <c r="AE14" s="313">
        <v>13</v>
      </c>
      <c r="AF14" s="313">
        <v>11</v>
      </c>
      <c r="AG14" s="310">
        <v>71</v>
      </c>
      <c r="AH14" s="315">
        <v>78</v>
      </c>
      <c r="AI14" s="309">
        <v>1</v>
      </c>
      <c r="AJ14" s="313">
        <v>1</v>
      </c>
      <c r="AK14" s="310">
        <v>2</v>
      </c>
      <c r="AL14" s="312">
        <v>0</v>
      </c>
      <c r="AM14" s="313">
        <v>2</v>
      </c>
      <c r="AN14" s="313">
        <v>1</v>
      </c>
      <c r="AO14" s="313">
        <v>1</v>
      </c>
      <c r="AP14" s="313">
        <v>6</v>
      </c>
      <c r="AQ14" s="313">
        <v>0</v>
      </c>
      <c r="AR14" s="310">
        <v>10</v>
      </c>
      <c r="AS14" s="315">
        <v>12</v>
      </c>
      <c r="AT14" s="309">
        <v>4</v>
      </c>
      <c r="AU14" s="313">
        <v>7</v>
      </c>
      <c r="AV14" s="310">
        <v>11</v>
      </c>
      <c r="AW14" s="312">
        <v>0</v>
      </c>
      <c r="AX14" s="313">
        <v>33</v>
      </c>
      <c r="AY14" s="313">
        <v>27</v>
      </c>
      <c r="AZ14" s="313">
        <v>27</v>
      </c>
      <c r="BA14" s="313">
        <v>21</v>
      </c>
      <c r="BB14" s="313">
        <v>18</v>
      </c>
      <c r="BC14" s="314">
        <v>126</v>
      </c>
      <c r="BD14" s="315">
        <v>137</v>
      </c>
      <c r="BE14" s="309">
        <v>0</v>
      </c>
      <c r="BF14" s="313">
        <v>0</v>
      </c>
      <c r="BG14" s="310">
        <v>0</v>
      </c>
      <c r="BH14" s="312">
        <v>0</v>
      </c>
      <c r="BI14" s="313">
        <v>41</v>
      </c>
      <c r="BJ14" s="313">
        <v>21</v>
      </c>
      <c r="BK14" s="313">
        <v>13</v>
      </c>
      <c r="BL14" s="313">
        <v>8</v>
      </c>
      <c r="BM14" s="313">
        <v>1</v>
      </c>
      <c r="BN14" s="310">
        <v>84</v>
      </c>
      <c r="BO14" s="315">
        <v>84</v>
      </c>
      <c r="BP14" s="309">
        <v>3</v>
      </c>
      <c r="BQ14" s="313">
        <v>2</v>
      </c>
      <c r="BR14" s="310">
        <v>5</v>
      </c>
      <c r="BS14" s="312">
        <v>0</v>
      </c>
      <c r="BT14" s="313">
        <v>21</v>
      </c>
      <c r="BU14" s="313">
        <v>10</v>
      </c>
      <c r="BV14" s="313">
        <v>6</v>
      </c>
      <c r="BW14" s="313">
        <v>8</v>
      </c>
      <c r="BX14" s="313">
        <v>2</v>
      </c>
      <c r="BY14" s="310">
        <v>47</v>
      </c>
      <c r="BZ14" s="315">
        <v>52</v>
      </c>
      <c r="CA14" s="309">
        <v>0</v>
      </c>
      <c r="CB14" s="313">
        <v>2</v>
      </c>
      <c r="CC14" s="310">
        <v>2</v>
      </c>
      <c r="CD14" s="312">
        <v>0</v>
      </c>
      <c r="CE14" s="313">
        <v>5</v>
      </c>
      <c r="CF14" s="313">
        <v>7</v>
      </c>
      <c r="CG14" s="313">
        <v>5</v>
      </c>
      <c r="CH14" s="313">
        <v>5</v>
      </c>
      <c r="CI14" s="313">
        <v>1</v>
      </c>
      <c r="CJ14" s="310">
        <v>23</v>
      </c>
      <c r="CK14" s="315">
        <v>25</v>
      </c>
      <c r="CL14" s="309">
        <v>0</v>
      </c>
      <c r="CM14" s="313">
        <v>0</v>
      </c>
      <c r="CN14" s="310">
        <v>0</v>
      </c>
      <c r="CO14" s="312">
        <v>0</v>
      </c>
      <c r="CP14" s="313">
        <v>1</v>
      </c>
      <c r="CQ14" s="313">
        <v>1</v>
      </c>
      <c r="CR14" s="313">
        <v>1</v>
      </c>
      <c r="CS14" s="313">
        <v>1</v>
      </c>
      <c r="CT14" s="313">
        <v>0</v>
      </c>
      <c r="CU14" s="310">
        <v>4</v>
      </c>
      <c r="CV14" s="315">
        <v>4</v>
      </c>
      <c r="CW14" s="309">
        <v>0</v>
      </c>
      <c r="CX14" s="313">
        <v>0</v>
      </c>
      <c r="CY14" s="310">
        <v>0</v>
      </c>
      <c r="CZ14" s="312">
        <v>0</v>
      </c>
      <c r="DA14" s="313">
        <v>0</v>
      </c>
      <c r="DB14" s="313">
        <v>0</v>
      </c>
      <c r="DC14" s="313">
        <v>0</v>
      </c>
      <c r="DD14" s="313">
        <v>0</v>
      </c>
      <c r="DE14" s="313">
        <v>0</v>
      </c>
      <c r="DF14" s="310">
        <v>0</v>
      </c>
      <c r="DG14" s="315">
        <v>0</v>
      </c>
      <c r="DH14" s="309">
        <v>0</v>
      </c>
      <c r="DI14" s="313">
        <v>0</v>
      </c>
      <c r="DJ14" s="310">
        <v>0</v>
      </c>
      <c r="DK14" s="312">
        <v>0</v>
      </c>
      <c r="DL14" s="313">
        <v>0</v>
      </c>
      <c r="DM14" s="313">
        <v>0</v>
      </c>
      <c r="DN14" s="313">
        <v>0</v>
      </c>
      <c r="DO14" s="313">
        <v>0</v>
      </c>
      <c r="DP14" s="313">
        <v>0</v>
      </c>
      <c r="DQ14" s="310">
        <v>0</v>
      </c>
      <c r="DR14" s="315">
        <v>0</v>
      </c>
      <c r="DS14" s="309">
        <v>18</v>
      </c>
      <c r="DT14" s="313">
        <v>27</v>
      </c>
      <c r="DU14" s="310">
        <v>45</v>
      </c>
      <c r="DV14" s="312">
        <v>0</v>
      </c>
      <c r="DW14" s="313">
        <v>60</v>
      </c>
      <c r="DX14" s="313">
        <v>49</v>
      </c>
      <c r="DY14" s="313">
        <v>30</v>
      </c>
      <c r="DZ14" s="313">
        <v>27</v>
      </c>
      <c r="EA14" s="313">
        <v>13</v>
      </c>
      <c r="EB14" s="310">
        <v>179</v>
      </c>
      <c r="EC14" s="315">
        <v>224</v>
      </c>
      <c r="ED14" s="309">
        <v>4</v>
      </c>
      <c r="EE14" s="313">
        <v>4</v>
      </c>
      <c r="EF14" s="310">
        <v>8</v>
      </c>
      <c r="EG14" s="312">
        <v>0</v>
      </c>
      <c r="EH14" s="313">
        <v>24</v>
      </c>
      <c r="EI14" s="313">
        <v>20</v>
      </c>
      <c r="EJ14" s="313">
        <v>12</v>
      </c>
      <c r="EK14" s="313">
        <v>12</v>
      </c>
      <c r="EL14" s="313">
        <v>6</v>
      </c>
      <c r="EM14" s="310">
        <v>74</v>
      </c>
      <c r="EN14" s="315">
        <v>82</v>
      </c>
      <c r="EO14" s="309">
        <v>23</v>
      </c>
      <c r="EP14" s="313">
        <v>29</v>
      </c>
      <c r="EQ14" s="310">
        <v>52</v>
      </c>
      <c r="ER14" s="312">
        <v>0</v>
      </c>
      <c r="ES14" s="313">
        <v>113</v>
      </c>
      <c r="ET14" s="313">
        <v>57</v>
      </c>
      <c r="EU14" s="313">
        <v>41</v>
      </c>
      <c r="EV14" s="313">
        <v>28</v>
      </c>
      <c r="EW14" s="313">
        <v>14</v>
      </c>
      <c r="EX14" s="310">
        <v>253</v>
      </c>
      <c r="EY14" s="315">
        <v>305</v>
      </c>
    </row>
    <row r="15" spans="1:155" ht="19.5" customHeight="1" x14ac:dyDescent="0.2">
      <c r="A15" s="294" t="s">
        <v>12</v>
      </c>
      <c r="B15" s="309">
        <v>0</v>
      </c>
      <c r="C15" s="310">
        <v>0</v>
      </c>
      <c r="D15" s="311">
        <v>0</v>
      </c>
      <c r="E15" s="312">
        <v>0</v>
      </c>
      <c r="F15" s="313">
        <v>43</v>
      </c>
      <c r="G15" s="313">
        <v>37</v>
      </c>
      <c r="H15" s="313">
        <v>23</v>
      </c>
      <c r="I15" s="313">
        <v>24</v>
      </c>
      <c r="J15" s="313">
        <v>17</v>
      </c>
      <c r="K15" s="314">
        <v>144</v>
      </c>
      <c r="L15" s="315">
        <v>144</v>
      </c>
      <c r="M15" s="309">
        <v>0</v>
      </c>
      <c r="N15" s="313">
        <v>0</v>
      </c>
      <c r="O15" s="310">
        <v>0</v>
      </c>
      <c r="P15" s="312">
        <v>0</v>
      </c>
      <c r="Q15" s="313">
        <v>0</v>
      </c>
      <c r="R15" s="313">
        <v>0</v>
      </c>
      <c r="S15" s="313">
        <v>3</v>
      </c>
      <c r="T15" s="313">
        <v>4</v>
      </c>
      <c r="U15" s="313">
        <v>4</v>
      </c>
      <c r="V15" s="310">
        <v>11</v>
      </c>
      <c r="W15" s="315">
        <v>11</v>
      </c>
      <c r="X15" s="309">
        <v>16</v>
      </c>
      <c r="Y15" s="313">
        <v>19</v>
      </c>
      <c r="Z15" s="310">
        <v>35</v>
      </c>
      <c r="AA15" s="312">
        <v>0</v>
      </c>
      <c r="AB15" s="313">
        <v>34</v>
      </c>
      <c r="AC15" s="313">
        <v>37</v>
      </c>
      <c r="AD15" s="313">
        <v>13</v>
      </c>
      <c r="AE15" s="313">
        <v>16</v>
      </c>
      <c r="AF15" s="313">
        <v>9</v>
      </c>
      <c r="AG15" s="310">
        <v>109</v>
      </c>
      <c r="AH15" s="315">
        <v>144</v>
      </c>
      <c r="AI15" s="309">
        <v>0</v>
      </c>
      <c r="AJ15" s="313">
        <v>0</v>
      </c>
      <c r="AK15" s="310">
        <v>0</v>
      </c>
      <c r="AL15" s="312">
        <v>0</v>
      </c>
      <c r="AM15" s="313">
        <v>2</v>
      </c>
      <c r="AN15" s="313">
        <v>7</v>
      </c>
      <c r="AO15" s="313">
        <v>1</v>
      </c>
      <c r="AP15" s="313">
        <v>3</v>
      </c>
      <c r="AQ15" s="313">
        <v>1</v>
      </c>
      <c r="AR15" s="310">
        <v>14</v>
      </c>
      <c r="AS15" s="315">
        <v>14</v>
      </c>
      <c r="AT15" s="309">
        <v>6</v>
      </c>
      <c r="AU15" s="313">
        <v>9</v>
      </c>
      <c r="AV15" s="310">
        <v>15</v>
      </c>
      <c r="AW15" s="312">
        <v>0</v>
      </c>
      <c r="AX15" s="313">
        <v>32</v>
      </c>
      <c r="AY15" s="313">
        <v>27</v>
      </c>
      <c r="AZ15" s="313">
        <v>27</v>
      </c>
      <c r="BA15" s="313">
        <v>40</v>
      </c>
      <c r="BB15" s="313">
        <v>25</v>
      </c>
      <c r="BC15" s="314">
        <v>151</v>
      </c>
      <c r="BD15" s="315">
        <v>166</v>
      </c>
      <c r="BE15" s="309">
        <v>0</v>
      </c>
      <c r="BF15" s="313">
        <v>0</v>
      </c>
      <c r="BG15" s="310">
        <v>0</v>
      </c>
      <c r="BH15" s="312">
        <v>0</v>
      </c>
      <c r="BI15" s="313">
        <v>51</v>
      </c>
      <c r="BJ15" s="313">
        <v>28</v>
      </c>
      <c r="BK15" s="313">
        <v>21</v>
      </c>
      <c r="BL15" s="313">
        <v>12</v>
      </c>
      <c r="BM15" s="313">
        <v>7</v>
      </c>
      <c r="BN15" s="310">
        <v>119</v>
      </c>
      <c r="BO15" s="315">
        <v>119</v>
      </c>
      <c r="BP15" s="309">
        <v>11</v>
      </c>
      <c r="BQ15" s="313">
        <v>3</v>
      </c>
      <c r="BR15" s="310">
        <v>14</v>
      </c>
      <c r="BS15" s="312">
        <v>0</v>
      </c>
      <c r="BT15" s="313">
        <v>22</v>
      </c>
      <c r="BU15" s="313">
        <v>11</v>
      </c>
      <c r="BV15" s="313">
        <v>9</v>
      </c>
      <c r="BW15" s="313">
        <v>9</v>
      </c>
      <c r="BX15" s="313">
        <v>2</v>
      </c>
      <c r="BY15" s="310">
        <v>53</v>
      </c>
      <c r="BZ15" s="315">
        <v>67</v>
      </c>
      <c r="CA15" s="309">
        <v>0</v>
      </c>
      <c r="CB15" s="313">
        <v>0</v>
      </c>
      <c r="CC15" s="310">
        <v>0</v>
      </c>
      <c r="CD15" s="312">
        <v>0</v>
      </c>
      <c r="CE15" s="313">
        <v>6</v>
      </c>
      <c r="CF15" s="313">
        <v>11</v>
      </c>
      <c r="CG15" s="313">
        <v>8</v>
      </c>
      <c r="CH15" s="313">
        <v>11</v>
      </c>
      <c r="CI15" s="313">
        <v>3</v>
      </c>
      <c r="CJ15" s="310">
        <v>39</v>
      </c>
      <c r="CK15" s="315">
        <v>39</v>
      </c>
      <c r="CL15" s="309">
        <v>0</v>
      </c>
      <c r="CM15" s="313">
        <v>0</v>
      </c>
      <c r="CN15" s="310">
        <v>0</v>
      </c>
      <c r="CO15" s="312">
        <v>0</v>
      </c>
      <c r="CP15" s="313">
        <v>0</v>
      </c>
      <c r="CQ15" s="313">
        <v>0</v>
      </c>
      <c r="CR15" s="313">
        <v>1</v>
      </c>
      <c r="CS15" s="313">
        <v>0</v>
      </c>
      <c r="CT15" s="313">
        <v>0</v>
      </c>
      <c r="CU15" s="310">
        <v>1</v>
      </c>
      <c r="CV15" s="315">
        <v>1</v>
      </c>
      <c r="CW15" s="309">
        <v>0</v>
      </c>
      <c r="CX15" s="313">
        <v>0</v>
      </c>
      <c r="CY15" s="310">
        <v>0</v>
      </c>
      <c r="CZ15" s="312">
        <v>0</v>
      </c>
      <c r="DA15" s="313">
        <v>0</v>
      </c>
      <c r="DB15" s="313">
        <v>0</v>
      </c>
      <c r="DC15" s="313">
        <v>0</v>
      </c>
      <c r="DD15" s="313">
        <v>0</v>
      </c>
      <c r="DE15" s="313">
        <v>0</v>
      </c>
      <c r="DF15" s="310">
        <v>0</v>
      </c>
      <c r="DG15" s="315">
        <v>0</v>
      </c>
      <c r="DH15" s="309">
        <v>0</v>
      </c>
      <c r="DI15" s="313">
        <v>0</v>
      </c>
      <c r="DJ15" s="310">
        <v>0</v>
      </c>
      <c r="DK15" s="312">
        <v>0</v>
      </c>
      <c r="DL15" s="313">
        <v>0</v>
      </c>
      <c r="DM15" s="313">
        <v>0</v>
      </c>
      <c r="DN15" s="313">
        <v>0</v>
      </c>
      <c r="DO15" s="313">
        <v>0</v>
      </c>
      <c r="DP15" s="313">
        <v>0</v>
      </c>
      <c r="DQ15" s="310">
        <v>0</v>
      </c>
      <c r="DR15" s="315">
        <v>0</v>
      </c>
      <c r="DS15" s="309">
        <v>24</v>
      </c>
      <c r="DT15" s="313">
        <v>40</v>
      </c>
      <c r="DU15" s="310">
        <v>64</v>
      </c>
      <c r="DV15" s="312">
        <v>0</v>
      </c>
      <c r="DW15" s="313">
        <v>40</v>
      </c>
      <c r="DX15" s="313">
        <v>79</v>
      </c>
      <c r="DY15" s="313">
        <v>55</v>
      </c>
      <c r="DZ15" s="313">
        <v>47</v>
      </c>
      <c r="EA15" s="313">
        <v>27</v>
      </c>
      <c r="EB15" s="310">
        <v>248</v>
      </c>
      <c r="EC15" s="315">
        <v>312</v>
      </c>
      <c r="ED15" s="309">
        <v>1</v>
      </c>
      <c r="EE15" s="313">
        <v>3</v>
      </c>
      <c r="EF15" s="310">
        <v>4</v>
      </c>
      <c r="EG15" s="312">
        <v>0</v>
      </c>
      <c r="EH15" s="313">
        <v>6</v>
      </c>
      <c r="EI15" s="313">
        <v>8</v>
      </c>
      <c r="EJ15" s="313">
        <v>10</v>
      </c>
      <c r="EK15" s="313">
        <v>17</v>
      </c>
      <c r="EL15" s="313">
        <v>4</v>
      </c>
      <c r="EM15" s="310">
        <v>45</v>
      </c>
      <c r="EN15" s="315">
        <v>49</v>
      </c>
      <c r="EO15" s="309">
        <v>45</v>
      </c>
      <c r="EP15" s="313">
        <v>54</v>
      </c>
      <c r="EQ15" s="310">
        <v>99</v>
      </c>
      <c r="ER15" s="312">
        <v>0</v>
      </c>
      <c r="ES15" s="313">
        <v>128</v>
      </c>
      <c r="ET15" s="313">
        <v>91</v>
      </c>
      <c r="EU15" s="313">
        <v>55</v>
      </c>
      <c r="EV15" s="313">
        <v>49</v>
      </c>
      <c r="EW15" s="313">
        <v>24</v>
      </c>
      <c r="EX15" s="310">
        <v>347</v>
      </c>
      <c r="EY15" s="315">
        <v>446</v>
      </c>
    </row>
    <row r="16" spans="1:155" ht="19.5" customHeight="1" x14ac:dyDescent="0.2">
      <c r="A16" s="294" t="s">
        <v>13</v>
      </c>
      <c r="B16" s="309">
        <v>0</v>
      </c>
      <c r="C16" s="310">
        <v>0</v>
      </c>
      <c r="D16" s="311">
        <v>0</v>
      </c>
      <c r="E16" s="312">
        <v>0</v>
      </c>
      <c r="F16" s="313">
        <v>19</v>
      </c>
      <c r="G16" s="313">
        <v>21</v>
      </c>
      <c r="H16" s="313">
        <v>11</v>
      </c>
      <c r="I16" s="313">
        <v>9</v>
      </c>
      <c r="J16" s="313">
        <v>5</v>
      </c>
      <c r="K16" s="314">
        <v>65</v>
      </c>
      <c r="L16" s="315">
        <v>65</v>
      </c>
      <c r="M16" s="309">
        <v>0</v>
      </c>
      <c r="N16" s="313">
        <v>0</v>
      </c>
      <c r="O16" s="310">
        <v>0</v>
      </c>
      <c r="P16" s="312">
        <v>0</v>
      </c>
      <c r="Q16" s="313">
        <v>0</v>
      </c>
      <c r="R16" s="313">
        <v>0</v>
      </c>
      <c r="S16" s="313">
        <v>1</v>
      </c>
      <c r="T16" s="313">
        <v>1</v>
      </c>
      <c r="U16" s="313">
        <v>3</v>
      </c>
      <c r="V16" s="310">
        <v>5</v>
      </c>
      <c r="W16" s="315">
        <v>5</v>
      </c>
      <c r="X16" s="309">
        <v>1</v>
      </c>
      <c r="Y16" s="313">
        <v>0</v>
      </c>
      <c r="Z16" s="310">
        <v>1</v>
      </c>
      <c r="AA16" s="312">
        <v>0</v>
      </c>
      <c r="AB16" s="313">
        <v>11</v>
      </c>
      <c r="AC16" s="313">
        <v>15</v>
      </c>
      <c r="AD16" s="313">
        <v>9</v>
      </c>
      <c r="AE16" s="313">
        <v>8</v>
      </c>
      <c r="AF16" s="313">
        <v>8</v>
      </c>
      <c r="AG16" s="310">
        <v>51</v>
      </c>
      <c r="AH16" s="315">
        <v>52</v>
      </c>
      <c r="AI16" s="309">
        <v>0</v>
      </c>
      <c r="AJ16" s="313">
        <v>0</v>
      </c>
      <c r="AK16" s="310">
        <v>0</v>
      </c>
      <c r="AL16" s="312">
        <v>0</v>
      </c>
      <c r="AM16" s="313">
        <v>1</v>
      </c>
      <c r="AN16" s="313">
        <v>2</v>
      </c>
      <c r="AO16" s="313">
        <v>0</v>
      </c>
      <c r="AP16" s="313">
        <v>2</v>
      </c>
      <c r="AQ16" s="313">
        <v>1</v>
      </c>
      <c r="AR16" s="310">
        <v>6</v>
      </c>
      <c r="AS16" s="315">
        <v>6</v>
      </c>
      <c r="AT16" s="309">
        <v>3</v>
      </c>
      <c r="AU16" s="313">
        <v>1</v>
      </c>
      <c r="AV16" s="310">
        <v>4</v>
      </c>
      <c r="AW16" s="312">
        <v>0</v>
      </c>
      <c r="AX16" s="313">
        <v>10</v>
      </c>
      <c r="AY16" s="313">
        <v>19</v>
      </c>
      <c r="AZ16" s="313">
        <v>18</v>
      </c>
      <c r="BA16" s="313">
        <v>20</v>
      </c>
      <c r="BB16" s="313">
        <v>13</v>
      </c>
      <c r="BC16" s="314">
        <v>80</v>
      </c>
      <c r="BD16" s="315">
        <v>84</v>
      </c>
      <c r="BE16" s="309">
        <v>0</v>
      </c>
      <c r="BF16" s="313">
        <v>0</v>
      </c>
      <c r="BG16" s="310">
        <v>0</v>
      </c>
      <c r="BH16" s="312">
        <v>0</v>
      </c>
      <c r="BI16" s="313">
        <v>14</v>
      </c>
      <c r="BJ16" s="313">
        <v>27</v>
      </c>
      <c r="BK16" s="313">
        <v>17</v>
      </c>
      <c r="BL16" s="313">
        <v>5</v>
      </c>
      <c r="BM16" s="313">
        <v>2</v>
      </c>
      <c r="BN16" s="310">
        <v>65</v>
      </c>
      <c r="BO16" s="315">
        <v>65</v>
      </c>
      <c r="BP16" s="309">
        <v>0</v>
      </c>
      <c r="BQ16" s="313">
        <v>1</v>
      </c>
      <c r="BR16" s="310">
        <v>1</v>
      </c>
      <c r="BS16" s="312">
        <v>0</v>
      </c>
      <c r="BT16" s="313">
        <v>5</v>
      </c>
      <c r="BU16" s="313">
        <v>6</v>
      </c>
      <c r="BV16" s="313">
        <v>5</v>
      </c>
      <c r="BW16" s="313">
        <v>5</v>
      </c>
      <c r="BX16" s="313">
        <v>0</v>
      </c>
      <c r="BY16" s="310">
        <v>21</v>
      </c>
      <c r="BZ16" s="315">
        <v>22</v>
      </c>
      <c r="CA16" s="309">
        <v>0</v>
      </c>
      <c r="CB16" s="313">
        <v>0</v>
      </c>
      <c r="CC16" s="310">
        <v>0</v>
      </c>
      <c r="CD16" s="312">
        <v>0</v>
      </c>
      <c r="CE16" s="313">
        <v>3</v>
      </c>
      <c r="CF16" s="313">
        <v>5</v>
      </c>
      <c r="CG16" s="313">
        <v>3</v>
      </c>
      <c r="CH16" s="313">
        <v>3</v>
      </c>
      <c r="CI16" s="313">
        <v>2</v>
      </c>
      <c r="CJ16" s="310">
        <v>16</v>
      </c>
      <c r="CK16" s="315">
        <v>16</v>
      </c>
      <c r="CL16" s="309">
        <v>0</v>
      </c>
      <c r="CM16" s="313">
        <v>0</v>
      </c>
      <c r="CN16" s="310">
        <v>0</v>
      </c>
      <c r="CO16" s="312">
        <v>0</v>
      </c>
      <c r="CP16" s="313">
        <v>0</v>
      </c>
      <c r="CQ16" s="313">
        <v>1</v>
      </c>
      <c r="CR16" s="313">
        <v>1</v>
      </c>
      <c r="CS16" s="313">
        <v>0</v>
      </c>
      <c r="CT16" s="313">
        <v>0</v>
      </c>
      <c r="CU16" s="310">
        <v>2</v>
      </c>
      <c r="CV16" s="315">
        <v>2</v>
      </c>
      <c r="CW16" s="309">
        <v>0</v>
      </c>
      <c r="CX16" s="313">
        <v>0</v>
      </c>
      <c r="CY16" s="310">
        <v>0</v>
      </c>
      <c r="CZ16" s="312">
        <v>0</v>
      </c>
      <c r="DA16" s="313">
        <v>0</v>
      </c>
      <c r="DB16" s="313">
        <v>0</v>
      </c>
      <c r="DC16" s="313">
        <v>0</v>
      </c>
      <c r="DD16" s="313">
        <v>0</v>
      </c>
      <c r="DE16" s="313">
        <v>0</v>
      </c>
      <c r="DF16" s="310">
        <v>0</v>
      </c>
      <c r="DG16" s="315">
        <v>0</v>
      </c>
      <c r="DH16" s="309">
        <v>0</v>
      </c>
      <c r="DI16" s="313">
        <v>0</v>
      </c>
      <c r="DJ16" s="310">
        <v>0</v>
      </c>
      <c r="DK16" s="312">
        <v>0</v>
      </c>
      <c r="DL16" s="313">
        <v>0</v>
      </c>
      <c r="DM16" s="313">
        <v>0</v>
      </c>
      <c r="DN16" s="313">
        <v>0</v>
      </c>
      <c r="DO16" s="313">
        <v>0</v>
      </c>
      <c r="DP16" s="313">
        <v>0</v>
      </c>
      <c r="DQ16" s="310">
        <v>0</v>
      </c>
      <c r="DR16" s="315">
        <v>0</v>
      </c>
      <c r="DS16" s="309">
        <v>5</v>
      </c>
      <c r="DT16" s="313">
        <v>14</v>
      </c>
      <c r="DU16" s="310">
        <v>19</v>
      </c>
      <c r="DV16" s="312">
        <v>0</v>
      </c>
      <c r="DW16" s="313">
        <v>23</v>
      </c>
      <c r="DX16" s="313">
        <v>29</v>
      </c>
      <c r="DY16" s="313">
        <v>25</v>
      </c>
      <c r="DZ16" s="313">
        <v>22</v>
      </c>
      <c r="EA16" s="313">
        <v>7</v>
      </c>
      <c r="EB16" s="310">
        <v>106</v>
      </c>
      <c r="EC16" s="315">
        <v>125</v>
      </c>
      <c r="ED16" s="309">
        <v>2</v>
      </c>
      <c r="EE16" s="313">
        <v>0</v>
      </c>
      <c r="EF16" s="310">
        <v>2</v>
      </c>
      <c r="EG16" s="312">
        <v>0</v>
      </c>
      <c r="EH16" s="313">
        <v>7</v>
      </c>
      <c r="EI16" s="313">
        <v>5</v>
      </c>
      <c r="EJ16" s="313">
        <v>6</v>
      </c>
      <c r="EK16" s="313">
        <v>7</v>
      </c>
      <c r="EL16" s="313">
        <v>7</v>
      </c>
      <c r="EM16" s="310">
        <v>32</v>
      </c>
      <c r="EN16" s="315">
        <v>34</v>
      </c>
      <c r="EO16" s="309">
        <v>6</v>
      </c>
      <c r="EP16" s="313">
        <v>13</v>
      </c>
      <c r="EQ16" s="310">
        <v>19</v>
      </c>
      <c r="ER16" s="312">
        <v>0</v>
      </c>
      <c r="ES16" s="313">
        <v>49</v>
      </c>
      <c r="ET16" s="313">
        <v>53</v>
      </c>
      <c r="EU16" s="313">
        <v>33</v>
      </c>
      <c r="EV16" s="313">
        <v>23</v>
      </c>
      <c r="EW16" s="313">
        <v>10</v>
      </c>
      <c r="EX16" s="310">
        <v>168</v>
      </c>
      <c r="EY16" s="315">
        <v>187</v>
      </c>
    </row>
    <row r="17" spans="1:155" ht="19.5" customHeight="1" x14ac:dyDescent="0.2">
      <c r="A17" s="294" t="s">
        <v>15</v>
      </c>
      <c r="B17" s="309">
        <v>0</v>
      </c>
      <c r="C17" s="310">
        <v>0</v>
      </c>
      <c r="D17" s="311">
        <v>0</v>
      </c>
      <c r="E17" s="312">
        <v>0</v>
      </c>
      <c r="F17" s="313">
        <v>4</v>
      </c>
      <c r="G17" s="313">
        <v>7</v>
      </c>
      <c r="H17" s="313">
        <v>3</v>
      </c>
      <c r="I17" s="313">
        <v>1</v>
      </c>
      <c r="J17" s="313">
        <v>2</v>
      </c>
      <c r="K17" s="314">
        <v>17</v>
      </c>
      <c r="L17" s="315">
        <v>17</v>
      </c>
      <c r="M17" s="309">
        <v>0</v>
      </c>
      <c r="N17" s="313">
        <v>0</v>
      </c>
      <c r="O17" s="310">
        <v>0</v>
      </c>
      <c r="P17" s="312">
        <v>0</v>
      </c>
      <c r="Q17" s="313">
        <v>0</v>
      </c>
      <c r="R17" s="313">
        <v>0</v>
      </c>
      <c r="S17" s="313">
        <v>0</v>
      </c>
      <c r="T17" s="313">
        <v>2</v>
      </c>
      <c r="U17" s="313">
        <v>0</v>
      </c>
      <c r="V17" s="310">
        <v>2</v>
      </c>
      <c r="W17" s="315">
        <v>2</v>
      </c>
      <c r="X17" s="309">
        <v>0</v>
      </c>
      <c r="Y17" s="313">
        <v>0</v>
      </c>
      <c r="Z17" s="310">
        <v>0</v>
      </c>
      <c r="AA17" s="312">
        <v>0</v>
      </c>
      <c r="AB17" s="313">
        <v>1</v>
      </c>
      <c r="AC17" s="313">
        <v>8</v>
      </c>
      <c r="AD17" s="313">
        <v>0</v>
      </c>
      <c r="AE17" s="313">
        <v>3</v>
      </c>
      <c r="AF17" s="313">
        <v>1</v>
      </c>
      <c r="AG17" s="310">
        <v>13</v>
      </c>
      <c r="AH17" s="315">
        <v>13</v>
      </c>
      <c r="AI17" s="309">
        <v>0</v>
      </c>
      <c r="AJ17" s="313">
        <v>0</v>
      </c>
      <c r="AK17" s="310">
        <v>0</v>
      </c>
      <c r="AL17" s="312">
        <v>0</v>
      </c>
      <c r="AM17" s="313">
        <v>0</v>
      </c>
      <c r="AN17" s="313">
        <v>1</v>
      </c>
      <c r="AO17" s="313">
        <v>1</v>
      </c>
      <c r="AP17" s="313">
        <v>0</v>
      </c>
      <c r="AQ17" s="313">
        <v>2</v>
      </c>
      <c r="AR17" s="310">
        <v>4</v>
      </c>
      <c r="AS17" s="315">
        <v>4</v>
      </c>
      <c r="AT17" s="309">
        <v>2</v>
      </c>
      <c r="AU17" s="313">
        <v>0</v>
      </c>
      <c r="AV17" s="310">
        <v>2</v>
      </c>
      <c r="AW17" s="312">
        <v>0</v>
      </c>
      <c r="AX17" s="313">
        <v>8</v>
      </c>
      <c r="AY17" s="313">
        <v>5</v>
      </c>
      <c r="AZ17" s="313">
        <v>5</v>
      </c>
      <c r="BA17" s="313">
        <v>6</v>
      </c>
      <c r="BB17" s="313">
        <v>1</v>
      </c>
      <c r="BC17" s="314">
        <v>25</v>
      </c>
      <c r="BD17" s="315">
        <v>27</v>
      </c>
      <c r="BE17" s="309">
        <v>0</v>
      </c>
      <c r="BF17" s="313">
        <v>0</v>
      </c>
      <c r="BG17" s="310">
        <v>0</v>
      </c>
      <c r="BH17" s="312">
        <v>0</v>
      </c>
      <c r="BI17" s="313">
        <v>2</v>
      </c>
      <c r="BJ17" s="313">
        <v>5</v>
      </c>
      <c r="BK17" s="313">
        <v>2</v>
      </c>
      <c r="BL17" s="313">
        <v>0</v>
      </c>
      <c r="BM17" s="313">
        <v>1</v>
      </c>
      <c r="BN17" s="310">
        <v>10</v>
      </c>
      <c r="BO17" s="315">
        <v>10</v>
      </c>
      <c r="BP17" s="309">
        <v>0</v>
      </c>
      <c r="BQ17" s="313">
        <v>0</v>
      </c>
      <c r="BR17" s="310">
        <v>0</v>
      </c>
      <c r="BS17" s="312">
        <v>0</v>
      </c>
      <c r="BT17" s="313">
        <v>1</v>
      </c>
      <c r="BU17" s="313">
        <v>3</v>
      </c>
      <c r="BV17" s="313">
        <v>2</v>
      </c>
      <c r="BW17" s="313">
        <v>1</v>
      </c>
      <c r="BX17" s="313">
        <v>0</v>
      </c>
      <c r="BY17" s="310">
        <v>7</v>
      </c>
      <c r="BZ17" s="315">
        <v>7</v>
      </c>
      <c r="CA17" s="309">
        <v>0</v>
      </c>
      <c r="CB17" s="313">
        <v>0</v>
      </c>
      <c r="CC17" s="310">
        <v>0</v>
      </c>
      <c r="CD17" s="312">
        <v>0</v>
      </c>
      <c r="CE17" s="313">
        <v>0</v>
      </c>
      <c r="CF17" s="313">
        <v>0</v>
      </c>
      <c r="CG17" s="313">
        <v>0</v>
      </c>
      <c r="CH17" s="313">
        <v>0</v>
      </c>
      <c r="CI17" s="313">
        <v>1</v>
      </c>
      <c r="CJ17" s="310">
        <v>1</v>
      </c>
      <c r="CK17" s="315">
        <v>1</v>
      </c>
      <c r="CL17" s="309">
        <v>0</v>
      </c>
      <c r="CM17" s="313">
        <v>0</v>
      </c>
      <c r="CN17" s="310">
        <v>0</v>
      </c>
      <c r="CO17" s="312">
        <v>0</v>
      </c>
      <c r="CP17" s="313">
        <v>0</v>
      </c>
      <c r="CQ17" s="313">
        <v>0</v>
      </c>
      <c r="CR17" s="313">
        <v>0</v>
      </c>
      <c r="CS17" s="313">
        <v>0</v>
      </c>
      <c r="CT17" s="313">
        <v>0</v>
      </c>
      <c r="CU17" s="310">
        <v>0</v>
      </c>
      <c r="CV17" s="315">
        <v>0</v>
      </c>
      <c r="CW17" s="309">
        <v>0</v>
      </c>
      <c r="CX17" s="313">
        <v>0</v>
      </c>
      <c r="CY17" s="310">
        <v>0</v>
      </c>
      <c r="CZ17" s="312">
        <v>0</v>
      </c>
      <c r="DA17" s="313">
        <v>0</v>
      </c>
      <c r="DB17" s="313">
        <v>0</v>
      </c>
      <c r="DC17" s="313">
        <v>0</v>
      </c>
      <c r="DD17" s="313">
        <v>0</v>
      </c>
      <c r="DE17" s="313">
        <v>0</v>
      </c>
      <c r="DF17" s="310">
        <v>0</v>
      </c>
      <c r="DG17" s="315">
        <v>0</v>
      </c>
      <c r="DH17" s="309">
        <v>0</v>
      </c>
      <c r="DI17" s="313">
        <v>0</v>
      </c>
      <c r="DJ17" s="310">
        <v>0</v>
      </c>
      <c r="DK17" s="312">
        <v>0</v>
      </c>
      <c r="DL17" s="313">
        <v>0</v>
      </c>
      <c r="DM17" s="313">
        <v>0</v>
      </c>
      <c r="DN17" s="313">
        <v>0</v>
      </c>
      <c r="DO17" s="313">
        <v>0</v>
      </c>
      <c r="DP17" s="313">
        <v>0</v>
      </c>
      <c r="DQ17" s="310">
        <v>0</v>
      </c>
      <c r="DR17" s="315">
        <v>0</v>
      </c>
      <c r="DS17" s="309">
        <v>1</v>
      </c>
      <c r="DT17" s="313">
        <v>4</v>
      </c>
      <c r="DU17" s="310">
        <v>5</v>
      </c>
      <c r="DV17" s="312">
        <v>0</v>
      </c>
      <c r="DW17" s="313">
        <v>8</v>
      </c>
      <c r="DX17" s="313">
        <v>14</v>
      </c>
      <c r="DY17" s="313">
        <v>7</v>
      </c>
      <c r="DZ17" s="313">
        <v>7</v>
      </c>
      <c r="EA17" s="313">
        <v>3</v>
      </c>
      <c r="EB17" s="310">
        <v>39</v>
      </c>
      <c r="EC17" s="315">
        <v>44</v>
      </c>
      <c r="ED17" s="309">
        <v>4</v>
      </c>
      <c r="EE17" s="313">
        <v>3</v>
      </c>
      <c r="EF17" s="310">
        <v>7</v>
      </c>
      <c r="EG17" s="312">
        <v>0</v>
      </c>
      <c r="EH17" s="313">
        <v>6</v>
      </c>
      <c r="EI17" s="313">
        <v>2</v>
      </c>
      <c r="EJ17" s="313">
        <v>3</v>
      </c>
      <c r="EK17" s="313">
        <v>3</v>
      </c>
      <c r="EL17" s="313">
        <v>0</v>
      </c>
      <c r="EM17" s="310">
        <v>14</v>
      </c>
      <c r="EN17" s="315">
        <v>21</v>
      </c>
      <c r="EO17" s="309">
        <v>1</v>
      </c>
      <c r="EP17" s="313">
        <v>4</v>
      </c>
      <c r="EQ17" s="310">
        <v>5</v>
      </c>
      <c r="ER17" s="312">
        <v>0</v>
      </c>
      <c r="ES17" s="313">
        <v>12</v>
      </c>
      <c r="ET17" s="313">
        <v>23</v>
      </c>
      <c r="EU17" s="313">
        <v>9</v>
      </c>
      <c r="EV17" s="313">
        <v>6</v>
      </c>
      <c r="EW17" s="313">
        <v>4</v>
      </c>
      <c r="EX17" s="310">
        <v>54</v>
      </c>
      <c r="EY17" s="315">
        <v>59</v>
      </c>
    </row>
    <row r="18" spans="1:155" ht="19.5" customHeight="1" x14ac:dyDescent="0.2">
      <c r="A18" s="294" t="s">
        <v>16</v>
      </c>
      <c r="B18" s="309">
        <v>0</v>
      </c>
      <c r="C18" s="310">
        <v>0</v>
      </c>
      <c r="D18" s="311">
        <v>0</v>
      </c>
      <c r="E18" s="312">
        <v>0</v>
      </c>
      <c r="F18" s="313">
        <v>12</v>
      </c>
      <c r="G18" s="313">
        <v>14</v>
      </c>
      <c r="H18" s="313">
        <v>8</v>
      </c>
      <c r="I18" s="313">
        <v>4</v>
      </c>
      <c r="J18" s="313">
        <v>5</v>
      </c>
      <c r="K18" s="314">
        <v>43</v>
      </c>
      <c r="L18" s="315">
        <v>43</v>
      </c>
      <c r="M18" s="309">
        <v>0</v>
      </c>
      <c r="N18" s="313">
        <v>0</v>
      </c>
      <c r="O18" s="310">
        <v>0</v>
      </c>
      <c r="P18" s="312">
        <v>0</v>
      </c>
      <c r="Q18" s="313">
        <v>0</v>
      </c>
      <c r="R18" s="313">
        <v>1</v>
      </c>
      <c r="S18" s="313">
        <v>0</v>
      </c>
      <c r="T18" s="313">
        <v>2</v>
      </c>
      <c r="U18" s="313">
        <v>3</v>
      </c>
      <c r="V18" s="310">
        <v>6</v>
      </c>
      <c r="W18" s="315">
        <v>6</v>
      </c>
      <c r="X18" s="309">
        <v>0</v>
      </c>
      <c r="Y18" s="313">
        <v>5</v>
      </c>
      <c r="Z18" s="310">
        <v>5</v>
      </c>
      <c r="AA18" s="312">
        <v>0</v>
      </c>
      <c r="AB18" s="313">
        <v>11</v>
      </c>
      <c r="AC18" s="313">
        <v>20</v>
      </c>
      <c r="AD18" s="313">
        <v>10</v>
      </c>
      <c r="AE18" s="313">
        <v>7</v>
      </c>
      <c r="AF18" s="313">
        <v>4</v>
      </c>
      <c r="AG18" s="310">
        <v>52</v>
      </c>
      <c r="AH18" s="315">
        <v>57</v>
      </c>
      <c r="AI18" s="309">
        <v>0</v>
      </c>
      <c r="AJ18" s="313">
        <v>0</v>
      </c>
      <c r="AK18" s="310">
        <v>0</v>
      </c>
      <c r="AL18" s="312">
        <v>0</v>
      </c>
      <c r="AM18" s="313">
        <v>0</v>
      </c>
      <c r="AN18" s="313">
        <v>3</v>
      </c>
      <c r="AO18" s="313">
        <v>1</v>
      </c>
      <c r="AP18" s="313">
        <v>0</v>
      </c>
      <c r="AQ18" s="313">
        <v>1</v>
      </c>
      <c r="AR18" s="310">
        <v>5</v>
      </c>
      <c r="AS18" s="315">
        <v>5</v>
      </c>
      <c r="AT18" s="309">
        <v>2</v>
      </c>
      <c r="AU18" s="313">
        <v>3</v>
      </c>
      <c r="AV18" s="310">
        <v>5</v>
      </c>
      <c r="AW18" s="312">
        <v>0</v>
      </c>
      <c r="AX18" s="313">
        <v>16</v>
      </c>
      <c r="AY18" s="313">
        <v>18</v>
      </c>
      <c r="AZ18" s="313">
        <v>19</v>
      </c>
      <c r="BA18" s="313">
        <v>22</v>
      </c>
      <c r="BB18" s="313">
        <v>12</v>
      </c>
      <c r="BC18" s="314">
        <v>87</v>
      </c>
      <c r="BD18" s="315">
        <v>92</v>
      </c>
      <c r="BE18" s="309">
        <v>0</v>
      </c>
      <c r="BF18" s="313">
        <v>0</v>
      </c>
      <c r="BG18" s="310">
        <v>0</v>
      </c>
      <c r="BH18" s="312">
        <v>0</v>
      </c>
      <c r="BI18" s="313">
        <v>21</v>
      </c>
      <c r="BJ18" s="313">
        <v>29</v>
      </c>
      <c r="BK18" s="313">
        <v>12</v>
      </c>
      <c r="BL18" s="313">
        <v>7</v>
      </c>
      <c r="BM18" s="313">
        <v>4</v>
      </c>
      <c r="BN18" s="310">
        <v>73</v>
      </c>
      <c r="BO18" s="315">
        <v>73</v>
      </c>
      <c r="BP18" s="309">
        <v>1</v>
      </c>
      <c r="BQ18" s="313">
        <v>3</v>
      </c>
      <c r="BR18" s="310">
        <v>4</v>
      </c>
      <c r="BS18" s="312">
        <v>0</v>
      </c>
      <c r="BT18" s="313">
        <v>16</v>
      </c>
      <c r="BU18" s="313">
        <v>28</v>
      </c>
      <c r="BV18" s="313">
        <v>4</v>
      </c>
      <c r="BW18" s="313">
        <v>5</v>
      </c>
      <c r="BX18" s="313">
        <v>0</v>
      </c>
      <c r="BY18" s="310">
        <v>53</v>
      </c>
      <c r="BZ18" s="315">
        <v>57</v>
      </c>
      <c r="CA18" s="309">
        <v>0</v>
      </c>
      <c r="CB18" s="313">
        <v>1</v>
      </c>
      <c r="CC18" s="310">
        <v>1</v>
      </c>
      <c r="CD18" s="312">
        <v>0</v>
      </c>
      <c r="CE18" s="313">
        <v>0</v>
      </c>
      <c r="CF18" s="313">
        <v>7</v>
      </c>
      <c r="CG18" s="313">
        <v>5</v>
      </c>
      <c r="CH18" s="313">
        <v>2</v>
      </c>
      <c r="CI18" s="313">
        <v>0</v>
      </c>
      <c r="CJ18" s="310">
        <v>14</v>
      </c>
      <c r="CK18" s="315">
        <v>15</v>
      </c>
      <c r="CL18" s="309">
        <v>0</v>
      </c>
      <c r="CM18" s="313">
        <v>0</v>
      </c>
      <c r="CN18" s="310">
        <v>0</v>
      </c>
      <c r="CO18" s="312">
        <v>0</v>
      </c>
      <c r="CP18" s="313">
        <v>0</v>
      </c>
      <c r="CQ18" s="313">
        <v>0</v>
      </c>
      <c r="CR18" s="313">
        <v>0</v>
      </c>
      <c r="CS18" s="313">
        <v>1</v>
      </c>
      <c r="CT18" s="313">
        <v>0</v>
      </c>
      <c r="CU18" s="310">
        <v>1</v>
      </c>
      <c r="CV18" s="315">
        <v>1</v>
      </c>
      <c r="CW18" s="309">
        <v>0</v>
      </c>
      <c r="CX18" s="313">
        <v>0</v>
      </c>
      <c r="CY18" s="310">
        <v>0</v>
      </c>
      <c r="CZ18" s="312">
        <v>0</v>
      </c>
      <c r="DA18" s="313">
        <v>0</v>
      </c>
      <c r="DB18" s="313">
        <v>0</v>
      </c>
      <c r="DC18" s="313">
        <v>0</v>
      </c>
      <c r="DD18" s="313">
        <v>0</v>
      </c>
      <c r="DE18" s="313">
        <v>0</v>
      </c>
      <c r="DF18" s="310">
        <v>0</v>
      </c>
      <c r="DG18" s="315">
        <v>0</v>
      </c>
      <c r="DH18" s="309">
        <v>0</v>
      </c>
      <c r="DI18" s="313">
        <v>0</v>
      </c>
      <c r="DJ18" s="310">
        <v>0</v>
      </c>
      <c r="DK18" s="312">
        <v>0</v>
      </c>
      <c r="DL18" s="313">
        <v>0</v>
      </c>
      <c r="DM18" s="313">
        <v>0</v>
      </c>
      <c r="DN18" s="313">
        <v>0</v>
      </c>
      <c r="DO18" s="313">
        <v>0</v>
      </c>
      <c r="DP18" s="313">
        <v>0</v>
      </c>
      <c r="DQ18" s="310">
        <v>0</v>
      </c>
      <c r="DR18" s="315">
        <v>0</v>
      </c>
      <c r="DS18" s="309">
        <v>14</v>
      </c>
      <c r="DT18" s="313">
        <v>10</v>
      </c>
      <c r="DU18" s="310">
        <v>24</v>
      </c>
      <c r="DV18" s="312">
        <v>0</v>
      </c>
      <c r="DW18" s="313">
        <v>24</v>
      </c>
      <c r="DX18" s="313">
        <v>55</v>
      </c>
      <c r="DY18" s="313">
        <v>27</v>
      </c>
      <c r="DZ18" s="313">
        <v>17</v>
      </c>
      <c r="EA18" s="313">
        <v>9</v>
      </c>
      <c r="EB18" s="310">
        <v>132</v>
      </c>
      <c r="EC18" s="315">
        <v>156</v>
      </c>
      <c r="ED18" s="309">
        <v>3</v>
      </c>
      <c r="EE18" s="313">
        <v>3</v>
      </c>
      <c r="EF18" s="310">
        <v>6</v>
      </c>
      <c r="EG18" s="312">
        <v>0</v>
      </c>
      <c r="EH18" s="313">
        <v>12</v>
      </c>
      <c r="EI18" s="313">
        <v>8</v>
      </c>
      <c r="EJ18" s="313">
        <v>11</v>
      </c>
      <c r="EK18" s="313">
        <v>17</v>
      </c>
      <c r="EL18" s="313">
        <v>7</v>
      </c>
      <c r="EM18" s="310">
        <v>55</v>
      </c>
      <c r="EN18" s="315">
        <v>61</v>
      </c>
      <c r="EO18" s="309">
        <v>15</v>
      </c>
      <c r="EP18" s="313">
        <v>16</v>
      </c>
      <c r="EQ18" s="310">
        <v>31</v>
      </c>
      <c r="ER18" s="312">
        <v>0</v>
      </c>
      <c r="ES18" s="313">
        <v>57</v>
      </c>
      <c r="ET18" s="313">
        <v>82</v>
      </c>
      <c r="EU18" s="313">
        <v>32</v>
      </c>
      <c r="EV18" s="313">
        <v>19</v>
      </c>
      <c r="EW18" s="313">
        <v>9</v>
      </c>
      <c r="EX18" s="310">
        <v>199</v>
      </c>
      <c r="EY18" s="315">
        <v>230</v>
      </c>
    </row>
    <row r="19" spans="1:155" ht="19.5" customHeight="1" x14ac:dyDescent="0.2">
      <c r="A19" s="294" t="s">
        <v>17</v>
      </c>
      <c r="B19" s="309">
        <v>0</v>
      </c>
      <c r="C19" s="310">
        <v>0</v>
      </c>
      <c r="D19" s="311">
        <v>0</v>
      </c>
      <c r="E19" s="312">
        <v>0</v>
      </c>
      <c r="F19" s="313">
        <v>11</v>
      </c>
      <c r="G19" s="313">
        <v>16</v>
      </c>
      <c r="H19" s="313">
        <v>10</v>
      </c>
      <c r="I19" s="313">
        <v>9</v>
      </c>
      <c r="J19" s="313">
        <v>7</v>
      </c>
      <c r="K19" s="314">
        <v>53</v>
      </c>
      <c r="L19" s="315">
        <v>53</v>
      </c>
      <c r="M19" s="309">
        <v>0</v>
      </c>
      <c r="N19" s="313">
        <v>0</v>
      </c>
      <c r="O19" s="310">
        <v>0</v>
      </c>
      <c r="P19" s="312">
        <v>0</v>
      </c>
      <c r="Q19" s="313">
        <v>0</v>
      </c>
      <c r="R19" s="313">
        <v>1</v>
      </c>
      <c r="S19" s="313">
        <v>0</v>
      </c>
      <c r="T19" s="313">
        <v>1</v>
      </c>
      <c r="U19" s="313">
        <v>4</v>
      </c>
      <c r="V19" s="310">
        <v>6</v>
      </c>
      <c r="W19" s="315">
        <v>6</v>
      </c>
      <c r="X19" s="309">
        <v>0</v>
      </c>
      <c r="Y19" s="313">
        <v>5</v>
      </c>
      <c r="Z19" s="310">
        <v>5</v>
      </c>
      <c r="AA19" s="312">
        <v>0</v>
      </c>
      <c r="AB19" s="313">
        <v>11</v>
      </c>
      <c r="AC19" s="313">
        <v>15</v>
      </c>
      <c r="AD19" s="313">
        <v>8</v>
      </c>
      <c r="AE19" s="313">
        <v>11</v>
      </c>
      <c r="AF19" s="313">
        <v>6</v>
      </c>
      <c r="AG19" s="310">
        <v>51</v>
      </c>
      <c r="AH19" s="315">
        <v>56</v>
      </c>
      <c r="AI19" s="309">
        <v>1</v>
      </c>
      <c r="AJ19" s="313">
        <v>0</v>
      </c>
      <c r="AK19" s="310">
        <v>1</v>
      </c>
      <c r="AL19" s="312">
        <v>0</v>
      </c>
      <c r="AM19" s="313">
        <v>0</v>
      </c>
      <c r="AN19" s="313">
        <v>3</v>
      </c>
      <c r="AO19" s="313">
        <v>0</v>
      </c>
      <c r="AP19" s="313">
        <v>1</v>
      </c>
      <c r="AQ19" s="313">
        <v>1</v>
      </c>
      <c r="AR19" s="310">
        <v>5</v>
      </c>
      <c r="AS19" s="315">
        <v>6</v>
      </c>
      <c r="AT19" s="309">
        <v>1</v>
      </c>
      <c r="AU19" s="313">
        <v>2</v>
      </c>
      <c r="AV19" s="310">
        <v>3</v>
      </c>
      <c r="AW19" s="312">
        <v>0</v>
      </c>
      <c r="AX19" s="313">
        <v>11</v>
      </c>
      <c r="AY19" s="313">
        <v>29</v>
      </c>
      <c r="AZ19" s="313">
        <v>19</v>
      </c>
      <c r="BA19" s="313">
        <v>20</v>
      </c>
      <c r="BB19" s="313">
        <v>14</v>
      </c>
      <c r="BC19" s="314">
        <v>93</v>
      </c>
      <c r="BD19" s="315">
        <v>96</v>
      </c>
      <c r="BE19" s="309">
        <v>0</v>
      </c>
      <c r="BF19" s="313">
        <v>0</v>
      </c>
      <c r="BG19" s="310">
        <v>0</v>
      </c>
      <c r="BH19" s="312">
        <v>0</v>
      </c>
      <c r="BI19" s="313">
        <v>30</v>
      </c>
      <c r="BJ19" s="313">
        <v>22</v>
      </c>
      <c r="BK19" s="313">
        <v>17</v>
      </c>
      <c r="BL19" s="313">
        <v>10</v>
      </c>
      <c r="BM19" s="313">
        <v>4</v>
      </c>
      <c r="BN19" s="310">
        <v>83</v>
      </c>
      <c r="BO19" s="315">
        <v>83</v>
      </c>
      <c r="BP19" s="309">
        <v>4</v>
      </c>
      <c r="BQ19" s="313">
        <v>4</v>
      </c>
      <c r="BR19" s="310">
        <v>8</v>
      </c>
      <c r="BS19" s="312">
        <v>0</v>
      </c>
      <c r="BT19" s="313">
        <v>7</v>
      </c>
      <c r="BU19" s="313">
        <v>14</v>
      </c>
      <c r="BV19" s="313">
        <v>3</v>
      </c>
      <c r="BW19" s="313">
        <v>2</v>
      </c>
      <c r="BX19" s="313">
        <v>2</v>
      </c>
      <c r="BY19" s="310">
        <v>28</v>
      </c>
      <c r="BZ19" s="315">
        <v>36</v>
      </c>
      <c r="CA19" s="309">
        <v>0</v>
      </c>
      <c r="CB19" s="313">
        <v>0</v>
      </c>
      <c r="CC19" s="310">
        <v>0</v>
      </c>
      <c r="CD19" s="312">
        <v>0</v>
      </c>
      <c r="CE19" s="313">
        <v>3</v>
      </c>
      <c r="CF19" s="313">
        <v>4</v>
      </c>
      <c r="CG19" s="313">
        <v>11</v>
      </c>
      <c r="CH19" s="313">
        <v>9</v>
      </c>
      <c r="CI19" s="313">
        <v>2</v>
      </c>
      <c r="CJ19" s="310">
        <v>29</v>
      </c>
      <c r="CK19" s="315">
        <v>29</v>
      </c>
      <c r="CL19" s="309">
        <v>0</v>
      </c>
      <c r="CM19" s="313">
        <v>0</v>
      </c>
      <c r="CN19" s="310">
        <v>0</v>
      </c>
      <c r="CO19" s="312">
        <v>0</v>
      </c>
      <c r="CP19" s="313">
        <v>1</v>
      </c>
      <c r="CQ19" s="313">
        <v>3</v>
      </c>
      <c r="CR19" s="313">
        <v>0</v>
      </c>
      <c r="CS19" s="313">
        <v>0</v>
      </c>
      <c r="CT19" s="313">
        <v>0</v>
      </c>
      <c r="CU19" s="310">
        <v>4</v>
      </c>
      <c r="CV19" s="315">
        <v>4</v>
      </c>
      <c r="CW19" s="309">
        <v>0</v>
      </c>
      <c r="CX19" s="313">
        <v>0</v>
      </c>
      <c r="CY19" s="310">
        <v>0</v>
      </c>
      <c r="CZ19" s="312">
        <v>0</v>
      </c>
      <c r="DA19" s="313">
        <v>0</v>
      </c>
      <c r="DB19" s="313">
        <v>0</v>
      </c>
      <c r="DC19" s="313">
        <v>0</v>
      </c>
      <c r="DD19" s="313">
        <v>0</v>
      </c>
      <c r="DE19" s="313">
        <v>0</v>
      </c>
      <c r="DF19" s="310">
        <v>0</v>
      </c>
      <c r="DG19" s="315">
        <v>0</v>
      </c>
      <c r="DH19" s="309">
        <v>0</v>
      </c>
      <c r="DI19" s="313">
        <v>0</v>
      </c>
      <c r="DJ19" s="310">
        <v>0</v>
      </c>
      <c r="DK19" s="312">
        <v>0</v>
      </c>
      <c r="DL19" s="313">
        <v>0</v>
      </c>
      <c r="DM19" s="313">
        <v>0</v>
      </c>
      <c r="DN19" s="313">
        <v>0</v>
      </c>
      <c r="DO19" s="313">
        <v>0</v>
      </c>
      <c r="DP19" s="313">
        <v>0</v>
      </c>
      <c r="DQ19" s="310">
        <v>0</v>
      </c>
      <c r="DR19" s="315">
        <v>0</v>
      </c>
      <c r="DS19" s="309">
        <v>3</v>
      </c>
      <c r="DT19" s="313">
        <v>26</v>
      </c>
      <c r="DU19" s="310">
        <v>29</v>
      </c>
      <c r="DV19" s="312">
        <v>0</v>
      </c>
      <c r="DW19" s="313">
        <v>32</v>
      </c>
      <c r="DX19" s="313">
        <v>57</v>
      </c>
      <c r="DY19" s="313">
        <v>39</v>
      </c>
      <c r="DZ19" s="313">
        <v>23</v>
      </c>
      <c r="EA19" s="313">
        <v>13</v>
      </c>
      <c r="EB19" s="310">
        <v>164</v>
      </c>
      <c r="EC19" s="315">
        <v>193</v>
      </c>
      <c r="ED19" s="309">
        <v>3</v>
      </c>
      <c r="EE19" s="313">
        <v>1</v>
      </c>
      <c r="EF19" s="310">
        <v>4</v>
      </c>
      <c r="EG19" s="312">
        <v>0</v>
      </c>
      <c r="EH19" s="313">
        <v>6</v>
      </c>
      <c r="EI19" s="313">
        <v>6</v>
      </c>
      <c r="EJ19" s="313">
        <v>8</v>
      </c>
      <c r="EK19" s="313">
        <v>7</v>
      </c>
      <c r="EL19" s="313">
        <v>3</v>
      </c>
      <c r="EM19" s="310">
        <v>30</v>
      </c>
      <c r="EN19" s="315">
        <v>34</v>
      </c>
      <c r="EO19" s="309">
        <v>8</v>
      </c>
      <c r="EP19" s="313">
        <v>29</v>
      </c>
      <c r="EQ19" s="310">
        <v>37</v>
      </c>
      <c r="ER19" s="312">
        <v>0</v>
      </c>
      <c r="ES19" s="313">
        <v>70</v>
      </c>
      <c r="ET19" s="313">
        <v>71</v>
      </c>
      <c r="EU19" s="313">
        <v>48</v>
      </c>
      <c r="EV19" s="313">
        <v>28</v>
      </c>
      <c r="EW19" s="313">
        <v>12</v>
      </c>
      <c r="EX19" s="310">
        <v>229</v>
      </c>
      <c r="EY19" s="315">
        <v>266</v>
      </c>
    </row>
    <row r="20" spans="1:155" ht="19.5" customHeight="1" x14ac:dyDescent="0.2">
      <c r="A20" s="294" t="s">
        <v>18</v>
      </c>
      <c r="B20" s="309">
        <v>0</v>
      </c>
      <c r="C20" s="310">
        <v>0</v>
      </c>
      <c r="D20" s="311">
        <v>0</v>
      </c>
      <c r="E20" s="312">
        <v>0</v>
      </c>
      <c r="F20" s="313">
        <v>25</v>
      </c>
      <c r="G20" s="313">
        <v>41</v>
      </c>
      <c r="H20" s="313">
        <v>15</v>
      </c>
      <c r="I20" s="313">
        <v>12</v>
      </c>
      <c r="J20" s="313">
        <v>7</v>
      </c>
      <c r="K20" s="314">
        <v>100</v>
      </c>
      <c r="L20" s="315">
        <v>100</v>
      </c>
      <c r="M20" s="309">
        <v>0</v>
      </c>
      <c r="N20" s="313">
        <v>0</v>
      </c>
      <c r="O20" s="310">
        <v>0</v>
      </c>
      <c r="P20" s="312">
        <v>0</v>
      </c>
      <c r="Q20" s="313">
        <v>0</v>
      </c>
      <c r="R20" s="313">
        <v>0</v>
      </c>
      <c r="S20" s="313">
        <v>1</v>
      </c>
      <c r="T20" s="313">
        <v>3</v>
      </c>
      <c r="U20" s="313">
        <v>4</v>
      </c>
      <c r="V20" s="310">
        <v>8</v>
      </c>
      <c r="W20" s="315">
        <v>8</v>
      </c>
      <c r="X20" s="309">
        <v>3</v>
      </c>
      <c r="Y20" s="313">
        <v>10</v>
      </c>
      <c r="Z20" s="310">
        <v>13</v>
      </c>
      <c r="AA20" s="312">
        <v>0</v>
      </c>
      <c r="AB20" s="313">
        <v>19</v>
      </c>
      <c r="AC20" s="313">
        <v>22</v>
      </c>
      <c r="AD20" s="313">
        <v>13</v>
      </c>
      <c r="AE20" s="313">
        <v>12</v>
      </c>
      <c r="AF20" s="313">
        <v>4</v>
      </c>
      <c r="AG20" s="310">
        <v>70</v>
      </c>
      <c r="AH20" s="315">
        <v>83</v>
      </c>
      <c r="AI20" s="309">
        <v>0</v>
      </c>
      <c r="AJ20" s="313">
        <v>4</v>
      </c>
      <c r="AK20" s="310">
        <v>4</v>
      </c>
      <c r="AL20" s="312">
        <v>0</v>
      </c>
      <c r="AM20" s="313">
        <v>2</v>
      </c>
      <c r="AN20" s="313">
        <v>2</v>
      </c>
      <c r="AO20" s="313">
        <v>0</v>
      </c>
      <c r="AP20" s="313">
        <v>1</v>
      </c>
      <c r="AQ20" s="313">
        <v>0</v>
      </c>
      <c r="AR20" s="310">
        <v>5</v>
      </c>
      <c r="AS20" s="315">
        <v>9</v>
      </c>
      <c r="AT20" s="309">
        <v>3</v>
      </c>
      <c r="AU20" s="313">
        <v>8</v>
      </c>
      <c r="AV20" s="310">
        <v>11</v>
      </c>
      <c r="AW20" s="312">
        <v>0</v>
      </c>
      <c r="AX20" s="313">
        <v>36</v>
      </c>
      <c r="AY20" s="313">
        <v>54</v>
      </c>
      <c r="AZ20" s="313">
        <v>32</v>
      </c>
      <c r="BA20" s="313">
        <v>19</v>
      </c>
      <c r="BB20" s="313">
        <v>18</v>
      </c>
      <c r="BC20" s="314">
        <v>159</v>
      </c>
      <c r="BD20" s="315">
        <v>170</v>
      </c>
      <c r="BE20" s="309">
        <v>0</v>
      </c>
      <c r="BF20" s="313">
        <v>0</v>
      </c>
      <c r="BG20" s="310">
        <v>0</v>
      </c>
      <c r="BH20" s="312">
        <v>0</v>
      </c>
      <c r="BI20" s="313">
        <v>40</v>
      </c>
      <c r="BJ20" s="313">
        <v>35</v>
      </c>
      <c r="BK20" s="313">
        <v>20</v>
      </c>
      <c r="BL20" s="313">
        <v>7</v>
      </c>
      <c r="BM20" s="313">
        <v>4</v>
      </c>
      <c r="BN20" s="310">
        <v>106</v>
      </c>
      <c r="BO20" s="315">
        <v>106</v>
      </c>
      <c r="BP20" s="309">
        <v>1</v>
      </c>
      <c r="BQ20" s="313">
        <v>12</v>
      </c>
      <c r="BR20" s="310">
        <v>13</v>
      </c>
      <c r="BS20" s="312">
        <v>0</v>
      </c>
      <c r="BT20" s="313">
        <v>10</v>
      </c>
      <c r="BU20" s="313">
        <v>16</v>
      </c>
      <c r="BV20" s="313">
        <v>10</v>
      </c>
      <c r="BW20" s="313">
        <v>6</v>
      </c>
      <c r="BX20" s="313">
        <v>2</v>
      </c>
      <c r="BY20" s="310">
        <v>44</v>
      </c>
      <c r="BZ20" s="315">
        <v>57</v>
      </c>
      <c r="CA20" s="309">
        <v>1</v>
      </c>
      <c r="CB20" s="313">
        <v>1</v>
      </c>
      <c r="CC20" s="310">
        <v>2</v>
      </c>
      <c r="CD20" s="312">
        <v>0</v>
      </c>
      <c r="CE20" s="313">
        <v>2</v>
      </c>
      <c r="CF20" s="313">
        <v>7</v>
      </c>
      <c r="CG20" s="313">
        <v>7</v>
      </c>
      <c r="CH20" s="313">
        <v>8</v>
      </c>
      <c r="CI20" s="313">
        <v>2</v>
      </c>
      <c r="CJ20" s="310">
        <v>26</v>
      </c>
      <c r="CK20" s="315">
        <v>28</v>
      </c>
      <c r="CL20" s="309">
        <v>0</v>
      </c>
      <c r="CM20" s="313">
        <v>0</v>
      </c>
      <c r="CN20" s="310">
        <v>0</v>
      </c>
      <c r="CO20" s="312">
        <v>0</v>
      </c>
      <c r="CP20" s="313">
        <v>1</v>
      </c>
      <c r="CQ20" s="313">
        <v>0</v>
      </c>
      <c r="CR20" s="313">
        <v>0</v>
      </c>
      <c r="CS20" s="313">
        <v>1</v>
      </c>
      <c r="CT20" s="313">
        <v>0</v>
      </c>
      <c r="CU20" s="310">
        <v>2</v>
      </c>
      <c r="CV20" s="315">
        <v>2</v>
      </c>
      <c r="CW20" s="309">
        <v>0</v>
      </c>
      <c r="CX20" s="313">
        <v>0</v>
      </c>
      <c r="CY20" s="310">
        <v>0</v>
      </c>
      <c r="CZ20" s="312">
        <v>0</v>
      </c>
      <c r="DA20" s="313">
        <v>0</v>
      </c>
      <c r="DB20" s="313">
        <v>0</v>
      </c>
      <c r="DC20" s="313">
        <v>0</v>
      </c>
      <c r="DD20" s="313">
        <v>0</v>
      </c>
      <c r="DE20" s="313">
        <v>0</v>
      </c>
      <c r="DF20" s="310">
        <v>0</v>
      </c>
      <c r="DG20" s="315">
        <v>0</v>
      </c>
      <c r="DH20" s="309">
        <v>0</v>
      </c>
      <c r="DI20" s="313">
        <v>0</v>
      </c>
      <c r="DJ20" s="310">
        <v>0</v>
      </c>
      <c r="DK20" s="312">
        <v>0</v>
      </c>
      <c r="DL20" s="313">
        <v>0</v>
      </c>
      <c r="DM20" s="313">
        <v>0</v>
      </c>
      <c r="DN20" s="313">
        <v>0</v>
      </c>
      <c r="DO20" s="313">
        <v>0</v>
      </c>
      <c r="DP20" s="313">
        <v>0</v>
      </c>
      <c r="DQ20" s="310">
        <v>0</v>
      </c>
      <c r="DR20" s="315">
        <v>0</v>
      </c>
      <c r="DS20" s="309">
        <v>7</v>
      </c>
      <c r="DT20" s="313">
        <v>32</v>
      </c>
      <c r="DU20" s="310">
        <v>39</v>
      </c>
      <c r="DV20" s="312">
        <v>0</v>
      </c>
      <c r="DW20" s="313">
        <v>43</v>
      </c>
      <c r="DX20" s="313">
        <v>67</v>
      </c>
      <c r="DY20" s="313">
        <v>37</v>
      </c>
      <c r="DZ20" s="313">
        <v>30</v>
      </c>
      <c r="EA20" s="313">
        <v>10</v>
      </c>
      <c r="EB20" s="310">
        <v>187</v>
      </c>
      <c r="EC20" s="315">
        <v>226</v>
      </c>
      <c r="ED20" s="309">
        <v>1</v>
      </c>
      <c r="EE20" s="313">
        <v>3</v>
      </c>
      <c r="EF20" s="310">
        <v>4</v>
      </c>
      <c r="EG20" s="312">
        <v>0</v>
      </c>
      <c r="EH20" s="313">
        <v>11</v>
      </c>
      <c r="EI20" s="313">
        <v>13</v>
      </c>
      <c r="EJ20" s="313">
        <v>13</v>
      </c>
      <c r="EK20" s="313">
        <v>3</v>
      </c>
      <c r="EL20" s="313">
        <v>9</v>
      </c>
      <c r="EM20" s="310">
        <v>49</v>
      </c>
      <c r="EN20" s="315">
        <v>53</v>
      </c>
      <c r="EO20" s="309">
        <v>9</v>
      </c>
      <c r="EP20" s="313">
        <v>47</v>
      </c>
      <c r="EQ20" s="310">
        <v>56</v>
      </c>
      <c r="ER20" s="312">
        <v>0</v>
      </c>
      <c r="ES20" s="313">
        <v>104</v>
      </c>
      <c r="ET20" s="313">
        <v>103</v>
      </c>
      <c r="EU20" s="313">
        <v>47</v>
      </c>
      <c r="EV20" s="313">
        <v>31</v>
      </c>
      <c r="EW20" s="313">
        <v>11</v>
      </c>
      <c r="EX20" s="310">
        <v>296</v>
      </c>
      <c r="EY20" s="315">
        <v>352</v>
      </c>
    </row>
    <row r="21" spans="1:155" ht="19.5" customHeight="1" x14ac:dyDescent="0.2">
      <c r="A21" s="294" t="s">
        <v>19</v>
      </c>
      <c r="B21" s="309">
        <v>0</v>
      </c>
      <c r="C21" s="310">
        <v>0</v>
      </c>
      <c r="D21" s="311">
        <v>0</v>
      </c>
      <c r="E21" s="312">
        <v>0</v>
      </c>
      <c r="F21" s="313">
        <v>17</v>
      </c>
      <c r="G21" s="313">
        <v>12</v>
      </c>
      <c r="H21" s="313">
        <v>3</v>
      </c>
      <c r="I21" s="313">
        <v>7</v>
      </c>
      <c r="J21" s="313">
        <v>2</v>
      </c>
      <c r="K21" s="314">
        <v>41</v>
      </c>
      <c r="L21" s="315">
        <v>41</v>
      </c>
      <c r="M21" s="309">
        <v>0</v>
      </c>
      <c r="N21" s="313">
        <v>0</v>
      </c>
      <c r="O21" s="310">
        <v>0</v>
      </c>
      <c r="P21" s="312">
        <v>0</v>
      </c>
      <c r="Q21" s="313">
        <v>0</v>
      </c>
      <c r="R21" s="313">
        <v>1</v>
      </c>
      <c r="S21" s="313">
        <v>0</v>
      </c>
      <c r="T21" s="313">
        <v>3</v>
      </c>
      <c r="U21" s="313">
        <v>3</v>
      </c>
      <c r="V21" s="310">
        <v>7</v>
      </c>
      <c r="W21" s="315">
        <v>7</v>
      </c>
      <c r="X21" s="309">
        <v>1</v>
      </c>
      <c r="Y21" s="313">
        <v>1</v>
      </c>
      <c r="Z21" s="310">
        <v>2</v>
      </c>
      <c r="AA21" s="312">
        <v>0</v>
      </c>
      <c r="AB21" s="313">
        <v>13</v>
      </c>
      <c r="AC21" s="313">
        <v>13</v>
      </c>
      <c r="AD21" s="313">
        <v>4</v>
      </c>
      <c r="AE21" s="313">
        <v>6</v>
      </c>
      <c r="AF21" s="313">
        <v>5</v>
      </c>
      <c r="AG21" s="310">
        <v>41</v>
      </c>
      <c r="AH21" s="315">
        <v>43</v>
      </c>
      <c r="AI21" s="309">
        <v>0</v>
      </c>
      <c r="AJ21" s="313">
        <v>0</v>
      </c>
      <c r="AK21" s="310">
        <v>0</v>
      </c>
      <c r="AL21" s="312">
        <v>0</v>
      </c>
      <c r="AM21" s="313">
        <v>0</v>
      </c>
      <c r="AN21" s="313">
        <v>3</v>
      </c>
      <c r="AO21" s="313">
        <v>4</v>
      </c>
      <c r="AP21" s="313">
        <v>0</v>
      </c>
      <c r="AQ21" s="313">
        <v>0</v>
      </c>
      <c r="AR21" s="310">
        <v>7</v>
      </c>
      <c r="AS21" s="315">
        <v>7</v>
      </c>
      <c r="AT21" s="309">
        <v>1</v>
      </c>
      <c r="AU21" s="313">
        <v>4</v>
      </c>
      <c r="AV21" s="310">
        <v>5</v>
      </c>
      <c r="AW21" s="312">
        <v>0</v>
      </c>
      <c r="AX21" s="313">
        <v>18</v>
      </c>
      <c r="AY21" s="313">
        <v>14</v>
      </c>
      <c r="AZ21" s="313">
        <v>13</v>
      </c>
      <c r="BA21" s="313">
        <v>11</v>
      </c>
      <c r="BB21" s="313">
        <v>6</v>
      </c>
      <c r="BC21" s="314">
        <v>62</v>
      </c>
      <c r="BD21" s="315">
        <v>67</v>
      </c>
      <c r="BE21" s="309">
        <v>0</v>
      </c>
      <c r="BF21" s="313">
        <v>0</v>
      </c>
      <c r="BG21" s="310">
        <v>0</v>
      </c>
      <c r="BH21" s="312">
        <v>0</v>
      </c>
      <c r="BI21" s="313">
        <v>20</v>
      </c>
      <c r="BJ21" s="313">
        <v>18</v>
      </c>
      <c r="BK21" s="313">
        <v>8</v>
      </c>
      <c r="BL21" s="313">
        <v>2</v>
      </c>
      <c r="BM21" s="313">
        <v>1</v>
      </c>
      <c r="BN21" s="310">
        <v>49</v>
      </c>
      <c r="BO21" s="315">
        <v>49</v>
      </c>
      <c r="BP21" s="309">
        <v>1</v>
      </c>
      <c r="BQ21" s="313">
        <v>1</v>
      </c>
      <c r="BR21" s="310">
        <v>2</v>
      </c>
      <c r="BS21" s="312">
        <v>0</v>
      </c>
      <c r="BT21" s="313">
        <v>9</v>
      </c>
      <c r="BU21" s="313">
        <v>9</v>
      </c>
      <c r="BV21" s="313">
        <v>4</v>
      </c>
      <c r="BW21" s="313">
        <v>3</v>
      </c>
      <c r="BX21" s="313">
        <v>0</v>
      </c>
      <c r="BY21" s="310">
        <v>25</v>
      </c>
      <c r="BZ21" s="315">
        <v>27</v>
      </c>
      <c r="CA21" s="309">
        <v>0</v>
      </c>
      <c r="CB21" s="313">
        <v>1</v>
      </c>
      <c r="CC21" s="310">
        <v>1</v>
      </c>
      <c r="CD21" s="312">
        <v>0</v>
      </c>
      <c r="CE21" s="313">
        <v>4</v>
      </c>
      <c r="CF21" s="313">
        <v>2</v>
      </c>
      <c r="CG21" s="313">
        <v>1</v>
      </c>
      <c r="CH21" s="313">
        <v>0</v>
      </c>
      <c r="CI21" s="313">
        <v>0</v>
      </c>
      <c r="CJ21" s="310">
        <v>7</v>
      </c>
      <c r="CK21" s="315">
        <v>8</v>
      </c>
      <c r="CL21" s="309">
        <v>0</v>
      </c>
      <c r="CM21" s="313">
        <v>0</v>
      </c>
      <c r="CN21" s="310">
        <v>0</v>
      </c>
      <c r="CO21" s="312">
        <v>0</v>
      </c>
      <c r="CP21" s="313">
        <v>0</v>
      </c>
      <c r="CQ21" s="313">
        <v>0</v>
      </c>
      <c r="CR21" s="313">
        <v>1</v>
      </c>
      <c r="CS21" s="313">
        <v>2</v>
      </c>
      <c r="CT21" s="313">
        <v>0</v>
      </c>
      <c r="CU21" s="310">
        <v>3</v>
      </c>
      <c r="CV21" s="315">
        <v>3</v>
      </c>
      <c r="CW21" s="309">
        <v>0</v>
      </c>
      <c r="CX21" s="313">
        <v>0</v>
      </c>
      <c r="CY21" s="310">
        <v>0</v>
      </c>
      <c r="CZ21" s="312">
        <v>0</v>
      </c>
      <c r="DA21" s="313">
        <v>0</v>
      </c>
      <c r="DB21" s="313">
        <v>0</v>
      </c>
      <c r="DC21" s="313">
        <v>0</v>
      </c>
      <c r="DD21" s="313">
        <v>0</v>
      </c>
      <c r="DE21" s="313">
        <v>0</v>
      </c>
      <c r="DF21" s="310">
        <v>0</v>
      </c>
      <c r="DG21" s="315">
        <v>0</v>
      </c>
      <c r="DH21" s="309">
        <v>0</v>
      </c>
      <c r="DI21" s="313">
        <v>0</v>
      </c>
      <c r="DJ21" s="310">
        <v>0</v>
      </c>
      <c r="DK21" s="312">
        <v>0</v>
      </c>
      <c r="DL21" s="313">
        <v>0</v>
      </c>
      <c r="DM21" s="313">
        <v>0</v>
      </c>
      <c r="DN21" s="313">
        <v>0</v>
      </c>
      <c r="DO21" s="313">
        <v>0</v>
      </c>
      <c r="DP21" s="313">
        <v>0</v>
      </c>
      <c r="DQ21" s="310">
        <v>0</v>
      </c>
      <c r="DR21" s="315">
        <v>0</v>
      </c>
      <c r="DS21" s="309">
        <v>3</v>
      </c>
      <c r="DT21" s="313">
        <v>7</v>
      </c>
      <c r="DU21" s="310">
        <v>10</v>
      </c>
      <c r="DV21" s="312">
        <v>0</v>
      </c>
      <c r="DW21" s="313">
        <v>29</v>
      </c>
      <c r="DX21" s="313">
        <v>29</v>
      </c>
      <c r="DY21" s="313">
        <v>14</v>
      </c>
      <c r="DZ21" s="313">
        <v>14</v>
      </c>
      <c r="EA21" s="313">
        <v>5</v>
      </c>
      <c r="EB21" s="310">
        <v>91</v>
      </c>
      <c r="EC21" s="315">
        <v>101</v>
      </c>
      <c r="ED21" s="309">
        <v>0</v>
      </c>
      <c r="EE21" s="313">
        <v>3</v>
      </c>
      <c r="EF21" s="310">
        <v>3</v>
      </c>
      <c r="EG21" s="312">
        <v>0</v>
      </c>
      <c r="EH21" s="313">
        <v>7</v>
      </c>
      <c r="EI21" s="313">
        <v>4</v>
      </c>
      <c r="EJ21" s="313">
        <v>3</v>
      </c>
      <c r="EK21" s="313">
        <v>4</v>
      </c>
      <c r="EL21" s="313">
        <v>1</v>
      </c>
      <c r="EM21" s="310">
        <v>19</v>
      </c>
      <c r="EN21" s="315">
        <v>22</v>
      </c>
      <c r="EO21" s="309">
        <v>5</v>
      </c>
      <c r="EP21" s="313">
        <v>10</v>
      </c>
      <c r="EQ21" s="310">
        <v>15</v>
      </c>
      <c r="ER21" s="312">
        <v>0</v>
      </c>
      <c r="ES21" s="313">
        <v>51</v>
      </c>
      <c r="ET21" s="313">
        <v>49</v>
      </c>
      <c r="EU21" s="313">
        <v>18</v>
      </c>
      <c r="EV21" s="313">
        <v>15</v>
      </c>
      <c r="EW21" s="313">
        <v>3</v>
      </c>
      <c r="EX21" s="310">
        <v>136</v>
      </c>
      <c r="EY21" s="315">
        <v>151</v>
      </c>
    </row>
    <row r="22" spans="1:155" ht="19.5" customHeight="1" x14ac:dyDescent="0.2">
      <c r="A22" s="294" t="s">
        <v>20</v>
      </c>
      <c r="B22" s="309">
        <v>0</v>
      </c>
      <c r="C22" s="310">
        <v>0</v>
      </c>
      <c r="D22" s="311">
        <v>0</v>
      </c>
      <c r="E22" s="312">
        <v>0</v>
      </c>
      <c r="F22" s="313">
        <v>18</v>
      </c>
      <c r="G22" s="313">
        <v>12</v>
      </c>
      <c r="H22" s="313">
        <v>8</v>
      </c>
      <c r="I22" s="313">
        <v>6</v>
      </c>
      <c r="J22" s="313">
        <v>1</v>
      </c>
      <c r="K22" s="314">
        <v>45</v>
      </c>
      <c r="L22" s="315">
        <v>45</v>
      </c>
      <c r="M22" s="309">
        <v>0</v>
      </c>
      <c r="N22" s="313">
        <v>0</v>
      </c>
      <c r="O22" s="310">
        <v>0</v>
      </c>
      <c r="P22" s="312">
        <v>0</v>
      </c>
      <c r="Q22" s="313">
        <v>0</v>
      </c>
      <c r="R22" s="313">
        <v>0</v>
      </c>
      <c r="S22" s="313">
        <v>0</v>
      </c>
      <c r="T22" s="313">
        <v>2</v>
      </c>
      <c r="U22" s="313">
        <v>1</v>
      </c>
      <c r="V22" s="310">
        <v>3</v>
      </c>
      <c r="W22" s="315">
        <v>3</v>
      </c>
      <c r="X22" s="309">
        <v>2</v>
      </c>
      <c r="Y22" s="313">
        <v>6</v>
      </c>
      <c r="Z22" s="310">
        <v>8</v>
      </c>
      <c r="AA22" s="312">
        <v>0</v>
      </c>
      <c r="AB22" s="313">
        <v>26</v>
      </c>
      <c r="AC22" s="313">
        <v>9</v>
      </c>
      <c r="AD22" s="313">
        <v>9</v>
      </c>
      <c r="AE22" s="313">
        <v>9</v>
      </c>
      <c r="AF22" s="313">
        <v>1</v>
      </c>
      <c r="AG22" s="310">
        <v>54</v>
      </c>
      <c r="AH22" s="315">
        <v>62</v>
      </c>
      <c r="AI22" s="309">
        <v>0</v>
      </c>
      <c r="AJ22" s="313">
        <v>1</v>
      </c>
      <c r="AK22" s="310">
        <v>1</v>
      </c>
      <c r="AL22" s="312">
        <v>0</v>
      </c>
      <c r="AM22" s="313">
        <v>5</v>
      </c>
      <c r="AN22" s="313">
        <v>3</v>
      </c>
      <c r="AO22" s="313">
        <v>4</v>
      </c>
      <c r="AP22" s="313">
        <v>2</v>
      </c>
      <c r="AQ22" s="313">
        <v>0</v>
      </c>
      <c r="AR22" s="310">
        <v>14</v>
      </c>
      <c r="AS22" s="315">
        <v>15</v>
      </c>
      <c r="AT22" s="309">
        <v>1</v>
      </c>
      <c r="AU22" s="313">
        <v>7</v>
      </c>
      <c r="AV22" s="310">
        <v>8</v>
      </c>
      <c r="AW22" s="312">
        <v>0</v>
      </c>
      <c r="AX22" s="313">
        <v>22</v>
      </c>
      <c r="AY22" s="313">
        <v>23</v>
      </c>
      <c r="AZ22" s="313">
        <v>21</v>
      </c>
      <c r="BA22" s="313">
        <v>19</v>
      </c>
      <c r="BB22" s="313">
        <v>4</v>
      </c>
      <c r="BC22" s="314">
        <v>89</v>
      </c>
      <c r="BD22" s="315">
        <v>97</v>
      </c>
      <c r="BE22" s="309">
        <v>0</v>
      </c>
      <c r="BF22" s="313">
        <v>0</v>
      </c>
      <c r="BG22" s="310">
        <v>0</v>
      </c>
      <c r="BH22" s="312">
        <v>0</v>
      </c>
      <c r="BI22" s="313">
        <v>25</v>
      </c>
      <c r="BJ22" s="313">
        <v>18</v>
      </c>
      <c r="BK22" s="313">
        <v>12</v>
      </c>
      <c r="BL22" s="313">
        <v>2</v>
      </c>
      <c r="BM22" s="313">
        <v>1</v>
      </c>
      <c r="BN22" s="310">
        <v>58</v>
      </c>
      <c r="BO22" s="315">
        <v>58</v>
      </c>
      <c r="BP22" s="309">
        <v>5</v>
      </c>
      <c r="BQ22" s="313">
        <v>2</v>
      </c>
      <c r="BR22" s="310">
        <v>7</v>
      </c>
      <c r="BS22" s="312">
        <v>0</v>
      </c>
      <c r="BT22" s="313">
        <v>15</v>
      </c>
      <c r="BU22" s="313">
        <v>5</v>
      </c>
      <c r="BV22" s="313">
        <v>5</v>
      </c>
      <c r="BW22" s="313">
        <v>7</v>
      </c>
      <c r="BX22" s="313">
        <v>1</v>
      </c>
      <c r="BY22" s="310">
        <v>33</v>
      </c>
      <c r="BZ22" s="315">
        <v>40</v>
      </c>
      <c r="CA22" s="309">
        <v>0</v>
      </c>
      <c r="CB22" s="313">
        <v>2</v>
      </c>
      <c r="CC22" s="310">
        <v>2</v>
      </c>
      <c r="CD22" s="312">
        <v>0</v>
      </c>
      <c r="CE22" s="313">
        <v>2</v>
      </c>
      <c r="CF22" s="313">
        <v>2</v>
      </c>
      <c r="CG22" s="313">
        <v>5</v>
      </c>
      <c r="CH22" s="313">
        <v>10</v>
      </c>
      <c r="CI22" s="313">
        <v>0</v>
      </c>
      <c r="CJ22" s="310">
        <v>19</v>
      </c>
      <c r="CK22" s="315">
        <v>21</v>
      </c>
      <c r="CL22" s="309">
        <v>0</v>
      </c>
      <c r="CM22" s="313">
        <v>0</v>
      </c>
      <c r="CN22" s="310">
        <v>0</v>
      </c>
      <c r="CO22" s="312">
        <v>0</v>
      </c>
      <c r="CP22" s="313">
        <v>0</v>
      </c>
      <c r="CQ22" s="313">
        <v>0</v>
      </c>
      <c r="CR22" s="313">
        <v>0</v>
      </c>
      <c r="CS22" s="313">
        <v>2</v>
      </c>
      <c r="CT22" s="313">
        <v>0</v>
      </c>
      <c r="CU22" s="310">
        <v>2</v>
      </c>
      <c r="CV22" s="315">
        <v>2</v>
      </c>
      <c r="CW22" s="309">
        <v>0</v>
      </c>
      <c r="CX22" s="313">
        <v>0</v>
      </c>
      <c r="CY22" s="310">
        <v>0</v>
      </c>
      <c r="CZ22" s="312">
        <v>0</v>
      </c>
      <c r="DA22" s="313">
        <v>0</v>
      </c>
      <c r="DB22" s="313">
        <v>0</v>
      </c>
      <c r="DC22" s="313">
        <v>0</v>
      </c>
      <c r="DD22" s="313">
        <v>0</v>
      </c>
      <c r="DE22" s="313">
        <v>0</v>
      </c>
      <c r="DF22" s="310">
        <v>0</v>
      </c>
      <c r="DG22" s="315">
        <v>0</v>
      </c>
      <c r="DH22" s="309">
        <v>0</v>
      </c>
      <c r="DI22" s="313">
        <v>0</v>
      </c>
      <c r="DJ22" s="310">
        <v>0</v>
      </c>
      <c r="DK22" s="312">
        <v>0</v>
      </c>
      <c r="DL22" s="313">
        <v>0</v>
      </c>
      <c r="DM22" s="313">
        <v>0</v>
      </c>
      <c r="DN22" s="313">
        <v>0</v>
      </c>
      <c r="DO22" s="313">
        <v>0</v>
      </c>
      <c r="DP22" s="313">
        <v>0</v>
      </c>
      <c r="DQ22" s="310">
        <v>0</v>
      </c>
      <c r="DR22" s="315">
        <v>0</v>
      </c>
      <c r="DS22" s="309">
        <v>13</v>
      </c>
      <c r="DT22" s="313">
        <v>16</v>
      </c>
      <c r="DU22" s="310">
        <v>29</v>
      </c>
      <c r="DV22" s="312">
        <v>0</v>
      </c>
      <c r="DW22" s="313">
        <v>47</v>
      </c>
      <c r="DX22" s="313">
        <v>33</v>
      </c>
      <c r="DY22" s="313">
        <v>25</v>
      </c>
      <c r="DZ22" s="313">
        <v>19</v>
      </c>
      <c r="EA22" s="313">
        <v>3</v>
      </c>
      <c r="EB22" s="310">
        <v>127</v>
      </c>
      <c r="EC22" s="315">
        <v>156</v>
      </c>
      <c r="ED22" s="309">
        <v>1</v>
      </c>
      <c r="EE22" s="313">
        <v>5</v>
      </c>
      <c r="EF22" s="310">
        <v>6</v>
      </c>
      <c r="EG22" s="312">
        <v>0</v>
      </c>
      <c r="EH22" s="313">
        <v>10</v>
      </c>
      <c r="EI22" s="313">
        <v>12</v>
      </c>
      <c r="EJ22" s="313">
        <v>8</v>
      </c>
      <c r="EK22" s="313">
        <v>6</v>
      </c>
      <c r="EL22" s="313">
        <v>1</v>
      </c>
      <c r="EM22" s="310">
        <v>37</v>
      </c>
      <c r="EN22" s="315">
        <v>43</v>
      </c>
      <c r="EO22" s="309">
        <v>19</v>
      </c>
      <c r="EP22" s="313">
        <v>26</v>
      </c>
      <c r="EQ22" s="310">
        <v>45</v>
      </c>
      <c r="ER22" s="312">
        <v>0</v>
      </c>
      <c r="ES22" s="313">
        <v>82</v>
      </c>
      <c r="ET22" s="313">
        <v>46</v>
      </c>
      <c r="EU22" s="313">
        <v>33</v>
      </c>
      <c r="EV22" s="313">
        <v>22</v>
      </c>
      <c r="EW22" s="313">
        <v>4</v>
      </c>
      <c r="EX22" s="310">
        <v>187</v>
      </c>
      <c r="EY22" s="315">
        <v>232</v>
      </c>
    </row>
    <row r="23" spans="1:155" ht="19.5" customHeight="1" x14ac:dyDescent="0.2">
      <c r="A23" s="294" t="s">
        <v>21</v>
      </c>
      <c r="B23" s="309">
        <v>0</v>
      </c>
      <c r="C23" s="310">
        <v>0</v>
      </c>
      <c r="D23" s="311">
        <v>0</v>
      </c>
      <c r="E23" s="312">
        <v>0</v>
      </c>
      <c r="F23" s="313">
        <v>20</v>
      </c>
      <c r="G23" s="313">
        <v>10</v>
      </c>
      <c r="H23" s="313">
        <v>9</v>
      </c>
      <c r="I23" s="313">
        <v>7</v>
      </c>
      <c r="J23" s="313">
        <v>6</v>
      </c>
      <c r="K23" s="314">
        <v>52</v>
      </c>
      <c r="L23" s="315">
        <v>52</v>
      </c>
      <c r="M23" s="309">
        <v>0</v>
      </c>
      <c r="N23" s="313">
        <v>0</v>
      </c>
      <c r="O23" s="310">
        <v>0</v>
      </c>
      <c r="P23" s="312">
        <v>0</v>
      </c>
      <c r="Q23" s="313">
        <v>0</v>
      </c>
      <c r="R23" s="313">
        <v>0</v>
      </c>
      <c r="S23" s="313">
        <v>0</v>
      </c>
      <c r="T23" s="313">
        <v>2</v>
      </c>
      <c r="U23" s="313">
        <v>1</v>
      </c>
      <c r="V23" s="310">
        <v>3</v>
      </c>
      <c r="W23" s="315">
        <v>3</v>
      </c>
      <c r="X23" s="309">
        <v>5</v>
      </c>
      <c r="Y23" s="313">
        <v>3</v>
      </c>
      <c r="Z23" s="310">
        <v>8</v>
      </c>
      <c r="AA23" s="312">
        <v>0</v>
      </c>
      <c r="AB23" s="313">
        <v>13</v>
      </c>
      <c r="AC23" s="313">
        <v>17</v>
      </c>
      <c r="AD23" s="313">
        <v>8</v>
      </c>
      <c r="AE23" s="313">
        <v>6</v>
      </c>
      <c r="AF23" s="313">
        <v>6</v>
      </c>
      <c r="AG23" s="310">
        <v>50</v>
      </c>
      <c r="AH23" s="315">
        <v>58</v>
      </c>
      <c r="AI23" s="309">
        <v>0</v>
      </c>
      <c r="AJ23" s="313">
        <v>1</v>
      </c>
      <c r="AK23" s="310">
        <v>1</v>
      </c>
      <c r="AL23" s="312">
        <v>0</v>
      </c>
      <c r="AM23" s="313">
        <v>3</v>
      </c>
      <c r="AN23" s="313">
        <v>4</v>
      </c>
      <c r="AO23" s="313">
        <v>0</v>
      </c>
      <c r="AP23" s="313">
        <v>0</v>
      </c>
      <c r="AQ23" s="313">
        <v>0</v>
      </c>
      <c r="AR23" s="310">
        <v>7</v>
      </c>
      <c r="AS23" s="315">
        <v>8</v>
      </c>
      <c r="AT23" s="309">
        <v>7</v>
      </c>
      <c r="AU23" s="313">
        <v>1</v>
      </c>
      <c r="AV23" s="310">
        <v>8</v>
      </c>
      <c r="AW23" s="312">
        <v>0</v>
      </c>
      <c r="AX23" s="313">
        <v>17</v>
      </c>
      <c r="AY23" s="313">
        <v>17</v>
      </c>
      <c r="AZ23" s="313">
        <v>12</v>
      </c>
      <c r="BA23" s="313">
        <v>16</v>
      </c>
      <c r="BB23" s="313">
        <v>9</v>
      </c>
      <c r="BC23" s="314">
        <v>71</v>
      </c>
      <c r="BD23" s="315">
        <v>79</v>
      </c>
      <c r="BE23" s="309">
        <v>0</v>
      </c>
      <c r="BF23" s="313">
        <v>0</v>
      </c>
      <c r="BG23" s="310">
        <v>0</v>
      </c>
      <c r="BH23" s="312">
        <v>0</v>
      </c>
      <c r="BI23" s="313">
        <v>21</v>
      </c>
      <c r="BJ23" s="313">
        <v>19</v>
      </c>
      <c r="BK23" s="313">
        <v>11</v>
      </c>
      <c r="BL23" s="313">
        <v>3</v>
      </c>
      <c r="BM23" s="313">
        <v>4</v>
      </c>
      <c r="BN23" s="310">
        <v>58</v>
      </c>
      <c r="BO23" s="315">
        <v>58</v>
      </c>
      <c r="BP23" s="309">
        <v>0</v>
      </c>
      <c r="BQ23" s="313">
        <v>2</v>
      </c>
      <c r="BR23" s="310">
        <v>2</v>
      </c>
      <c r="BS23" s="312">
        <v>0</v>
      </c>
      <c r="BT23" s="313">
        <v>3</v>
      </c>
      <c r="BU23" s="313">
        <v>9</v>
      </c>
      <c r="BV23" s="313">
        <v>3</v>
      </c>
      <c r="BW23" s="313">
        <v>0</v>
      </c>
      <c r="BX23" s="313">
        <v>3</v>
      </c>
      <c r="BY23" s="310">
        <v>18</v>
      </c>
      <c r="BZ23" s="315">
        <v>20</v>
      </c>
      <c r="CA23" s="309">
        <v>1</v>
      </c>
      <c r="CB23" s="313">
        <v>0</v>
      </c>
      <c r="CC23" s="310">
        <v>1</v>
      </c>
      <c r="CD23" s="312">
        <v>0</v>
      </c>
      <c r="CE23" s="313">
        <v>3</v>
      </c>
      <c r="CF23" s="313">
        <v>3</v>
      </c>
      <c r="CG23" s="313">
        <v>5</v>
      </c>
      <c r="CH23" s="313">
        <v>3</v>
      </c>
      <c r="CI23" s="313">
        <v>2</v>
      </c>
      <c r="CJ23" s="310">
        <v>16</v>
      </c>
      <c r="CK23" s="315">
        <v>17</v>
      </c>
      <c r="CL23" s="309">
        <v>0</v>
      </c>
      <c r="CM23" s="313">
        <v>0</v>
      </c>
      <c r="CN23" s="310">
        <v>0</v>
      </c>
      <c r="CO23" s="312">
        <v>0</v>
      </c>
      <c r="CP23" s="313">
        <v>0</v>
      </c>
      <c r="CQ23" s="313">
        <v>0</v>
      </c>
      <c r="CR23" s="313">
        <v>0</v>
      </c>
      <c r="CS23" s="313">
        <v>0</v>
      </c>
      <c r="CT23" s="313">
        <v>0</v>
      </c>
      <c r="CU23" s="310">
        <v>0</v>
      </c>
      <c r="CV23" s="315">
        <v>0</v>
      </c>
      <c r="CW23" s="309">
        <v>0</v>
      </c>
      <c r="CX23" s="313">
        <v>0</v>
      </c>
      <c r="CY23" s="310">
        <v>0</v>
      </c>
      <c r="CZ23" s="312">
        <v>0</v>
      </c>
      <c r="DA23" s="313">
        <v>0</v>
      </c>
      <c r="DB23" s="313">
        <v>0</v>
      </c>
      <c r="DC23" s="313">
        <v>0</v>
      </c>
      <c r="DD23" s="313">
        <v>0</v>
      </c>
      <c r="DE23" s="313">
        <v>0</v>
      </c>
      <c r="DF23" s="310">
        <v>0</v>
      </c>
      <c r="DG23" s="315">
        <v>0</v>
      </c>
      <c r="DH23" s="309">
        <v>0</v>
      </c>
      <c r="DI23" s="313">
        <v>0</v>
      </c>
      <c r="DJ23" s="310">
        <v>0</v>
      </c>
      <c r="DK23" s="312">
        <v>0</v>
      </c>
      <c r="DL23" s="313">
        <v>0</v>
      </c>
      <c r="DM23" s="313">
        <v>0</v>
      </c>
      <c r="DN23" s="313">
        <v>0</v>
      </c>
      <c r="DO23" s="313">
        <v>0</v>
      </c>
      <c r="DP23" s="313">
        <v>0</v>
      </c>
      <c r="DQ23" s="310">
        <v>0</v>
      </c>
      <c r="DR23" s="315">
        <v>0</v>
      </c>
      <c r="DS23" s="309">
        <v>9</v>
      </c>
      <c r="DT23" s="313">
        <v>12</v>
      </c>
      <c r="DU23" s="310">
        <v>21</v>
      </c>
      <c r="DV23" s="312">
        <v>0</v>
      </c>
      <c r="DW23" s="313">
        <v>24</v>
      </c>
      <c r="DX23" s="313">
        <v>43</v>
      </c>
      <c r="DY23" s="313">
        <v>19</v>
      </c>
      <c r="DZ23" s="313">
        <v>15</v>
      </c>
      <c r="EA23" s="313">
        <v>5</v>
      </c>
      <c r="EB23" s="310">
        <v>106</v>
      </c>
      <c r="EC23" s="315">
        <v>127</v>
      </c>
      <c r="ED23" s="309">
        <v>1</v>
      </c>
      <c r="EE23" s="313">
        <v>1</v>
      </c>
      <c r="EF23" s="310">
        <v>2</v>
      </c>
      <c r="EG23" s="312">
        <v>0</v>
      </c>
      <c r="EH23" s="313">
        <v>10</v>
      </c>
      <c r="EI23" s="313">
        <v>4</v>
      </c>
      <c r="EJ23" s="313">
        <v>2</v>
      </c>
      <c r="EK23" s="313">
        <v>5</v>
      </c>
      <c r="EL23" s="313">
        <v>3</v>
      </c>
      <c r="EM23" s="310">
        <v>24</v>
      </c>
      <c r="EN23" s="315">
        <v>26</v>
      </c>
      <c r="EO23" s="309">
        <v>13</v>
      </c>
      <c r="EP23" s="313">
        <v>15</v>
      </c>
      <c r="EQ23" s="310">
        <v>28</v>
      </c>
      <c r="ER23" s="312">
        <v>0</v>
      </c>
      <c r="ES23" s="313">
        <v>53</v>
      </c>
      <c r="ET23" s="313">
        <v>60</v>
      </c>
      <c r="EU23" s="313">
        <v>24</v>
      </c>
      <c r="EV23" s="313">
        <v>15</v>
      </c>
      <c r="EW23" s="313">
        <v>10</v>
      </c>
      <c r="EX23" s="310">
        <v>162</v>
      </c>
      <c r="EY23" s="315">
        <v>190</v>
      </c>
    </row>
    <row r="24" spans="1:155" ht="19.5" customHeight="1" x14ac:dyDescent="0.2">
      <c r="A24" s="294" t="s">
        <v>22</v>
      </c>
      <c r="B24" s="309">
        <v>0</v>
      </c>
      <c r="C24" s="310">
        <v>0</v>
      </c>
      <c r="D24" s="311">
        <v>0</v>
      </c>
      <c r="E24" s="312">
        <v>0</v>
      </c>
      <c r="F24" s="313">
        <v>4</v>
      </c>
      <c r="G24" s="313">
        <v>5</v>
      </c>
      <c r="H24" s="313">
        <v>4</v>
      </c>
      <c r="I24" s="313">
        <v>2</v>
      </c>
      <c r="J24" s="313">
        <v>1</v>
      </c>
      <c r="K24" s="314">
        <v>16</v>
      </c>
      <c r="L24" s="315">
        <v>16</v>
      </c>
      <c r="M24" s="309">
        <v>0</v>
      </c>
      <c r="N24" s="313">
        <v>0</v>
      </c>
      <c r="O24" s="310">
        <v>0</v>
      </c>
      <c r="P24" s="312">
        <v>0</v>
      </c>
      <c r="Q24" s="313">
        <v>0</v>
      </c>
      <c r="R24" s="313">
        <v>0</v>
      </c>
      <c r="S24" s="313">
        <v>1</v>
      </c>
      <c r="T24" s="313">
        <v>0</v>
      </c>
      <c r="U24" s="313">
        <v>2</v>
      </c>
      <c r="V24" s="310">
        <v>3</v>
      </c>
      <c r="W24" s="315">
        <v>3</v>
      </c>
      <c r="X24" s="309">
        <v>1</v>
      </c>
      <c r="Y24" s="313">
        <v>0</v>
      </c>
      <c r="Z24" s="310">
        <v>1</v>
      </c>
      <c r="AA24" s="312">
        <v>0</v>
      </c>
      <c r="AB24" s="313">
        <v>1</v>
      </c>
      <c r="AC24" s="313">
        <v>4</v>
      </c>
      <c r="AD24" s="313">
        <v>3</v>
      </c>
      <c r="AE24" s="313">
        <v>3</v>
      </c>
      <c r="AF24" s="313">
        <v>3</v>
      </c>
      <c r="AG24" s="310">
        <v>14</v>
      </c>
      <c r="AH24" s="315">
        <v>15</v>
      </c>
      <c r="AI24" s="309">
        <v>0</v>
      </c>
      <c r="AJ24" s="313">
        <v>0</v>
      </c>
      <c r="AK24" s="310">
        <v>0</v>
      </c>
      <c r="AL24" s="312">
        <v>0</v>
      </c>
      <c r="AM24" s="313">
        <v>2</v>
      </c>
      <c r="AN24" s="313">
        <v>0</v>
      </c>
      <c r="AO24" s="313">
        <v>0</v>
      </c>
      <c r="AP24" s="313">
        <v>2</v>
      </c>
      <c r="AQ24" s="313">
        <v>1</v>
      </c>
      <c r="AR24" s="310">
        <v>5</v>
      </c>
      <c r="AS24" s="315">
        <v>5</v>
      </c>
      <c r="AT24" s="309">
        <v>0</v>
      </c>
      <c r="AU24" s="313">
        <v>0</v>
      </c>
      <c r="AV24" s="310">
        <v>0</v>
      </c>
      <c r="AW24" s="312">
        <v>0</v>
      </c>
      <c r="AX24" s="313">
        <v>4</v>
      </c>
      <c r="AY24" s="313">
        <v>6</v>
      </c>
      <c r="AZ24" s="313">
        <v>3</v>
      </c>
      <c r="BA24" s="313">
        <v>2</v>
      </c>
      <c r="BB24" s="313">
        <v>2</v>
      </c>
      <c r="BC24" s="314">
        <v>17</v>
      </c>
      <c r="BD24" s="315">
        <v>17</v>
      </c>
      <c r="BE24" s="309">
        <v>0</v>
      </c>
      <c r="BF24" s="313">
        <v>0</v>
      </c>
      <c r="BG24" s="310">
        <v>0</v>
      </c>
      <c r="BH24" s="312">
        <v>0</v>
      </c>
      <c r="BI24" s="313">
        <v>6</v>
      </c>
      <c r="BJ24" s="313">
        <v>12</v>
      </c>
      <c r="BK24" s="313">
        <v>6</v>
      </c>
      <c r="BL24" s="313">
        <v>3</v>
      </c>
      <c r="BM24" s="313">
        <v>2</v>
      </c>
      <c r="BN24" s="310">
        <v>29</v>
      </c>
      <c r="BO24" s="315">
        <v>29</v>
      </c>
      <c r="BP24" s="309">
        <v>0</v>
      </c>
      <c r="BQ24" s="313">
        <v>0</v>
      </c>
      <c r="BR24" s="310">
        <v>0</v>
      </c>
      <c r="BS24" s="312">
        <v>0</v>
      </c>
      <c r="BT24" s="313">
        <v>4</v>
      </c>
      <c r="BU24" s="313">
        <v>2</v>
      </c>
      <c r="BV24" s="313">
        <v>1</v>
      </c>
      <c r="BW24" s="313">
        <v>1</v>
      </c>
      <c r="BX24" s="313">
        <v>2</v>
      </c>
      <c r="BY24" s="310">
        <v>10</v>
      </c>
      <c r="BZ24" s="315">
        <v>10</v>
      </c>
      <c r="CA24" s="309">
        <v>0</v>
      </c>
      <c r="CB24" s="313">
        <v>0</v>
      </c>
      <c r="CC24" s="310">
        <v>0</v>
      </c>
      <c r="CD24" s="312">
        <v>0</v>
      </c>
      <c r="CE24" s="313">
        <v>0</v>
      </c>
      <c r="CF24" s="313">
        <v>1</v>
      </c>
      <c r="CG24" s="313">
        <v>3</v>
      </c>
      <c r="CH24" s="313">
        <v>4</v>
      </c>
      <c r="CI24" s="313">
        <v>1</v>
      </c>
      <c r="CJ24" s="310">
        <v>9</v>
      </c>
      <c r="CK24" s="315">
        <v>9</v>
      </c>
      <c r="CL24" s="309">
        <v>0</v>
      </c>
      <c r="CM24" s="313">
        <v>0</v>
      </c>
      <c r="CN24" s="310">
        <v>0</v>
      </c>
      <c r="CO24" s="312">
        <v>0</v>
      </c>
      <c r="CP24" s="313">
        <v>0</v>
      </c>
      <c r="CQ24" s="313">
        <v>0</v>
      </c>
      <c r="CR24" s="313">
        <v>0</v>
      </c>
      <c r="CS24" s="313">
        <v>0</v>
      </c>
      <c r="CT24" s="313">
        <v>0</v>
      </c>
      <c r="CU24" s="310">
        <v>0</v>
      </c>
      <c r="CV24" s="315">
        <v>0</v>
      </c>
      <c r="CW24" s="309">
        <v>0</v>
      </c>
      <c r="CX24" s="313">
        <v>0</v>
      </c>
      <c r="CY24" s="310">
        <v>0</v>
      </c>
      <c r="CZ24" s="312">
        <v>0</v>
      </c>
      <c r="DA24" s="313">
        <v>0</v>
      </c>
      <c r="DB24" s="313">
        <v>0</v>
      </c>
      <c r="DC24" s="313">
        <v>0</v>
      </c>
      <c r="DD24" s="313">
        <v>0</v>
      </c>
      <c r="DE24" s="313">
        <v>0</v>
      </c>
      <c r="DF24" s="310">
        <v>0</v>
      </c>
      <c r="DG24" s="315">
        <v>0</v>
      </c>
      <c r="DH24" s="309">
        <v>0</v>
      </c>
      <c r="DI24" s="313">
        <v>0</v>
      </c>
      <c r="DJ24" s="310">
        <v>0</v>
      </c>
      <c r="DK24" s="312">
        <v>0</v>
      </c>
      <c r="DL24" s="313">
        <v>0</v>
      </c>
      <c r="DM24" s="313">
        <v>0</v>
      </c>
      <c r="DN24" s="313">
        <v>0</v>
      </c>
      <c r="DO24" s="313">
        <v>0</v>
      </c>
      <c r="DP24" s="313">
        <v>0</v>
      </c>
      <c r="DQ24" s="310">
        <v>0</v>
      </c>
      <c r="DR24" s="315">
        <v>0</v>
      </c>
      <c r="DS24" s="309">
        <v>2</v>
      </c>
      <c r="DT24" s="313">
        <v>5</v>
      </c>
      <c r="DU24" s="310">
        <v>7</v>
      </c>
      <c r="DV24" s="312">
        <v>0</v>
      </c>
      <c r="DW24" s="313">
        <v>9</v>
      </c>
      <c r="DX24" s="313">
        <v>20</v>
      </c>
      <c r="DY24" s="313">
        <v>10</v>
      </c>
      <c r="DZ24" s="313">
        <v>9</v>
      </c>
      <c r="EA24" s="313">
        <v>7</v>
      </c>
      <c r="EB24" s="310">
        <v>55</v>
      </c>
      <c r="EC24" s="315">
        <v>62</v>
      </c>
      <c r="ED24" s="309">
        <v>0</v>
      </c>
      <c r="EE24" s="313">
        <v>1</v>
      </c>
      <c r="EF24" s="310">
        <v>1</v>
      </c>
      <c r="EG24" s="312">
        <v>0</v>
      </c>
      <c r="EH24" s="313">
        <v>3</v>
      </c>
      <c r="EI24" s="313">
        <v>3</v>
      </c>
      <c r="EJ24" s="313">
        <v>1</v>
      </c>
      <c r="EK24" s="313">
        <v>2</v>
      </c>
      <c r="EL24" s="313">
        <v>0</v>
      </c>
      <c r="EM24" s="310">
        <v>9</v>
      </c>
      <c r="EN24" s="315">
        <v>10</v>
      </c>
      <c r="EO24" s="309">
        <v>3</v>
      </c>
      <c r="EP24" s="313">
        <v>5</v>
      </c>
      <c r="EQ24" s="310">
        <v>8</v>
      </c>
      <c r="ER24" s="312">
        <v>0</v>
      </c>
      <c r="ES24" s="313">
        <v>23</v>
      </c>
      <c r="ET24" s="313">
        <v>26</v>
      </c>
      <c r="EU24" s="313">
        <v>14</v>
      </c>
      <c r="EV24" s="313">
        <v>9</v>
      </c>
      <c r="EW24" s="313">
        <v>7</v>
      </c>
      <c r="EX24" s="310">
        <v>79</v>
      </c>
      <c r="EY24" s="315">
        <v>87</v>
      </c>
    </row>
    <row r="25" spans="1:155" ht="19.5" customHeight="1" x14ac:dyDescent="0.2">
      <c r="A25" s="294" t="s">
        <v>23</v>
      </c>
      <c r="B25" s="309">
        <v>0</v>
      </c>
      <c r="C25" s="310">
        <v>0</v>
      </c>
      <c r="D25" s="311">
        <v>0</v>
      </c>
      <c r="E25" s="312">
        <v>0</v>
      </c>
      <c r="F25" s="313">
        <v>9</v>
      </c>
      <c r="G25" s="313">
        <v>9</v>
      </c>
      <c r="H25" s="313">
        <v>4</v>
      </c>
      <c r="I25" s="313">
        <v>4</v>
      </c>
      <c r="J25" s="313">
        <v>3</v>
      </c>
      <c r="K25" s="314">
        <v>29</v>
      </c>
      <c r="L25" s="315">
        <v>29</v>
      </c>
      <c r="M25" s="309">
        <v>0</v>
      </c>
      <c r="N25" s="313">
        <v>0</v>
      </c>
      <c r="O25" s="310">
        <v>0</v>
      </c>
      <c r="P25" s="312">
        <v>0</v>
      </c>
      <c r="Q25" s="313">
        <v>0</v>
      </c>
      <c r="R25" s="313">
        <v>0</v>
      </c>
      <c r="S25" s="313">
        <v>0</v>
      </c>
      <c r="T25" s="313">
        <v>0</v>
      </c>
      <c r="U25" s="313">
        <v>0</v>
      </c>
      <c r="V25" s="310">
        <v>0</v>
      </c>
      <c r="W25" s="315">
        <v>0</v>
      </c>
      <c r="X25" s="309">
        <v>3</v>
      </c>
      <c r="Y25" s="313">
        <v>5</v>
      </c>
      <c r="Z25" s="310">
        <v>8</v>
      </c>
      <c r="AA25" s="312">
        <v>0</v>
      </c>
      <c r="AB25" s="313">
        <v>6</v>
      </c>
      <c r="AC25" s="313">
        <v>11</v>
      </c>
      <c r="AD25" s="313">
        <v>0</v>
      </c>
      <c r="AE25" s="313">
        <v>6</v>
      </c>
      <c r="AF25" s="313">
        <v>2</v>
      </c>
      <c r="AG25" s="310">
        <v>25</v>
      </c>
      <c r="AH25" s="315">
        <v>33</v>
      </c>
      <c r="AI25" s="309">
        <v>0</v>
      </c>
      <c r="AJ25" s="313">
        <v>0</v>
      </c>
      <c r="AK25" s="310">
        <v>0</v>
      </c>
      <c r="AL25" s="312">
        <v>0</v>
      </c>
      <c r="AM25" s="313">
        <v>2</v>
      </c>
      <c r="AN25" s="313">
        <v>0</v>
      </c>
      <c r="AO25" s="313">
        <v>0</v>
      </c>
      <c r="AP25" s="313">
        <v>0</v>
      </c>
      <c r="AQ25" s="313">
        <v>0</v>
      </c>
      <c r="AR25" s="310">
        <v>2</v>
      </c>
      <c r="AS25" s="315">
        <v>2</v>
      </c>
      <c r="AT25" s="309">
        <v>2</v>
      </c>
      <c r="AU25" s="313">
        <v>3</v>
      </c>
      <c r="AV25" s="310">
        <v>5</v>
      </c>
      <c r="AW25" s="312">
        <v>0</v>
      </c>
      <c r="AX25" s="313">
        <v>12</v>
      </c>
      <c r="AY25" s="313">
        <v>13</v>
      </c>
      <c r="AZ25" s="313">
        <v>5</v>
      </c>
      <c r="BA25" s="313">
        <v>9</v>
      </c>
      <c r="BB25" s="313">
        <v>6</v>
      </c>
      <c r="BC25" s="314">
        <v>45</v>
      </c>
      <c r="BD25" s="315">
        <v>50</v>
      </c>
      <c r="BE25" s="309">
        <v>0</v>
      </c>
      <c r="BF25" s="313">
        <v>0</v>
      </c>
      <c r="BG25" s="310">
        <v>0</v>
      </c>
      <c r="BH25" s="312">
        <v>0</v>
      </c>
      <c r="BI25" s="313">
        <v>21</v>
      </c>
      <c r="BJ25" s="313">
        <v>12</v>
      </c>
      <c r="BK25" s="313">
        <v>6</v>
      </c>
      <c r="BL25" s="313">
        <v>6</v>
      </c>
      <c r="BM25" s="313">
        <v>0</v>
      </c>
      <c r="BN25" s="310">
        <v>45</v>
      </c>
      <c r="BO25" s="315">
        <v>45</v>
      </c>
      <c r="BP25" s="309">
        <v>0</v>
      </c>
      <c r="BQ25" s="313">
        <v>0</v>
      </c>
      <c r="BR25" s="310">
        <v>0</v>
      </c>
      <c r="BS25" s="312">
        <v>0</v>
      </c>
      <c r="BT25" s="313">
        <v>4</v>
      </c>
      <c r="BU25" s="313">
        <v>5</v>
      </c>
      <c r="BV25" s="313">
        <v>1</v>
      </c>
      <c r="BW25" s="313">
        <v>2</v>
      </c>
      <c r="BX25" s="313">
        <v>1</v>
      </c>
      <c r="BY25" s="310">
        <v>13</v>
      </c>
      <c r="BZ25" s="315">
        <v>13</v>
      </c>
      <c r="CA25" s="309">
        <v>0</v>
      </c>
      <c r="CB25" s="313">
        <v>0</v>
      </c>
      <c r="CC25" s="310">
        <v>0</v>
      </c>
      <c r="CD25" s="312">
        <v>0</v>
      </c>
      <c r="CE25" s="313">
        <v>1</v>
      </c>
      <c r="CF25" s="313">
        <v>1</v>
      </c>
      <c r="CG25" s="313">
        <v>3</v>
      </c>
      <c r="CH25" s="313">
        <v>3</v>
      </c>
      <c r="CI25" s="313">
        <v>0</v>
      </c>
      <c r="CJ25" s="310">
        <v>8</v>
      </c>
      <c r="CK25" s="315">
        <v>8</v>
      </c>
      <c r="CL25" s="309">
        <v>0</v>
      </c>
      <c r="CM25" s="313">
        <v>0</v>
      </c>
      <c r="CN25" s="310">
        <v>0</v>
      </c>
      <c r="CO25" s="312">
        <v>0</v>
      </c>
      <c r="CP25" s="313">
        <v>0</v>
      </c>
      <c r="CQ25" s="313">
        <v>0</v>
      </c>
      <c r="CR25" s="313">
        <v>0</v>
      </c>
      <c r="CS25" s="313">
        <v>0</v>
      </c>
      <c r="CT25" s="313">
        <v>0</v>
      </c>
      <c r="CU25" s="310">
        <v>0</v>
      </c>
      <c r="CV25" s="315">
        <v>0</v>
      </c>
      <c r="CW25" s="309">
        <v>0</v>
      </c>
      <c r="CX25" s="313">
        <v>0</v>
      </c>
      <c r="CY25" s="310">
        <v>0</v>
      </c>
      <c r="CZ25" s="312">
        <v>0</v>
      </c>
      <c r="DA25" s="313">
        <v>0</v>
      </c>
      <c r="DB25" s="313">
        <v>0</v>
      </c>
      <c r="DC25" s="313">
        <v>0</v>
      </c>
      <c r="DD25" s="313">
        <v>0</v>
      </c>
      <c r="DE25" s="313">
        <v>0</v>
      </c>
      <c r="DF25" s="310">
        <v>0</v>
      </c>
      <c r="DG25" s="315">
        <v>0</v>
      </c>
      <c r="DH25" s="309">
        <v>0</v>
      </c>
      <c r="DI25" s="313">
        <v>0</v>
      </c>
      <c r="DJ25" s="310">
        <v>0</v>
      </c>
      <c r="DK25" s="312">
        <v>0</v>
      </c>
      <c r="DL25" s="313">
        <v>0</v>
      </c>
      <c r="DM25" s="313">
        <v>0</v>
      </c>
      <c r="DN25" s="313">
        <v>0</v>
      </c>
      <c r="DO25" s="313">
        <v>0</v>
      </c>
      <c r="DP25" s="313">
        <v>0</v>
      </c>
      <c r="DQ25" s="310">
        <v>0</v>
      </c>
      <c r="DR25" s="315">
        <v>0</v>
      </c>
      <c r="DS25" s="309">
        <v>1</v>
      </c>
      <c r="DT25" s="313">
        <v>7</v>
      </c>
      <c r="DU25" s="310">
        <v>8</v>
      </c>
      <c r="DV25" s="312">
        <v>0</v>
      </c>
      <c r="DW25" s="313">
        <v>12</v>
      </c>
      <c r="DX25" s="313">
        <v>19</v>
      </c>
      <c r="DY25" s="313">
        <v>9</v>
      </c>
      <c r="DZ25" s="313">
        <v>12</v>
      </c>
      <c r="EA25" s="313">
        <v>4</v>
      </c>
      <c r="EB25" s="310">
        <v>56</v>
      </c>
      <c r="EC25" s="315">
        <v>64</v>
      </c>
      <c r="ED25" s="309">
        <v>2</v>
      </c>
      <c r="EE25" s="313">
        <v>2</v>
      </c>
      <c r="EF25" s="310">
        <v>4</v>
      </c>
      <c r="EG25" s="312">
        <v>0</v>
      </c>
      <c r="EH25" s="313">
        <v>5</v>
      </c>
      <c r="EI25" s="313">
        <v>3</v>
      </c>
      <c r="EJ25" s="313">
        <v>1</v>
      </c>
      <c r="EK25" s="313">
        <v>2</v>
      </c>
      <c r="EL25" s="313">
        <v>3</v>
      </c>
      <c r="EM25" s="310">
        <v>14</v>
      </c>
      <c r="EN25" s="315">
        <v>18</v>
      </c>
      <c r="EO25" s="309">
        <v>4</v>
      </c>
      <c r="EP25" s="313">
        <v>10</v>
      </c>
      <c r="EQ25" s="310">
        <v>14</v>
      </c>
      <c r="ER25" s="312">
        <v>0</v>
      </c>
      <c r="ES25" s="313">
        <v>38</v>
      </c>
      <c r="ET25" s="313">
        <v>26</v>
      </c>
      <c r="EU25" s="313">
        <v>12</v>
      </c>
      <c r="EV25" s="313">
        <v>14</v>
      </c>
      <c r="EW25" s="313">
        <v>4</v>
      </c>
      <c r="EX25" s="310">
        <v>94</v>
      </c>
      <c r="EY25" s="315">
        <v>108</v>
      </c>
    </row>
    <row r="26" spans="1:155" ht="19.5" customHeight="1" x14ac:dyDescent="0.2">
      <c r="A26" s="294" t="s">
        <v>24</v>
      </c>
      <c r="B26" s="309">
        <v>0</v>
      </c>
      <c r="C26" s="310">
        <v>0</v>
      </c>
      <c r="D26" s="311">
        <v>0</v>
      </c>
      <c r="E26" s="312">
        <v>0</v>
      </c>
      <c r="F26" s="313">
        <v>12</v>
      </c>
      <c r="G26" s="313">
        <v>6</v>
      </c>
      <c r="H26" s="313">
        <v>3</v>
      </c>
      <c r="I26" s="313">
        <v>3</v>
      </c>
      <c r="J26" s="313">
        <v>4</v>
      </c>
      <c r="K26" s="314">
        <v>28</v>
      </c>
      <c r="L26" s="315">
        <v>28</v>
      </c>
      <c r="M26" s="309">
        <v>0</v>
      </c>
      <c r="N26" s="313">
        <v>0</v>
      </c>
      <c r="O26" s="310">
        <v>0</v>
      </c>
      <c r="P26" s="312">
        <v>0</v>
      </c>
      <c r="Q26" s="313">
        <v>0</v>
      </c>
      <c r="R26" s="313">
        <v>0</v>
      </c>
      <c r="S26" s="313">
        <v>0</v>
      </c>
      <c r="T26" s="313">
        <v>2</v>
      </c>
      <c r="U26" s="313">
        <v>2</v>
      </c>
      <c r="V26" s="310">
        <v>4</v>
      </c>
      <c r="W26" s="315">
        <v>4</v>
      </c>
      <c r="X26" s="309">
        <v>5</v>
      </c>
      <c r="Y26" s="313">
        <v>3</v>
      </c>
      <c r="Z26" s="310">
        <v>8</v>
      </c>
      <c r="AA26" s="312">
        <v>0</v>
      </c>
      <c r="AB26" s="313">
        <v>10</v>
      </c>
      <c r="AC26" s="313">
        <v>5</v>
      </c>
      <c r="AD26" s="313">
        <v>3</v>
      </c>
      <c r="AE26" s="313">
        <v>8</v>
      </c>
      <c r="AF26" s="313">
        <v>2</v>
      </c>
      <c r="AG26" s="310">
        <v>28</v>
      </c>
      <c r="AH26" s="315">
        <v>36</v>
      </c>
      <c r="AI26" s="309">
        <v>1</v>
      </c>
      <c r="AJ26" s="313">
        <v>1</v>
      </c>
      <c r="AK26" s="310">
        <v>2</v>
      </c>
      <c r="AL26" s="312">
        <v>0</v>
      </c>
      <c r="AM26" s="313">
        <v>2</v>
      </c>
      <c r="AN26" s="313">
        <v>0</v>
      </c>
      <c r="AO26" s="313">
        <v>0</v>
      </c>
      <c r="AP26" s="313">
        <v>0</v>
      </c>
      <c r="AQ26" s="313">
        <v>0</v>
      </c>
      <c r="AR26" s="310">
        <v>2</v>
      </c>
      <c r="AS26" s="315">
        <v>4</v>
      </c>
      <c r="AT26" s="309">
        <v>5</v>
      </c>
      <c r="AU26" s="313">
        <v>3</v>
      </c>
      <c r="AV26" s="310">
        <v>8</v>
      </c>
      <c r="AW26" s="312">
        <v>0</v>
      </c>
      <c r="AX26" s="313">
        <v>10</v>
      </c>
      <c r="AY26" s="313">
        <v>8</v>
      </c>
      <c r="AZ26" s="313">
        <v>9</v>
      </c>
      <c r="BA26" s="313">
        <v>10</v>
      </c>
      <c r="BB26" s="313">
        <v>3</v>
      </c>
      <c r="BC26" s="314">
        <v>40</v>
      </c>
      <c r="BD26" s="315">
        <v>48</v>
      </c>
      <c r="BE26" s="309">
        <v>0</v>
      </c>
      <c r="BF26" s="313">
        <v>0</v>
      </c>
      <c r="BG26" s="310">
        <v>0</v>
      </c>
      <c r="BH26" s="312">
        <v>0</v>
      </c>
      <c r="BI26" s="313">
        <v>12</v>
      </c>
      <c r="BJ26" s="313">
        <v>10</v>
      </c>
      <c r="BK26" s="313">
        <v>2</v>
      </c>
      <c r="BL26" s="313">
        <v>4</v>
      </c>
      <c r="BM26" s="313">
        <v>1</v>
      </c>
      <c r="BN26" s="310">
        <v>29</v>
      </c>
      <c r="BO26" s="315">
        <v>29</v>
      </c>
      <c r="BP26" s="309">
        <v>2</v>
      </c>
      <c r="BQ26" s="313">
        <v>3</v>
      </c>
      <c r="BR26" s="310">
        <v>5</v>
      </c>
      <c r="BS26" s="312">
        <v>0</v>
      </c>
      <c r="BT26" s="313">
        <v>5</v>
      </c>
      <c r="BU26" s="313">
        <v>2</v>
      </c>
      <c r="BV26" s="313">
        <v>4</v>
      </c>
      <c r="BW26" s="313">
        <v>0</v>
      </c>
      <c r="BX26" s="313">
        <v>0</v>
      </c>
      <c r="BY26" s="310">
        <v>11</v>
      </c>
      <c r="BZ26" s="315">
        <v>16</v>
      </c>
      <c r="CA26" s="309">
        <v>0</v>
      </c>
      <c r="CB26" s="313">
        <v>0</v>
      </c>
      <c r="CC26" s="310">
        <v>0</v>
      </c>
      <c r="CD26" s="312">
        <v>0</v>
      </c>
      <c r="CE26" s="313">
        <v>1</v>
      </c>
      <c r="CF26" s="313">
        <v>1</v>
      </c>
      <c r="CG26" s="313">
        <v>4</v>
      </c>
      <c r="CH26" s="313">
        <v>1</v>
      </c>
      <c r="CI26" s="313">
        <v>0</v>
      </c>
      <c r="CJ26" s="310">
        <v>7</v>
      </c>
      <c r="CK26" s="315">
        <v>7</v>
      </c>
      <c r="CL26" s="309">
        <v>0</v>
      </c>
      <c r="CM26" s="313">
        <v>0</v>
      </c>
      <c r="CN26" s="310">
        <v>0</v>
      </c>
      <c r="CO26" s="312">
        <v>0</v>
      </c>
      <c r="CP26" s="313">
        <v>0</v>
      </c>
      <c r="CQ26" s="313">
        <v>0</v>
      </c>
      <c r="CR26" s="313">
        <v>0</v>
      </c>
      <c r="CS26" s="313">
        <v>0</v>
      </c>
      <c r="CT26" s="313">
        <v>0</v>
      </c>
      <c r="CU26" s="310">
        <v>0</v>
      </c>
      <c r="CV26" s="315">
        <v>0</v>
      </c>
      <c r="CW26" s="309">
        <v>0</v>
      </c>
      <c r="CX26" s="313">
        <v>0</v>
      </c>
      <c r="CY26" s="310">
        <v>0</v>
      </c>
      <c r="CZ26" s="312">
        <v>0</v>
      </c>
      <c r="DA26" s="313">
        <v>0</v>
      </c>
      <c r="DB26" s="313">
        <v>0</v>
      </c>
      <c r="DC26" s="313">
        <v>0</v>
      </c>
      <c r="DD26" s="313">
        <v>0</v>
      </c>
      <c r="DE26" s="313">
        <v>0</v>
      </c>
      <c r="DF26" s="310">
        <v>0</v>
      </c>
      <c r="DG26" s="315">
        <v>0</v>
      </c>
      <c r="DH26" s="309">
        <v>0</v>
      </c>
      <c r="DI26" s="313">
        <v>0</v>
      </c>
      <c r="DJ26" s="310">
        <v>0</v>
      </c>
      <c r="DK26" s="312">
        <v>0</v>
      </c>
      <c r="DL26" s="313">
        <v>0</v>
      </c>
      <c r="DM26" s="313">
        <v>0</v>
      </c>
      <c r="DN26" s="313">
        <v>0</v>
      </c>
      <c r="DO26" s="313">
        <v>0</v>
      </c>
      <c r="DP26" s="313">
        <v>0</v>
      </c>
      <c r="DQ26" s="310">
        <v>0</v>
      </c>
      <c r="DR26" s="315">
        <v>0</v>
      </c>
      <c r="DS26" s="309">
        <v>14</v>
      </c>
      <c r="DT26" s="313">
        <v>8</v>
      </c>
      <c r="DU26" s="310">
        <v>22</v>
      </c>
      <c r="DV26" s="312">
        <v>0</v>
      </c>
      <c r="DW26" s="313">
        <v>20</v>
      </c>
      <c r="DX26" s="313">
        <v>15</v>
      </c>
      <c r="DY26" s="313">
        <v>9</v>
      </c>
      <c r="DZ26" s="313">
        <v>12</v>
      </c>
      <c r="EA26" s="313">
        <v>5</v>
      </c>
      <c r="EB26" s="310">
        <v>61</v>
      </c>
      <c r="EC26" s="315">
        <v>83</v>
      </c>
      <c r="ED26" s="309">
        <v>2</v>
      </c>
      <c r="EE26" s="313">
        <v>1</v>
      </c>
      <c r="EF26" s="310">
        <v>3</v>
      </c>
      <c r="EG26" s="312">
        <v>0</v>
      </c>
      <c r="EH26" s="313">
        <v>2</v>
      </c>
      <c r="EI26" s="313">
        <v>3</v>
      </c>
      <c r="EJ26" s="313">
        <v>5</v>
      </c>
      <c r="EK26" s="313">
        <v>2</v>
      </c>
      <c r="EL26" s="313">
        <v>2</v>
      </c>
      <c r="EM26" s="310">
        <v>14</v>
      </c>
      <c r="EN26" s="315">
        <v>17</v>
      </c>
      <c r="EO26" s="309">
        <v>8</v>
      </c>
      <c r="EP26" s="313">
        <v>5</v>
      </c>
      <c r="EQ26" s="310">
        <v>13</v>
      </c>
      <c r="ER26" s="312">
        <v>0</v>
      </c>
      <c r="ES26" s="313">
        <v>35</v>
      </c>
      <c r="ET26" s="313">
        <v>20</v>
      </c>
      <c r="EU26" s="313">
        <v>12</v>
      </c>
      <c r="EV26" s="313">
        <v>13</v>
      </c>
      <c r="EW26" s="313">
        <v>5</v>
      </c>
      <c r="EX26" s="310">
        <v>85</v>
      </c>
      <c r="EY26" s="315">
        <v>98</v>
      </c>
    </row>
    <row r="27" spans="1:155" ht="19.5" customHeight="1" x14ac:dyDescent="0.2">
      <c r="A27" s="294" t="s">
        <v>25</v>
      </c>
      <c r="B27" s="309">
        <v>0</v>
      </c>
      <c r="C27" s="310">
        <v>0</v>
      </c>
      <c r="D27" s="311">
        <v>0</v>
      </c>
      <c r="E27" s="312">
        <v>0</v>
      </c>
      <c r="F27" s="313">
        <v>4</v>
      </c>
      <c r="G27" s="313">
        <v>3</v>
      </c>
      <c r="H27" s="313">
        <v>1</v>
      </c>
      <c r="I27" s="313">
        <v>2</v>
      </c>
      <c r="J27" s="313">
        <v>0</v>
      </c>
      <c r="K27" s="314">
        <v>10</v>
      </c>
      <c r="L27" s="315">
        <v>10</v>
      </c>
      <c r="M27" s="309">
        <v>0</v>
      </c>
      <c r="N27" s="313">
        <v>0</v>
      </c>
      <c r="O27" s="310">
        <v>0</v>
      </c>
      <c r="P27" s="312">
        <v>0</v>
      </c>
      <c r="Q27" s="313">
        <v>0</v>
      </c>
      <c r="R27" s="313">
        <v>0</v>
      </c>
      <c r="S27" s="313">
        <v>0</v>
      </c>
      <c r="T27" s="313">
        <v>1</v>
      </c>
      <c r="U27" s="313">
        <v>1</v>
      </c>
      <c r="V27" s="310">
        <v>2</v>
      </c>
      <c r="W27" s="315">
        <v>2</v>
      </c>
      <c r="X27" s="309">
        <v>0</v>
      </c>
      <c r="Y27" s="313">
        <v>2</v>
      </c>
      <c r="Z27" s="310">
        <v>2</v>
      </c>
      <c r="AA27" s="312">
        <v>0</v>
      </c>
      <c r="AB27" s="313">
        <v>3</v>
      </c>
      <c r="AC27" s="313">
        <v>6</v>
      </c>
      <c r="AD27" s="313">
        <v>1</v>
      </c>
      <c r="AE27" s="313">
        <v>1</v>
      </c>
      <c r="AF27" s="313">
        <v>2</v>
      </c>
      <c r="AG27" s="310">
        <v>13</v>
      </c>
      <c r="AH27" s="315">
        <v>15</v>
      </c>
      <c r="AI27" s="309">
        <v>0</v>
      </c>
      <c r="AJ27" s="313">
        <v>1</v>
      </c>
      <c r="AK27" s="310">
        <v>1</v>
      </c>
      <c r="AL27" s="312">
        <v>0</v>
      </c>
      <c r="AM27" s="313">
        <v>0</v>
      </c>
      <c r="AN27" s="313">
        <v>0</v>
      </c>
      <c r="AO27" s="313">
        <v>0</v>
      </c>
      <c r="AP27" s="313">
        <v>0</v>
      </c>
      <c r="AQ27" s="313">
        <v>1</v>
      </c>
      <c r="AR27" s="310">
        <v>1</v>
      </c>
      <c r="AS27" s="315">
        <v>2</v>
      </c>
      <c r="AT27" s="309">
        <v>1</v>
      </c>
      <c r="AU27" s="313">
        <v>0</v>
      </c>
      <c r="AV27" s="310">
        <v>1</v>
      </c>
      <c r="AW27" s="312">
        <v>0</v>
      </c>
      <c r="AX27" s="313">
        <v>7</v>
      </c>
      <c r="AY27" s="313">
        <v>3</v>
      </c>
      <c r="AZ27" s="313">
        <v>3</v>
      </c>
      <c r="BA27" s="313">
        <v>5</v>
      </c>
      <c r="BB27" s="313">
        <v>1</v>
      </c>
      <c r="BC27" s="314">
        <v>19</v>
      </c>
      <c r="BD27" s="315">
        <v>20</v>
      </c>
      <c r="BE27" s="309">
        <v>0</v>
      </c>
      <c r="BF27" s="313">
        <v>0</v>
      </c>
      <c r="BG27" s="310">
        <v>0</v>
      </c>
      <c r="BH27" s="312">
        <v>0</v>
      </c>
      <c r="BI27" s="313">
        <v>8</v>
      </c>
      <c r="BJ27" s="313">
        <v>4</v>
      </c>
      <c r="BK27" s="313">
        <v>0</v>
      </c>
      <c r="BL27" s="313">
        <v>3</v>
      </c>
      <c r="BM27" s="313">
        <v>0</v>
      </c>
      <c r="BN27" s="310">
        <v>15</v>
      </c>
      <c r="BO27" s="315">
        <v>15</v>
      </c>
      <c r="BP27" s="309">
        <v>0</v>
      </c>
      <c r="BQ27" s="313">
        <v>0</v>
      </c>
      <c r="BR27" s="310">
        <v>0</v>
      </c>
      <c r="BS27" s="312">
        <v>0</v>
      </c>
      <c r="BT27" s="313">
        <v>3</v>
      </c>
      <c r="BU27" s="313">
        <v>2</v>
      </c>
      <c r="BV27" s="313">
        <v>1</v>
      </c>
      <c r="BW27" s="313">
        <v>1</v>
      </c>
      <c r="BX27" s="313">
        <v>0</v>
      </c>
      <c r="BY27" s="310">
        <v>7</v>
      </c>
      <c r="BZ27" s="315">
        <v>7</v>
      </c>
      <c r="CA27" s="309">
        <v>0</v>
      </c>
      <c r="CB27" s="313">
        <v>0</v>
      </c>
      <c r="CC27" s="310">
        <v>0</v>
      </c>
      <c r="CD27" s="312">
        <v>0</v>
      </c>
      <c r="CE27" s="313">
        <v>1</v>
      </c>
      <c r="CF27" s="313">
        <v>0</v>
      </c>
      <c r="CG27" s="313">
        <v>1</v>
      </c>
      <c r="CH27" s="313">
        <v>0</v>
      </c>
      <c r="CI27" s="313">
        <v>0</v>
      </c>
      <c r="CJ27" s="310">
        <v>2</v>
      </c>
      <c r="CK27" s="315">
        <v>2</v>
      </c>
      <c r="CL27" s="309">
        <v>0</v>
      </c>
      <c r="CM27" s="313">
        <v>0</v>
      </c>
      <c r="CN27" s="310">
        <v>0</v>
      </c>
      <c r="CO27" s="312">
        <v>0</v>
      </c>
      <c r="CP27" s="313">
        <v>0</v>
      </c>
      <c r="CQ27" s="313">
        <v>0</v>
      </c>
      <c r="CR27" s="313">
        <v>0</v>
      </c>
      <c r="CS27" s="313">
        <v>0</v>
      </c>
      <c r="CT27" s="313">
        <v>0</v>
      </c>
      <c r="CU27" s="310">
        <v>0</v>
      </c>
      <c r="CV27" s="315">
        <v>0</v>
      </c>
      <c r="CW27" s="309">
        <v>0</v>
      </c>
      <c r="CX27" s="313">
        <v>0</v>
      </c>
      <c r="CY27" s="310">
        <v>0</v>
      </c>
      <c r="CZ27" s="312">
        <v>0</v>
      </c>
      <c r="DA27" s="313">
        <v>0</v>
      </c>
      <c r="DB27" s="313">
        <v>0</v>
      </c>
      <c r="DC27" s="313">
        <v>0</v>
      </c>
      <c r="DD27" s="313">
        <v>0</v>
      </c>
      <c r="DE27" s="313">
        <v>0</v>
      </c>
      <c r="DF27" s="310">
        <v>0</v>
      </c>
      <c r="DG27" s="315">
        <v>0</v>
      </c>
      <c r="DH27" s="309">
        <v>0</v>
      </c>
      <c r="DI27" s="313">
        <v>0</v>
      </c>
      <c r="DJ27" s="310">
        <v>0</v>
      </c>
      <c r="DK27" s="312">
        <v>0</v>
      </c>
      <c r="DL27" s="313">
        <v>0</v>
      </c>
      <c r="DM27" s="313">
        <v>0</v>
      </c>
      <c r="DN27" s="313">
        <v>0</v>
      </c>
      <c r="DO27" s="313">
        <v>0</v>
      </c>
      <c r="DP27" s="313">
        <v>0</v>
      </c>
      <c r="DQ27" s="310">
        <v>0</v>
      </c>
      <c r="DR27" s="315">
        <v>0</v>
      </c>
      <c r="DS27" s="309">
        <v>1</v>
      </c>
      <c r="DT27" s="313">
        <v>3</v>
      </c>
      <c r="DU27" s="310">
        <v>4</v>
      </c>
      <c r="DV27" s="312">
        <v>0</v>
      </c>
      <c r="DW27" s="313">
        <v>8</v>
      </c>
      <c r="DX27" s="313">
        <v>7</v>
      </c>
      <c r="DY27" s="313">
        <v>3</v>
      </c>
      <c r="DZ27" s="313">
        <v>5</v>
      </c>
      <c r="EA27" s="313">
        <v>2</v>
      </c>
      <c r="EB27" s="310">
        <v>25</v>
      </c>
      <c r="EC27" s="315">
        <v>29</v>
      </c>
      <c r="ED27" s="309">
        <v>0</v>
      </c>
      <c r="EE27" s="313">
        <v>1</v>
      </c>
      <c r="EF27" s="310">
        <v>1</v>
      </c>
      <c r="EG27" s="312">
        <v>0</v>
      </c>
      <c r="EH27" s="313">
        <v>5</v>
      </c>
      <c r="EI27" s="313">
        <v>1</v>
      </c>
      <c r="EJ27" s="313">
        <v>1</v>
      </c>
      <c r="EK27" s="313">
        <v>2</v>
      </c>
      <c r="EL27" s="313">
        <v>0</v>
      </c>
      <c r="EM27" s="310">
        <v>9</v>
      </c>
      <c r="EN27" s="315">
        <v>10</v>
      </c>
      <c r="EO27" s="309">
        <v>1</v>
      </c>
      <c r="EP27" s="313">
        <v>5</v>
      </c>
      <c r="EQ27" s="310">
        <v>6</v>
      </c>
      <c r="ER27" s="312">
        <v>0</v>
      </c>
      <c r="ES27" s="313">
        <v>23</v>
      </c>
      <c r="ET27" s="313">
        <v>11</v>
      </c>
      <c r="EU27" s="313">
        <v>4</v>
      </c>
      <c r="EV27" s="313">
        <v>7</v>
      </c>
      <c r="EW27" s="313">
        <v>2</v>
      </c>
      <c r="EX27" s="310">
        <v>47</v>
      </c>
      <c r="EY27" s="315">
        <v>53</v>
      </c>
    </row>
    <row r="28" spans="1:155" ht="19.5" customHeight="1" x14ac:dyDescent="0.2">
      <c r="A28" s="294" t="s">
        <v>26</v>
      </c>
      <c r="B28" s="309">
        <v>0</v>
      </c>
      <c r="C28" s="310">
        <v>0</v>
      </c>
      <c r="D28" s="311">
        <v>0</v>
      </c>
      <c r="E28" s="312">
        <v>0</v>
      </c>
      <c r="F28" s="313">
        <v>6</v>
      </c>
      <c r="G28" s="313">
        <v>7</v>
      </c>
      <c r="H28" s="313">
        <v>3</v>
      </c>
      <c r="I28" s="313">
        <v>3</v>
      </c>
      <c r="J28" s="313">
        <v>3</v>
      </c>
      <c r="K28" s="314">
        <v>22</v>
      </c>
      <c r="L28" s="315">
        <v>22</v>
      </c>
      <c r="M28" s="309">
        <v>0</v>
      </c>
      <c r="N28" s="313">
        <v>0</v>
      </c>
      <c r="O28" s="310">
        <v>0</v>
      </c>
      <c r="P28" s="312">
        <v>0</v>
      </c>
      <c r="Q28" s="313">
        <v>0</v>
      </c>
      <c r="R28" s="313">
        <v>0</v>
      </c>
      <c r="S28" s="313">
        <v>0</v>
      </c>
      <c r="T28" s="313">
        <v>1</v>
      </c>
      <c r="U28" s="313">
        <v>1</v>
      </c>
      <c r="V28" s="310">
        <v>2</v>
      </c>
      <c r="W28" s="315">
        <v>2</v>
      </c>
      <c r="X28" s="309">
        <v>0</v>
      </c>
      <c r="Y28" s="313">
        <v>3</v>
      </c>
      <c r="Z28" s="310">
        <v>3</v>
      </c>
      <c r="AA28" s="312">
        <v>0</v>
      </c>
      <c r="AB28" s="313">
        <v>4</v>
      </c>
      <c r="AC28" s="313">
        <v>4</v>
      </c>
      <c r="AD28" s="313">
        <v>6</v>
      </c>
      <c r="AE28" s="313">
        <v>1</v>
      </c>
      <c r="AF28" s="313">
        <v>3</v>
      </c>
      <c r="AG28" s="310">
        <v>18</v>
      </c>
      <c r="AH28" s="315">
        <v>21</v>
      </c>
      <c r="AI28" s="309">
        <v>0</v>
      </c>
      <c r="AJ28" s="313">
        <v>0</v>
      </c>
      <c r="AK28" s="310">
        <v>0</v>
      </c>
      <c r="AL28" s="312">
        <v>0</v>
      </c>
      <c r="AM28" s="313">
        <v>0</v>
      </c>
      <c r="AN28" s="313">
        <v>1</v>
      </c>
      <c r="AO28" s="313">
        <v>1</v>
      </c>
      <c r="AP28" s="313">
        <v>0</v>
      </c>
      <c r="AQ28" s="313">
        <v>0</v>
      </c>
      <c r="AR28" s="310">
        <v>2</v>
      </c>
      <c r="AS28" s="315">
        <v>2</v>
      </c>
      <c r="AT28" s="309">
        <v>1</v>
      </c>
      <c r="AU28" s="313">
        <v>0</v>
      </c>
      <c r="AV28" s="310">
        <v>1</v>
      </c>
      <c r="AW28" s="312">
        <v>0</v>
      </c>
      <c r="AX28" s="313">
        <v>4</v>
      </c>
      <c r="AY28" s="313">
        <v>6</v>
      </c>
      <c r="AZ28" s="313">
        <v>10</v>
      </c>
      <c r="BA28" s="313">
        <v>1</v>
      </c>
      <c r="BB28" s="313">
        <v>5</v>
      </c>
      <c r="BC28" s="314">
        <v>26</v>
      </c>
      <c r="BD28" s="315">
        <v>27</v>
      </c>
      <c r="BE28" s="309">
        <v>0</v>
      </c>
      <c r="BF28" s="313">
        <v>0</v>
      </c>
      <c r="BG28" s="310">
        <v>0</v>
      </c>
      <c r="BH28" s="312">
        <v>0</v>
      </c>
      <c r="BI28" s="313">
        <v>8</v>
      </c>
      <c r="BJ28" s="313">
        <v>8</v>
      </c>
      <c r="BK28" s="313">
        <v>6</v>
      </c>
      <c r="BL28" s="313">
        <v>3</v>
      </c>
      <c r="BM28" s="313">
        <v>2</v>
      </c>
      <c r="BN28" s="310">
        <v>27</v>
      </c>
      <c r="BO28" s="315">
        <v>27</v>
      </c>
      <c r="BP28" s="309">
        <v>1</v>
      </c>
      <c r="BQ28" s="313">
        <v>1</v>
      </c>
      <c r="BR28" s="310">
        <v>2</v>
      </c>
      <c r="BS28" s="312">
        <v>0</v>
      </c>
      <c r="BT28" s="313">
        <v>1</v>
      </c>
      <c r="BU28" s="313">
        <v>4</v>
      </c>
      <c r="BV28" s="313">
        <v>2</v>
      </c>
      <c r="BW28" s="313">
        <v>0</v>
      </c>
      <c r="BX28" s="313">
        <v>0</v>
      </c>
      <c r="BY28" s="310">
        <v>7</v>
      </c>
      <c r="BZ28" s="315">
        <v>9</v>
      </c>
      <c r="CA28" s="309">
        <v>0</v>
      </c>
      <c r="CB28" s="313">
        <v>0</v>
      </c>
      <c r="CC28" s="310">
        <v>0</v>
      </c>
      <c r="CD28" s="312">
        <v>0</v>
      </c>
      <c r="CE28" s="313">
        <v>0</v>
      </c>
      <c r="CF28" s="313">
        <v>3</v>
      </c>
      <c r="CG28" s="313">
        <v>1</v>
      </c>
      <c r="CH28" s="313">
        <v>4</v>
      </c>
      <c r="CI28" s="313">
        <v>0</v>
      </c>
      <c r="CJ28" s="310">
        <v>8</v>
      </c>
      <c r="CK28" s="315">
        <v>8</v>
      </c>
      <c r="CL28" s="309">
        <v>0</v>
      </c>
      <c r="CM28" s="313">
        <v>0</v>
      </c>
      <c r="CN28" s="310">
        <v>0</v>
      </c>
      <c r="CO28" s="312">
        <v>0</v>
      </c>
      <c r="CP28" s="313">
        <v>0</v>
      </c>
      <c r="CQ28" s="313">
        <v>0</v>
      </c>
      <c r="CR28" s="313">
        <v>1</v>
      </c>
      <c r="CS28" s="313">
        <v>0</v>
      </c>
      <c r="CT28" s="313">
        <v>1</v>
      </c>
      <c r="CU28" s="310">
        <v>2</v>
      </c>
      <c r="CV28" s="315">
        <v>2</v>
      </c>
      <c r="CW28" s="309">
        <v>0</v>
      </c>
      <c r="CX28" s="313">
        <v>0</v>
      </c>
      <c r="CY28" s="310">
        <v>0</v>
      </c>
      <c r="CZ28" s="312">
        <v>0</v>
      </c>
      <c r="DA28" s="313">
        <v>0</v>
      </c>
      <c r="DB28" s="313">
        <v>0</v>
      </c>
      <c r="DC28" s="313">
        <v>0</v>
      </c>
      <c r="DD28" s="313">
        <v>0</v>
      </c>
      <c r="DE28" s="313">
        <v>0</v>
      </c>
      <c r="DF28" s="310">
        <v>0</v>
      </c>
      <c r="DG28" s="315">
        <v>0</v>
      </c>
      <c r="DH28" s="309">
        <v>0</v>
      </c>
      <c r="DI28" s="313">
        <v>0</v>
      </c>
      <c r="DJ28" s="310">
        <v>0</v>
      </c>
      <c r="DK28" s="312">
        <v>0</v>
      </c>
      <c r="DL28" s="313">
        <v>0</v>
      </c>
      <c r="DM28" s="313">
        <v>0</v>
      </c>
      <c r="DN28" s="313">
        <v>0</v>
      </c>
      <c r="DO28" s="313">
        <v>0</v>
      </c>
      <c r="DP28" s="313">
        <v>0</v>
      </c>
      <c r="DQ28" s="310">
        <v>0</v>
      </c>
      <c r="DR28" s="315">
        <v>0</v>
      </c>
      <c r="DS28" s="309">
        <v>2</v>
      </c>
      <c r="DT28" s="313">
        <v>6</v>
      </c>
      <c r="DU28" s="310">
        <v>8</v>
      </c>
      <c r="DV28" s="312">
        <v>0</v>
      </c>
      <c r="DW28" s="313">
        <v>9</v>
      </c>
      <c r="DX28" s="313">
        <v>13</v>
      </c>
      <c r="DY28" s="313">
        <v>15</v>
      </c>
      <c r="DZ28" s="313">
        <v>6</v>
      </c>
      <c r="EA28" s="313">
        <v>5</v>
      </c>
      <c r="EB28" s="310">
        <v>48</v>
      </c>
      <c r="EC28" s="315">
        <v>56</v>
      </c>
      <c r="ED28" s="309">
        <v>0</v>
      </c>
      <c r="EE28" s="313">
        <v>0</v>
      </c>
      <c r="EF28" s="310">
        <v>0</v>
      </c>
      <c r="EG28" s="312">
        <v>0</v>
      </c>
      <c r="EH28" s="313">
        <v>3</v>
      </c>
      <c r="EI28" s="313">
        <v>2</v>
      </c>
      <c r="EJ28" s="313">
        <v>0</v>
      </c>
      <c r="EK28" s="313">
        <v>0</v>
      </c>
      <c r="EL28" s="313">
        <v>0</v>
      </c>
      <c r="EM28" s="310">
        <v>5</v>
      </c>
      <c r="EN28" s="315">
        <v>5</v>
      </c>
      <c r="EO28" s="309">
        <v>3</v>
      </c>
      <c r="EP28" s="313">
        <v>9</v>
      </c>
      <c r="EQ28" s="310">
        <v>12</v>
      </c>
      <c r="ER28" s="312">
        <v>0</v>
      </c>
      <c r="ES28" s="313">
        <v>19</v>
      </c>
      <c r="ET28" s="313">
        <v>20</v>
      </c>
      <c r="EU28" s="313">
        <v>15</v>
      </c>
      <c r="EV28" s="313">
        <v>9</v>
      </c>
      <c r="EW28" s="313">
        <v>7</v>
      </c>
      <c r="EX28" s="310">
        <v>70</v>
      </c>
      <c r="EY28" s="315">
        <v>82</v>
      </c>
    </row>
    <row r="29" spans="1:155" ht="19.5" customHeight="1" x14ac:dyDescent="0.2">
      <c r="A29" s="294" t="s">
        <v>27</v>
      </c>
      <c r="B29" s="309">
        <v>0</v>
      </c>
      <c r="C29" s="310">
        <v>0</v>
      </c>
      <c r="D29" s="311">
        <v>0</v>
      </c>
      <c r="E29" s="312">
        <v>0</v>
      </c>
      <c r="F29" s="313">
        <v>4</v>
      </c>
      <c r="G29" s="313">
        <v>1</v>
      </c>
      <c r="H29" s="313">
        <v>7</v>
      </c>
      <c r="I29" s="313">
        <v>4</v>
      </c>
      <c r="J29" s="313">
        <v>2</v>
      </c>
      <c r="K29" s="314">
        <v>18</v>
      </c>
      <c r="L29" s="315">
        <v>18</v>
      </c>
      <c r="M29" s="309">
        <v>0</v>
      </c>
      <c r="N29" s="313">
        <v>0</v>
      </c>
      <c r="O29" s="310">
        <v>0</v>
      </c>
      <c r="P29" s="312">
        <v>0</v>
      </c>
      <c r="Q29" s="313">
        <v>0</v>
      </c>
      <c r="R29" s="313">
        <v>1</v>
      </c>
      <c r="S29" s="313">
        <v>0</v>
      </c>
      <c r="T29" s="313">
        <v>2</v>
      </c>
      <c r="U29" s="313">
        <v>2</v>
      </c>
      <c r="V29" s="310">
        <v>5</v>
      </c>
      <c r="W29" s="315">
        <v>5</v>
      </c>
      <c r="X29" s="309">
        <v>1</v>
      </c>
      <c r="Y29" s="313">
        <v>3</v>
      </c>
      <c r="Z29" s="310">
        <v>4</v>
      </c>
      <c r="AA29" s="312">
        <v>0</v>
      </c>
      <c r="AB29" s="313">
        <v>4</v>
      </c>
      <c r="AC29" s="313">
        <v>7</v>
      </c>
      <c r="AD29" s="313">
        <v>2</v>
      </c>
      <c r="AE29" s="313">
        <v>5</v>
      </c>
      <c r="AF29" s="313">
        <v>4</v>
      </c>
      <c r="AG29" s="310">
        <v>22</v>
      </c>
      <c r="AH29" s="315">
        <v>26</v>
      </c>
      <c r="AI29" s="309">
        <v>0</v>
      </c>
      <c r="AJ29" s="313">
        <v>1</v>
      </c>
      <c r="AK29" s="310">
        <v>1</v>
      </c>
      <c r="AL29" s="312">
        <v>0</v>
      </c>
      <c r="AM29" s="313">
        <v>0</v>
      </c>
      <c r="AN29" s="313">
        <v>1</v>
      </c>
      <c r="AO29" s="313">
        <v>1</v>
      </c>
      <c r="AP29" s="313">
        <v>0</v>
      </c>
      <c r="AQ29" s="313">
        <v>0</v>
      </c>
      <c r="AR29" s="310">
        <v>2</v>
      </c>
      <c r="AS29" s="315">
        <v>3</v>
      </c>
      <c r="AT29" s="309">
        <v>0</v>
      </c>
      <c r="AU29" s="313">
        <v>1</v>
      </c>
      <c r="AV29" s="310">
        <v>1</v>
      </c>
      <c r="AW29" s="312">
        <v>0</v>
      </c>
      <c r="AX29" s="313">
        <v>4</v>
      </c>
      <c r="AY29" s="313">
        <v>7</v>
      </c>
      <c r="AZ29" s="313">
        <v>5</v>
      </c>
      <c r="BA29" s="313">
        <v>11</v>
      </c>
      <c r="BB29" s="313">
        <v>9</v>
      </c>
      <c r="BC29" s="314">
        <v>36</v>
      </c>
      <c r="BD29" s="315">
        <v>37</v>
      </c>
      <c r="BE29" s="309">
        <v>0</v>
      </c>
      <c r="BF29" s="313">
        <v>0</v>
      </c>
      <c r="BG29" s="310">
        <v>0</v>
      </c>
      <c r="BH29" s="312">
        <v>0</v>
      </c>
      <c r="BI29" s="313">
        <v>7</v>
      </c>
      <c r="BJ29" s="313">
        <v>10</v>
      </c>
      <c r="BK29" s="313">
        <v>6</v>
      </c>
      <c r="BL29" s="313">
        <v>4</v>
      </c>
      <c r="BM29" s="313">
        <v>3</v>
      </c>
      <c r="BN29" s="310">
        <v>30</v>
      </c>
      <c r="BO29" s="315">
        <v>30</v>
      </c>
      <c r="BP29" s="309">
        <v>1</v>
      </c>
      <c r="BQ29" s="313">
        <v>1</v>
      </c>
      <c r="BR29" s="310">
        <v>2</v>
      </c>
      <c r="BS29" s="312">
        <v>0</v>
      </c>
      <c r="BT29" s="313">
        <v>1</v>
      </c>
      <c r="BU29" s="313">
        <v>4</v>
      </c>
      <c r="BV29" s="313">
        <v>4</v>
      </c>
      <c r="BW29" s="313">
        <v>1</v>
      </c>
      <c r="BX29" s="313">
        <v>1</v>
      </c>
      <c r="BY29" s="310">
        <v>11</v>
      </c>
      <c r="BZ29" s="315">
        <v>13</v>
      </c>
      <c r="CA29" s="309">
        <v>0</v>
      </c>
      <c r="CB29" s="313">
        <v>0</v>
      </c>
      <c r="CC29" s="310">
        <v>0</v>
      </c>
      <c r="CD29" s="312">
        <v>0</v>
      </c>
      <c r="CE29" s="313">
        <v>0</v>
      </c>
      <c r="CF29" s="313">
        <v>1</v>
      </c>
      <c r="CG29" s="313">
        <v>2</v>
      </c>
      <c r="CH29" s="313">
        <v>0</v>
      </c>
      <c r="CI29" s="313">
        <v>2</v>
      </c>
      <c r="CJ29" s="310">
        <v>5</v>
      </c>
      <c r="CK29" s="315">
        <v>5</v>
      </c>
      <c r="CL29" s="309">
        <v>0</v>
      </c>
      <c r="CM29" s="313">
        <v>0</v>
      </c>
      <c r="CN29" s="310">
        <v>0</v>
      </c>
      <c r="CO29" s="312">
        <v>0</v>
      </c>
      <c r="CP29" s="313">
        <v>0</v>
      </c>
      <c r="CQ29" s="313">
        <v>0</v>
      </c>
      <c r="CR29" s="313">
        <v>2</v>
      </c>
      <c r="CS29" s="313">
        <v>0</v>
      </c>
      <c r="CT29" s="313">
        <v>0</v>
      </c>
      <c r="CU29" s="310">
        <v>2</v>
      </c>
      <c r="CV29" s="315">
        <v>2</v>
      </c>
      <c r="CW29" s="309">
        <v>0</v>
      </c>
      <c r="CX29" s="313">
        <v>0</v>
      </c>
      <c r="CY29" s="310">
        <v>0</v>
      </c>
      <c r="CZ29" s="312">
        <v>0</v>
      </c>
      <c r="DA29" s="313">
        <v>0</v>
      </c>
      <c r="DB29" s="313">
        <v>0</v>
      </c>
      <c r="DC29" s="313">
        <v>0</v>
      </c>
      <c r="DD29" s="313">
        <v>0</v>
      </c>
      <c r="DE29" s="313">
        <v>0</v>
      </c>
      <c r="DF29" s="310">
        <v>0</v>
      </c>
      <c r="DG29" s="315">
        <v>0</v>
      </c>
      <c r="DH29" s="309">
        <v>0</v>
      </c>
      <c r="DI29" s="313">
        <v>0</v>
      </c>
      <c r="DJ29" s="310">
        <v>0</v>
      </c>
      <c r="DK29" s="312">
        <v>0</v>
      </c>
      <c r="DL29" s="313">
        <v>0</v>
      </c>
      <c r="DM29" s="313">
        <v>0</v>
      </c>
      <c r="DN29" s="313">
        <v>0</v>
      </c>
      <c r="DO29" s="313">
        <v>0</v>
      </c>
      <c r="DP29" s="313">
        <v>0</v>
      </c>
      <c r="DQ29" s="310">
        <v>0</v>
      </c>
      <c r="DR29" s="315">
        <v>0</v>
      </c>
      <c r="DS29" s="309">
        <v>2</v>
      </c>
      <c r="DT29" s="313">
        <v>8</v>
      </c>
      <c r="DU29" s="310">
        <v>10</v>
      </c>
      <c r="DV29" s="312">
        <v>0</v>
      </c>
      <c r="DW29" s="313">
        <v>4</v>
      </c>
      <c r="DX29" s="313">
        <v>15</v>
      </c>
      <c r="DY29" s="313">
        <v>11</v>
      </c>
      <c r="DZ29" s="313">
        <v>8</v>
      </c>
      <c r="EA29" s="313">
        <v>8</v>
      </c>
      <c r="EB29" s="310">
        <v>46</v>
      </c>
      <c r="EC29" s="315">
        <v>56</v>
      </c>
      <c r="ED29" s="309">
        <v>0</v>
      </c>
      <c r="EE29" s="313">
        <v>1</v>
      </c>
      <c r="EF29" s="310">
        <v>1</v>
      </c>
      <c r="EG29" s="312">
        <v>0</v>
      </c>
      <c r="EH29" s="313">
        <v>1</v>
      </c>
      <c r="EI29" s="313">
        <v>2</v>
      </c>
      <c r="EJ29" s="313">
        <v>1</v>
      </c>
      <c r="EK29" s="313">
        <v>4</v>
      </c>
      <c r="EL29" s="313">
        <v>3</v>
      </c>
      <c r="EM29" s="310">
        <v>11</v>
      </c>
      <c r="EN29" s="315">
        <v>12</v>
      </c>
      <c r="EO29" s="309">
        <v>4</v>
      </c>
      <c r="EP29" s="313">
        <v>11</v>
      </c>
      <c r="EQ29" s="310">
        <v>15</v>
      </c>
      <c r="ER29" s="312">
        <v>0</v>
      </c>
      <c r="ES29" s="313">
        <v>15</v>
      </c>
      <c r="ET29" s="313">
        <v>19</v>
      </c>
      <c r="EU29" s="313">
        <v>12</v>
      </c>
      <c r="EV29" s="313">
        <v>9</v>
      </c>
      <c r="EW29" s="313">
        <v>8</v>
      </c>
      <c r="EX29" s="310">
        <v>63</v>
      </c>
      <c r="EY29" s="315">
        <v>78</v>
      </c>
    </row>
    <row r="30" spans="1:155" ht="19.5" customHeight="1" x14ac:dyDescent="0.2">
      <c r="A30" s="294" t="s">
        <v>28</v>
      </c>
      <c r="B30" s="309">
        <v>0</v>
      </c>
      <c r="C30" s="310">
        <v>0</v>
      </c>
      <c r="D30" s="311">
        <v>0</v>
      </c>
      <c r="E30" s="312">
        <v>0</v>
      </c>
      <c r="F30" s="313">
        <v>0</v>
      </c>
      <c r="G30" s="313">
        <v>1</v>
      </c>
      <c r="H30" s="313">
        <v>1</v>
      </c>
      <c r="I30" s="313">
        <v>0</v>
      </c>
      <c r="J30" s="313">
        <v>0</v>
      </c>
      <c r="K30" s="314">
        <v>2</v>
      </c>
      <c r="L30" s="315">
        <v>2</v>
      </c>
      <c r="M30" s="309">
        <v>0</v>
      </c>
      <c r="N30" s="313">
        <v>0</v>
      </c>
      <c r="O30" s="310">
        <v>0</v>
      </c>
      <c r="P30" s="312">
        <v>0</v>
      </c>
      <c r="Q30" s="313">
        <v>0</v>
      </c>
      <c r="R30" s="313">
        <v>0</v>
      </c>
      <c r="S30" s="313">
        <v>0</v>
      </c>
      <c r="T30" s="313">
        <v>0</v>
      </c>
      <c r="U30" s="313">
        <v>0</v>
      </c>
      <c r="V30" s="310">
        <v>0</v>
      </c>
      <c r="W30" s="315">
        <v>0</v>
      </c>
      <c r="X30" s="309">
        <v>0</v>
      </c>
      <c r="Y30" s="313">
        <v>0</v>
      </c>
      <c r="Z30" s="310">
        <v>0</v>
      </c>
      <c r="AA30" s="312">
        <v>0</v>
      </c>
      <c r="AB30" s="313">
        <v>1</v>
      </c>
      <c r="AC30" s="313">
        <v>2</v>
      </c>
      <c r="AD30" s="313">
        <v>0</v>
      </c>
      <c r="AE30" s="313">
        <v>0</v>
      </c>
      <c r="AF30" s="313">
        <v>0</v>
      </c>
      <c r="AG30" s="310">
        <v>3</v>
      </c>
      <c r="AH30" s="315">
        <v>3</v>
      </c>
      <c r="AI30" s="309">
        <v>0</v>
      </c>
      <c r="AJ30" s="313">
        <v>0</v>
      </c>
      <c r="AK30" s="310">
        <v>0</v>
      </c>
      <c r="AL30" s="312">
        <v>0</v>
      </c>
      <c r="AM30" s="313">
        <v>0</v>
      </c>
      <c r="AN30" s="313">
        <v>0</v>
      </c>
      <c r="AO30" s="313">
        <v>0</v>
      </c>
      <c r="AP30" s="313">
        <v>0</v>
      </c>
      <c r="AQ30" s="313">
        <v>0</v>
      </c>
      <c r="AR30" s="310">
        <v>0</v>
      </c>
      <c r="AS30" s="315">
        <v>0</v>
      </c>
      <c r="AT30" s="309">
        <v>0</v>
      </c>
      <c r="AU30" s="313">
        <v>0</v>
      </c>
      <c r="AV30" s="310">
        <v>0</v>
      </c>
      <c r="AW30" s="312">
        <v>0</v>
      </c>
      <c r="AX30" s="313">
        <v>1</v>
      </c>
      <c r="AY30" s="313">
        <v>1</v>
      </c>
      <c r="AZ30" s="313">
        <v>1</v>
      </c>
      <c r="BA30" s="313">
        <v>0</v>
      </c>
      <c r="BB30" s="313">
        <v>0</v>
      </c>
      <c r="BC30" s="314">
        <v>3</v>
      </c>
      <c r="BD30" s="315">
        <v>3</v>
      </c>
      <c r="BE30" s="309">
        <v>0</v>
      </c>
      <c r="BF30" s="313">
        <v>0</v>
      </c>
      <c r="BG30" s="310">
        <v>0</v>
      </c>
      <c r="BH30" s="312">
        <v>0</v>
      </c>
      <c r="BI30" s="313">
        <v>2</v>
      </c>
      <c r="BJ30" s="313">
        <v>0</v>
      </c>
      <c r="BK30" s="313">
        <v>0</v>
      </c>
      <c r="BL30" s="313">
        <v>0</v>
      </c>
      <c r="BM30" s="313">
        <v>0</v>
      </c>
      <c r="BN30" s="310">
        <v>2</v>
      </c>
      <c r="BO30" s="315">
        <v>2</v>
      </c>
      <c r="BP30" s="309">
        <v>0</v>
      </c>
      <c r="BQ30" s="313">
        <v>0</v>
      </c>
      <c r="BR30" s="310">
        <v>0</v>
      </c>
      <c r="BS30" s="312">
        <v>0</v>
      </c>
      <c r="BT30" s="313">
        <v>0</v>
      </c>
      <c r="BU30" s="313">
        <v>0</v>
      </c>
      <c r="BV30" s="313">
        <v>0</v>
      </c>
      <c r="BW30" s="313">
        <v>0</v>
      </c>
      <c r="BX30" s="313">
        <v>0</v>
      </c>
      <c r="BY30" s="310">
        <v>0</v>
      </c>
      <c r="BZ30" s="315">
        <v>0</v>
      </c>
      <c r="CA30" s="309">
        <v>0</v>
      </c>
      <c r="CB30" s="313">
        <v>0</v>
      </c>
      <c r="CC30" s="310">
        <v>0</v>
      </c>
      <c r="CD30" s="312">
        <v>0</v>
      </c>
      <c r="CE30" s="313">
        <v>0</v>
      </c>
      <c r="CF30" s="313">
        <v>1</v>
      </c>
      <c r="CG30" s="313">
        <v>1</v>
      </c>
      <c r="CH30" s="313">
        <v>0</v>
      </c>
      <c r="CI30" s="313">
        <v>0</v>
      </c>
      <c r="CJ30" s="310">
        <v>2</v>
      </c>
      <c r="CK30" s="315">
        <v>2</v>
      </c>
      <c r="CL30" s="309">
        <v>0</v>
      </c>
      <c r="CM30" s="313">
        <v>0</v>
      </c>
      <c r="CN30" s="310">
        <v>0</v>
      </c>
      <c r="CO30" s="312">
        <v>0</v>
      </c>
      <c r="CP30" s="313">
        <v>1</v>
      </c>
      <c r="CQ30" s="313">
        <v>0</v>
      </c>
      <c r="CR30" s="313">
        <v>1</v>
      </c>
      <c r="CS30" s="313">
        <v>0</v>
      </c>
      <c r="CT30" s="313">
        <v>0</v>
      </c>
      <c r="CU30" s="310">
        <v>2</v>
      </c>
      <c r="CV30" s="315">
        <v>2</v>
      </c>
      <c r="CW30" s="309">
        <v>0</v>
      </c>
      <c r="CX30" s="313">
        <v>0</v>
      </c>
      <c r="CY30" s="310">
        <v>0</v>
      </c>
      <c r="CZ30" s="312">
        <v>0</v>
      </c>
      <c r="DA30" s="313">
        <v>0</v>
      </c>
      <c r="DB30" s="313">
        <v>0</v>
      </c>
      <c r="DC30" s="313">
        <v>0</v>
      </c>
      <c r="DD30" s="313">
        <v>0</v>
      </c>
      <c r="DE30" s="313">
        <v>0</v>
      </c>
      <c r="DF30" s="310">
        <v>0</v>
      </c>
      <c r="DG30" s="315">
        <v>0</v>
      </c>
      <c r="DH30" s="309">
        <v>0</v>
      </c>
      <c r="DI30" s="313">
        <v>0</v>
      </c>
      <c r="DJ30" s="310">
        <v>0</v>
      </c>
      <c r="DK30" s="312">
        <v>0</v>
      </c>
      <c r="DL30" s="313">
        <v>0</v>
      </c>
      <c r="DM30" s="313">
        <v>0</v>
      </c>
      <c r="DN30" s="313">
        <v>0</v>
      </c>
      <c r="DO30" s="313">
        <v>0</v>
      </c>
      <c r="DP30" s="313">
        <v>0</v>
      </c>
      <c r="DQ30" s="310">
        <v>0</v>
      </c>
      <c r="DR30" s="315">
        <v>0</v>
      </c>
      <c r="DS30" s="309">
        <v>0</v>
      </c>
      <c r="DT30" s="313">
        <v>1</v>
      </c>
      <c r="DU30" s="310">
        <v>1</v>
      </c>
      <c r="DV30" s="312">
        <v>0</v>
      </c>
      <c r="DW30" s="313">
        <v>3</v>
      </c>
      <c r="DX30" s="313">
        <v>4</v>
      </c>
      <c r="DY30" s="313">
        <v>0</v>
      </c>
      <c r="DZ30" s="313">
        <v>0</v>
      </c>
      <c r="EA30" s="313">
        <v>0</v>
      </c>
      <c r="EB30" s="310">
        <v>7</v>
      </c>
      <c r="EC30" s="315">
        <v>8</v>
      </c>
      <c r="ED30" s="309">
        <v>0</v>
      </c>
      <c r="EE30" s="313">
        <v>0</v>
      </c>
      <c r="EF30" s="310">
        <v>0</v>
      </c>
      <c r="EG30" s="312">
        <v>0</v>
      </c>
      <c r="EH30" s="313">
        <v>1</v>
      </c>
      <c r="EI30" s="313">
        <v>0</v>
      </c>
      <c r="EJ30" s="313">
        <v>1</v>
      </c>
      <c r="EK30" s="313">
        <v>0</v>
      </c>
      <c r="EL30" s="313">
        <v>0</v>
      </c>
      <c r="EM30" s="310">
        <v>2</v>
      </c>
      <c r="EN30" s="315">
        <v>2</v>
      </c>
      <c r="EO30" s="309">
        <v>0</v>
      </c>
      <c r="EP30" s="313">
        <v>1</v>
      </c>
      <c r="EQ30" s="310">
        <v>1</v>
      </c>
      <c r="ER30" s="312">
        <v>0</v>
      </c>
      <c r="ES30" s="313">
        <v>5</v>
      </c>
      <c r="ET30" s="313">
        <v>4</v>
      </c>
      <c r="EU30" s="313">
        <v>2</v>
      </c>
      <c r="EV30" s="313">
        <v>0</v>
      </c>
      <c r="EW30" s="313">
        <v>0</v>
      </c>
      <c r="EX30" s="310">
        <v>11</v>
      </c>
      <c r="EY30" s="315">
        <v>12</v>
      </c>
    </row>
    <row r="31" spans="1:155" ht="19.5" customHeight="1" x14ac:dyDescent="0.2">
      <c r="A31" s="294" t="s">
        <v>29</v>
      </c>
      <c r="B31" s="309">
        <v>0</v>
      </c>
      <c r="C31" s="310">
        <v>0</v>
      </c>
      <c r="D31" s="311">
        <v>0</v>
      </c>
      <c r="E31" s="312">
        <v>0</v>
      </c>
      <c r="F31" s="313">
        <v>1</v>
      </c>
      <c r="G31" s="313">
        <v>1</v>
      </c>
      <c r="H31" s="313">
        <v>0</v>
      </c>
      <c r="I31" s="313">
        <v>1</v>
      </c>
      <c r="J31" s="313">
        <v>0</v>
      </c>
      <c r="K31" s="314">
        <v>3</v>
      </c>
      <c r="L31" s="315">
        <v>3</v>
      </c>
      <c r="M31" s="309">
        <v>0</v>
      </c>
      <c r="N31" s="313">
        <v>0</v>
      </c>
      <c r="O31" s="310">
        <v>0</v>
      </c>
      <c r="P31" s="312">
        <v>0</v>
      </c>
      <c r="Q31" s="313">
        <v>0</v>
      </c>
      <c r="R31" s="313">
        <v>0</v>
      </c>
      <c r="S31" s="313">
        <v>0</v>
      </c>
      <c r="T31" s="313">
        <v>0</v>
      </c>
      <c r="U31" s="313">
        <v>1</v>
      </c>
      <c r="V31" s="310">
        <v>1</v>
      </c>
      <c r="W31" s="315">
        <v>1</v>
      </c>
      <c r="X31" s="309">
        <v>0</v>
      </c>
      <c r="Y31" s="313">
        <v>1</v>
      </c>
      <c r="Z31" s="310">
        <v>1</v>
      </c>
      <c r="AA31" s="312">
        <v>0</v>
      </c>
      <c r="AB31" s="313">
        <v>0</v>
      </c>
      <c r="AC31" s="313">
        <v>0</v>
      </c>
      <c r="AD31" s="313">
        <v>0</v>
      </c>
      <c r="AE31" s="313">
        <v>0</v>
      </c>
      <c r="AF31" s="313">
        <v>0</v>
      </c>
      <c r="AG31" s="310">
        <v>0</v>
      </c>
      <c r="AH31" s="315">
        <v>1</v>
      </c>
      <c r="AI31" s="309">
        <v>0</v>
      </c>
      <c r="AJ31" s="313">
        <v>0</v>
      </c>
      <c r="AK31" s="310">
        <v>0</v>
      </c>
      <c r="AL31" s="312">
        <v>0</v>
      </c>
      <c r="AM31" s="313">
        <v>1</v>
      </c>
      <c r="AN31" s="313">
        <v>0</v>
      </c>
      <c r="AO31" s="313">
        <v>0</v>
      </c>
      <c r="AP31" s="313">
        <v>0</v>
      </c>
      <c r="AQ31" s="313">
        <v>0</v>
      </c>
      <c r="AR31" s="310">
        <v>1</v>
      </c>
      <c r="AS31" s="315">
        <v>1</v>
      </c>
      <c r="AT31" s="309">
        <v>0</v>
      </c>
      <c r="AU31" s="313">
        <v>0</v>
      </c>
      <c r="AV31" s="310">
        <v>0</v>
      </c>
      <c r="AW31" s="312">
        <v>0</v>
      </c>
      <c r="AX31" s="313">
        <v>0</v>
      </c>
      <c r="AY31" s="313">
        <v>3</v>
      </c>
      <c r="AZ31" s="313">
        <v>0</v>
      </c>
      <c r="BA31" s="313">
        <v>0</v>
      </c>
      <c r="BB31" s="313">
        <v>1</v>
      </c>
      <c r="BC31" s="314">
        <v>4</v>
      </c>
      <c r="BD31" s="315">
        <v>4</v>
      </c>
      <c r="BE31" s="309">
        <v>0</v>
      </c>
      <c r="BF31" s="313">
        <v>0</v>
      </c>
      <c r="BG31" s="310">
        <v>0</v>
      </c>
      <c r="BH31" s="312">
        <v>0</v>
      </c>
      <c r="BI31" s="313">
        <v>3</v>
      </c>
      <c r="BJ31" s="313">
        <v>1</v>
      </c>
      <c r="BK31" s="313">
        <v>1</v>
      </c>
      <c r="BL31" s="313">
        <v>0</v>
      </c>
      <c r="BM31" s="313">
        <v>0</v>
      </c>
      <c r="BN31" s="310">
        <v>5</v>
      </c>
      <c r="BO31" s="315">
        <v>5</v>
      </c>
      <c r="BP31" s="309">
        <v>0</v>
      </c>
      <c r="BQ31" s="313">
        <v>0</v>
      </c>
      <c r="BR31" s="310">
        <v>0</v>
      </c>
      <c r="BS31" s="312">
        <v>0</v>
      </c>
      <c r="BT31" s="313">
        <v>0</v>
      </c>
      <c r="BU31" s="313">
        <v>1</v>
      </c>
      <c r="BV31" s="313">
        <v>2</v>
      </c>
      <c r="BW31" s="313">
        <v>1</v>
      </c>
      <c r="BX31" s="313">
        <v>0</v>
      </c>
      <c r="BY31" s="310">
        <v>4</v>
      </c>
      <c r="BZ31" s="315">
        <v>4</v>
      </c>
      <c r="CA31" s="309">
        <v>0</v>
      </c>
      <c r="CB31" s="313">
        <v>0</v>
      </c>
      <c r="CC31" s="310">
        <v>0</v>
      </c>
      <c r="CD31" s="312">
        <v>0</v>
      </c>
      <c r="CE31" s="313">
        <v>0</v>
      </c>
      <c r="CF31" s="313">
        <v>1</v>
      </c>
      <c r="CG31" s="313">
        <v>1</v>
      </c>
      <c r="CH31" s="313">
        <v>0</v>
      </c>
      <c r="CI31" s="313">
        <v>1</v>
      </c>
      <c r="CJ31" s="310">
        <v>3</v>
      </c>
      <c r="CK31" s="315">
        <v>3</v>
      </c>
      <c r="CL31" s="309">
        <v>0</v>
      </c>
      <c r="CM31" s="313">
        <v>0</v>
      </c>
      <c r="CN31" s="310">
        <v>0</v>
      </c>
      <c r="CO31" s="312">
        <v>0</v>
      </c>
      <c r="CP31" s="313">
        <v>0</v>
      </c>
      <c r="CQ31" s="313">
        <v>0</v>
      </c>
      <c r="CR31" s="313">
        <v>0</v>
      </c>
      <c r="CS31" s="313">
        <v>0</v>
      </c>
      <c r="CT31" s="313">
        <v>0</v>
      </c>
      <c r="CU31" s="310">
        <v>0</v>
      </c>
      <c r="CV31" s="315">
        <v>0</v>
      </c>
      <c r="CW31" s="309">
        <v>0</v>
      </c>
      <c r="CX31" s="313">
        <v>0</v>
      </c>
      <c r="CY31" s="310">
        <v>0</v>
      </c>
      <c r="CZ31" s="312">
        <v>0</v>
      </c>
      <c r="DA31" s="313">
        <v>0</v>
      </c>
      <c r="DB31" s="313">
        <v>0</v>
      </c>
      <c r="DC31" s="313">
        <v>0</v>
      </c>
      <c r="DD31" s="313">
        <v>0</v>
      </c>
      <c r="DE31" s="313">
        <v>0</v>
      </c>
      <c r="DF31" s="310">
        <v>0</v>
      </c>
      <c r="DG31" s="315">
        <v>0</v>
      </c>
      <c r="DH31" s="309">
        <v>0</v>
      </c>
      <c r="DI31" s="313">
        <v>0</v>
      </c>
      <c r="DJ31" s="310">
        <v>0</v>
      </c>
      <c r="DK31" s="312">
        <v>0</v>
      </c>
      <c r="DL31" s="313">
        <v>0</v>
      </c>
      <c r="DM31" s="313">
        <v>0</v>
      </c>
      <c r="DN31" s="313">
        <v>0</v>
      </c>
      <c r="DO31" s="313">
        <v>0</v>
      </c>
      <c r="DP31" s="313">
        <v>0</v>
      </c>
      <c r="DQ31" s="310">
        <v>0</v>
      </c>
      <c r="DR31" s="315">
        <v>0</v>
      </c>
      <c r="DS31" s="309">
        <v>3</v>
      </c>
      <c r="DT31" s="313">
        <v>0</v>
      </c>
      <c r="DU31" s="310">
        <v>3</v>
      </c>
      <c r="DV31" s="312">
        <v>0</v>
      </c>
      <c r="DW31" s="313">
        <v>0</v>
      </c>
      <c r="DX31" s="313">
        <v>6</v>
      </c>
      <c r="DY31" s="313">
        <v>1</v>
      </c>
      <c r="DZ31" s="313">
        <v>1</v>
      </c>
      <c r="EA31" s="313">
        <v>1</v>
      </c>
      <c r="EB31" s="310">
        <v>9</v>
      </c>
      <c r="EC31" s="315">
        <v>12</v>
      </c>
      <c r="ED31" s="309">
        <v>0</v>
      </c>
      <c r="EE31" s="313">
        <v>0</v>
      </c>
      <c r="EF31" s="310">
        <v>0</v>
      </c>
      <c r="EG31" s="312">
        <v>0</v>
      </c>
      <c r="EH31" s="313">
        <v>0</v>
      </c>
      <c r="EI31" s="313">
        <v>2</v>
      </c>
      <c r="EJ31" s="313">
        <v>0</v>
      </c>
      <c r="EK31" s="313">
        <v>0</v>
      </c>
      <c r="EL31" s="313">
        <v>0</v>
      </c>
      <c r="EM31" s="310">
        <v>2</v>
      </c>
      <c r="EN31" s="315">
        <v>2</v>
      </c>
      <c r="EO31" s="309">
        <v>3</v>
      </c>
      <c r="EP31" s="313">
        <v>1</v>
      </c>
      <c r="EQ31" s="310">
        <v>4</v>
      </c>
      <c r="ER31" s="312">
        <v>0</v>
      </c>
      <c r="ES31" s="313">
        <v>4</v>
      </c>
      <c r="ET31" s="313">
        <v>6</v>
      </c>
      <c r="EU31" s="313">
        <v>2</v>
      </c>
      <c r="EV31" s="313">
        <v>1</v>
      </c>
      <c r="EW31" s="313">
        <v>1</v>
      </c>
      <c r="EX31" s="310">
        <v>14</v>
      </c>
      <c r="EY31" s="315">
        <v>18</v>
      </c>
    </row>
    <row r="32" spans="1:155" ht="19.5" customHeight="1" x14ac:dyDescent="0.2">
      <c r="A32" s="294" t="s">
        <v>30</v>
      </c>
      <c r="B32" s="309">
        <v>0</v>
      </c>
      <c r="C32" s="310">
        <v>0</v>
      </c>
      <c r="D32" s="311">
        <v>0</v>
      </c>
      <c r="E32" s="312">
        <v>0</v>
      </c>
      <c r="F32" s="313">
        <v>1</v>
      </c>
      <c r="G32" s="313">
        <v>2</v>
      </c>
      <c r="H32" s="313">
        <v>1</v>
      </c>
      <c r="I32" s="313">
        <v>1</v>
      </c>
      <c r="J32" s="313">
        <v>0</v>
      </c>
      <c r="K32" s="314">
        <v>5</v>
      </c>
      <c r="L32" s="315">
        <v>5</v>
      </c>
      <c r="M32" s="309">
        <v>0</v>
      </c>
      <c r="N32" s="313">
        <v>0</v>
      </c>
      <c r="O32" s="310">
        <v>0</v>
      </c>
      <c r="P32" s="312">
        <v>0</v>
      </c>
      <c r="Q32" s="313">
        <v>0</v>
      </c>
      <c r="R32" s="313">
        <v>0</v>
      </c>
      <c r="S32" s="313">
        <v>0</v>
      </c>
      <c r="T32" s="313">
        <v>1</v>
      </c>
      <c r="U32" s="313">
        <v>0</v>
      </c>
      <c r="V32" s="310">
        <v>1</v>
      </c>
      <c r="W32" s="315">
        <v>1</v>
      </c>
      <c r="X32" s="309">
        <v>0</v>
      </c>
      <c r="Y32" s="313">
        <v>0</v>
      </c>
      <c r="Z32" s="310">
        <v>0</v>
      </c>
      <c r="AA32" s="312">
        <v>0</v>
      </c>
      <c r="AB32" s="313">
        <v>1</v>
      </c>
      <c r="AC32" s="313">
        <v>0</v>
      </c>
      <c r="AD32" s="313">
        <v>0</v>
      </c>
      <c r="AE32" s="313">
        <v>2</v>
      </c>
      <c r="AF32" s="313">
        <v>0</v>
      </c>
      <c r="AG32" s="310">
        <v>3</v>
      </c>
      <c r="AH32" s="315">
        <v>3</v>
      </c>
      <c r="AI32" s="309">
        <v>0</v>
      </c>
      <c r="AJ32" s="313">
        <v>0</v>
      </c>
      <c r="AK32" s="310">
        <v>0</v>
      </c>
      <c r="AL32" s="312">
        <v>0</v>
      </c>
      <c r="AM32" s="313">
        <v>0</v>
      </c>
      <c r="AN32" s="313">
        <v>0</v>
      </c>
      <c r="AO32" s="313">
        <v>0</v>
      </c>
      <c r="AP32" s="313">
        <v>0</v>
      </c>
      <c r="AQ32" s="313">
        <v>0</v>
      </c>
      <c r="AR32" s="310">
        <v>0</v>
      </c>
      <c r="AS32" s="315">
        <v>0</v>
      </c>
      <c r="AT32" s="309">
        <v>0</v>
      </c>
      <c r="AU32" s="313">
        <v>0</v>
      </c>
      <c r="AV32" s="310">
        <v>0</v>
      </c>
      <c r="AW32" s="312">
        <v>0</v>
      </c>
      <c r="AX32" s="313">
        <v>1</v>
      </c>
      <c r="AY32" s="313">
        <v>2</v>
      </c>
      <c r="AZ32" s="313">
        <v>1</v>
      </c>
      <c r="BA32" s="313">
        <v>1</v>
      </c>
      <c r="BB32" s="313">
        <v>0</v>
      </c>
      <c r="BC32" s="314">
        <v>5</v>
      </c>
      <c r="BD32" s="315">
        <v>5</v>
      </c>
      <c r="BE32" s="309">
        <v>0</v>
      </c>
      <c r="BF32" s="313">
        <v>0</v>
      </c>
      <c r="BG32" s="310">
        <v>0</v>
      </c>
      <c r="BH32" s="312">
        <v>0</v>
      </c>
      <c r="BI32" s="313">
        <v>0</v>
      </c>
      <c r="BJ32" s="313">
        <v>0</v>
      </c>
      <c r="BK32" s="313">
        <v>0</v>
      </c>
      <c r="BL32" s="313">
        <v>1</v>
      </c>
      <c r="BM32" s="313">
        <v>0</v>
      </c>
      <c r="BN32" s="310">
        <v>1</v>
      </c>
      <c r="BO32" s="315">
        <v>1</v>
      </c>
      <c r="BP32" s="309">
        <v>0</v>
      </c>
      <c r="BQ32" s="313">
        <v>0</v>
      </c>
      <c r="BR32" s="310">
        <v>0</v>
      </c>
      <c r="BS32" s="312">
        <v>0</v>
      </c>
      <c r="BT32" s="313">
        <v>1</v>
      </c>
      <c r="BU32" s="313">
        <v>0</v>
      </c>
      <c r="BV32" s="313">
        <v>0</v>
      </c>
      <c r="BW32" s="313">
        <v>0</v>
      </c>
      <c r="BX32" s="313">
        <v>0</v>
      </c>
      <c r="BY32" s="310">
        <v>1</v>
      </c>
      <c r="BZ32" s="315">
        <v>1</v>
      </c>
      <c r="CA32" s="309">
        <v>0</v>
      </c>
      <c r="CB32" s="313">
        <v>0</v>
      </c>
      <c r="CC32" s="310">
        <v>0</v>
      </c>
      <c r="CD32" s="312">
        <v>0</v>
      </c>
      <c r="CE32" s="313">
        <v>1</v>
      </c>
      <c r="CF32" s="313">
        <v>0</v>
      </c>
      <c r="CG32" s="313">
        <v>1</v>
      </c>
      <c r="CH32" s="313">
        <v>1</v>
      </c>
      <c r="CI32" s="313">
        <v>0</v>
      </c>
      <c r="CJ32" s="310">
        <v>3</v>
      </c>
      <c r="CK32" s="315">
        <v>3</v>
      </c>
      <c r="CL32" s="309">
        <v>0</v>
      </c>
      <c r="CM32" s="313">
        <v>0</v>
      </c>
      <c r="CN32" s="310">
        <v>0</v>
      </c>
      <c r="CO32" s="312">
        <v>0</v>
      </c>
      <c r="CP32" s="313">
        <v>0</v>
      </c>
      <c r="CQ32" s="313">
        <v>0</v>
      </c>
      <c r="CR32" s="313">
        <v>0</v>
      </c>
      <c r="CS32" s="313">
        <v>0</v>
      </c>
      <c r="CT32" s="313">
        <v>0</v>
      </c>
      <c r="CU32" s="310">
        <v>0</v>
      </c>
      <c r="CV32" s="315">
        <v>0</v>
      </c>
      <c r="CW32" s="309">
        <v>0</v>
      </c>
      <c r="CX32" s="313">
        <v>0</v>
      </c>
      <c r="CY32" s="310">
        <v>0</v>
      </c>
      <c r="CZ32" s="312">
        <v>0</v>
      </c>
      <c r="DA32" s="313">
        <v>0</v>
      </c>
      <c r="DB32" s="313">
        <v>0</v>
      </c>
      <c r="DC32" s="313">
        <v>0</v>
      </c>
      <c r="DD32" s="313">
        <v>0</v>
      </c>
      <c r="DE32" s="313">
        <v>0</v>
      </c>
      <c r="DF32" s="310">
        <v>0</v>
      </c>
      <c r="DG32" s="315">
        <v>0</v>
      </c>
      <c r="DH32" s="309">
        <v>0</v>
      </c>
      <c r="DI32" s="313">
        <v>0</v>
      </c>
      <c r="DJ32" s="310">
        <v>0</v>
      </c>
      <c r="DK32" s="312">
        <v>0</v>
      </c>
      <c r="DL32" s="313">
        <v>0</v>
      </c>
      <c r="DM32" s="313">
        <v>0</v>
      </c>
      <c r="DN32" s="313">
        <v>0</v>
      </c>
      <c r="DO32" s="313">
        <v>0</v>
      </c>
      <c r="DP32" s="313">
        <v>0</v>
      </c>
      <c r="DQ32" s="310">
        <v>0</v>
      </c>
      <c r="DR32" s="315">
        <v>0</v>
      </c>
      <c r="DS32" s="309">
        <v>1</v>
      </c>
      <c r="DT32" s="313">
        <v>0</v>
      </c>
      <c r="DU32" s="310">
        <v>1</v>
      </c>
      <c r="DV32" s="312">
        <v>0</v>
      </c>
      <c r="DW32" s="313">
        <v>1</v>
      </c>
      <c r="DX32" s="313">
        <v>2</v>
      </c>
      <c r="DY32" s="313">
        <v>2</v>
      </c>
      <c r="DZ32" s="313">
        <v>3</v>
      </c>
      <c r="EA32" s="313">
        <v>0</v>
      </c>
      <c r="EB32" s="310">
        <v>8</v>
      </c>
      <c r="EC32" s="315">
        <v>9</v>
      </c>
      <c r="ED32" s="309">
        <v>0</v>
      </c>
      <c r="EE32" s="313">
        <v>0</v>
      </c>
      <c r="EF32" s="310">
        <v>0</v>
      </c>
      <c r="EG32" s="312">
        <v>0</v>
      </c>
      <c r="EH32" s="313">
        <v>1</v>
      </c>
      <c r="EI32" s="313">
        <v>1</v>
      </c>
      <c r="EJ32" s="313">
        <v>0</v>
      </c>
      <c r="EK32" s="313">
        <v>0</v>
      </c>
      <c r="EL32" s="313">
        <v>0</v>
      </c>
      <c r="EM32" s="310">
        <v>2</v>
      </c>
      <c r="EN32" s="315">
        <v>2</v>
      </c>
      <c r="EO32" s="309">
        <v>2</v>
      </c>
      <c r="EP32" s="313">
        <v>0</v>
      </c>
      <c r="EQ32" s="310">
        <v>2</v>
      </c>
      <c r="ER32" s="312">
        <v>0</v>
      </c>
      <c r="ES32" s="313">
        <v>3</v>
      </c>
      <c r="ET32" s="313">
        <v>3</v>
      </c>
      <c r="EU32" s="313">
        <v>3</v>
      </c>
      <c r="EV32" s="313">
        <v>3</v>
      </c>
      <c r="EW32" s="313">
        <v>0</v>
      </c>
      <c r="EX32" s="310">
        <v>12</v>
      </c>
      <c r="EY32" s="315">
        <v>14</v>
      </c>
    </row>
    <row r="33" spans="1:155" ht="19.5" customHeight="1" x14ac:dyDescent="0.2">
      <c r="A33" s="294" t="s">
        <v>31</v>
      </c>
      <c r="B33" s="309">
        <v>0</v>
      </c>
      <c r="C33" s="310">
        <v>0</v>
      </c>
      <c r="D33" s="311">
        <v>0</v>
      </c>
      <c r="E33" s="312">
        <v>0</v>
      </c>
      <c r="F33" s="313">
        <v>1</v>
      </c>
      <c r="G33" s="313">
        <v>0</v>
      </c>
      <c r="H33" s="313">
        <v>1</v>
      </c>
      <c r="I33" s="313">
        <v>0</v>
      </c>
      <c r="J33" s="313">
        <v>0</v>
      </c>
      <c r="K33" s="314">
        <v>2</v>
      </c>
      <c r="L33" s="315">
        <v>2</v>
      </c>
      <c r="M33" s="309">
        <v>0</v>
      </c>
      <c r="N33" s="313">
        <v>0</v>
      </c>
      <c r="O33" s="310">
        <v>0</v>
      </c>
      <c r="P33" s="312">
        <v>0</v>
      </c>
      <c r="Q33" s="313">
        <v>0</v>
      </c>
      <c r="R33" s="313">
        <v>1</v>
      </c>
      <c r="S33" s="313">
        <v>1</v>
      </c>
      <c r="T33" s="313">
        <v>0</v>
      </c>
      <c r="U33" s="313">
        <v>0</v>
      </c>
      <c r="V33" s="310">
        <v>2</v>
      </c>
      <c r="W33" s="315">
        <v>2</v>
      </c>
      <c r="X33" s="309">
        <v>0</v>
      </c>
      <c r="Y33" s="313">
        <v>0</v>
      </c>
      <c r="Z33" s="310">
        <v>0</v>
      </c>
      <c r="AA33" s="312">
        <v>0</v>
      </c>
      <c r="AB33" s="313">
        <v>1</v>
      </c>
      <c r="AC33" s="313">
        <v>0</v>
      </c>
      <c r="AD33" s="313">
        <v>1</v>
      </c>
      <c r="AE33" s="313">
        <v>0</v>
      </c>
      <c r="AF33" s="313">
        <v>0</v>
      </c>
      <c r="AG33" s="310">
        <v>2</v>
      </c>
      <c r="AH33" s="315">
        <v>2</v>
      </c>
      <c r="AI33" s="309">
        <v>0</v>
      </c>
      <c r="AJ33" s="313">
        <v>1</v>
      </c>
      <c r="AK33" s="310">
        <v>1</v>
      </c>
      <c r="AL33" s="312">
        <v>0</v>
      </c>
      <c r="AM33" s="313">
        <v>0</v>
      </c>
      <c r="AN33" s="313">
        <v>2</v>
      </c>
      <c r="AO33" s="313">
        <v>0</v>
      </c>
      <c r="AP33" s="313">
        <v>0</v>
      </c>
      <c r="AQ33" s="313">
        <v>0</v>
      </c>
      <c r="AR33" s="310">
        <v>2</v>
      </c>
      <c r="AS33" s="315">
        <v>3</v>
      </c>
      <c r="AT33" s="309">
        <v>0</v>
      </c>
      <c r="AU33" s="313">
        <v>0</v>
      </c>
      <c r="AV33" s="310">
        <v>0</v>
      </c>
      <c r="AW33" s="312">
        <v>0</v>
      </c>
      <c r="AX33" s="313">
        <v>0</v>
      </c>
      <c r="AY33" s="313">
        <v>1</v>
      </c>
      <c r="AZ33" s="313">
        <v>1</v>
      </c>
      <c r="BA33" s="313">
        <v>1</v>
      </c>
      <c r="BB33" s="313">
        <v>0</v>
      </c>
      <c r="BC33" s="314">
        <v>3</v>
      </c>
      <c r="BD33" s="315">
        <v>3</v>
      </c>
      <c r="BE33" s="309">
        <v>0</v>
      </c>
      <c r="BF33" s="313">
        <v>0</v>
      </c>
      <c r="BG33" s="310">
        <v>0</v>
      </c>
      <c r="BH33" s="312">
        <v>0</v>
      </c>
      <c r="BI33" s="313">
        <v>4</v>
      </c>
      <c r="BJ33" s="313">
        <v>4</v>
      </c>
      <c r="BK33" s="313">
        <v>1</v>
      </c>
      <c r="BL33" s="313">
        <v>0</v>
      </c>
      <c r="BM33" s="313">
        <v>0</v>
      </c>
      <c r="BN33" s="310">
        <v>9</v>
      </c>
      <c r="BO33" s="315">
        <v>9</v>
      </c>
      <c r="BP33" s="309">
        <v>0</v>
      </c>
      <c r="BQ33" s="313">
        <v>0</v>
      </c>
      <c r="BR33" s="310">
        <v>0</v>
      </c>
      <c r="BS33" s="312">
        <v>0</v>
      </c>
      <c r="BT33" s="313">
        <v>0</v>
      </c>
      <c r="BU33" s="313">
        <v>2</v>
      </c>
      <c r="BV33" s="313">
        <v>1</v>
      </c>
      <c r="BW33" s="313">
        <v>0</v>
      </c>
      <c r="BX33" s="313">
        <v>0</v>
      </c>
      <c r="BY33" s="310">
        <v>3</v>
      </c>
      <c r="BZ33" s="315">
        <v>3</v>
      </c>
      <c r="CA33" s="309">
        <v>0</v>
      </c>
      <c r="CB33" s="313">
        <v>0</v>
      </c>
      <c r="CC33" s="310">
        <v>0</v>
      </c>
      <c r="CD33" s="312">
        <v>0</v>
      </c>
      <c r="CE33" s="313">
        <v>1</v>
      </c>
      <c r="CF33" s="313">
        <v>1</v>
      </c>
      <c r="CG33" s="313">
        <v>1</v>
      </c>
      <c r="CH33" s="313">
        <v>0</v>
      </c>
      <c r="CI33" s="313">
        <v>0</v>
      </c>
      <c r="CJ33" s="310">
        <v>3</v>
      </c>
      <c r="CK33" s="315">
        <v>3</v>
      </c>
      <c r="CL33" s="309">
        <v>0</v>
      </c>
      <c r="CM33" s="313">
        <v>0</v>
      </c>
      <c r="CN33" s="310">
        <v>0</v>
      </c>
      <c r="CO33" s="312">
        <v>0</v>
      </c>
      <c r="CP33" s="313">
        <v>0</v>
      </c>
      <c r="CQ33" s="313">
        <v>0</v>
      </c>
      <c r="CR33" s="313">
        <v>0</v>
      </c>
      <c r="CS33" s="313">
        <v>0</v>
      </c>
      <c r="CT33" s="313">
        <v>0</v>
      </c>
      <c r="CU33" s="310">
        <v>0</v>
      </c>
      <c r="CV33" s="315">
        <v>0</v>
      </c>
      <c r="CW33" s="309">
        <v>0</v>
      </c>
      <c r="CX33" s="313">
        <v>0</v>
      </c>
      <c r="CY33" s="310">
        <v>0</v>
      </c>
      <c r="CZ33" s="312">
        <v>0</v>
      </c>
      <c r="DA33" s="313">
        <v>0</v>
      </c>
      <c r="DB33" s="313">
        <v>0</v>
      </c>
      <c r="DC33" s="313">
        <v>0</v>
      </c>
      <c r="DD33" s="313">
        <v>0</v>
      </c>
      <c r="DE33" s="313">
        <v>0</v>
      </c>
      <c r="DF33" s="310">
        <v>0</v>
      </c>
      <c r="DG33" s="315">
        <v>0</v>
      </c>
      <c r="DH33" s="309">
        <v>0</v>
      </c>
      <c r="DI33" s="313">
        <v>0</v>
      </c>
      <c r="DJ33" s="310">
        <v>0</v>
      </c>
      <c r="DK33" s="312">
        <v>0</v>
      </c>
      <c r="DL33" s="313">
        <v>0</v>
      </c>
      <c r="DM33" s="313">
        <v>0</v>
      </c>
      <c r="DN33" s="313">
        <v>0</v>
      </c>
      <c r="DO33" s="313">
        <v>0</v>
      </c>
      <c r="DP33" s="313">
        <v>0</v>
      </c>
      <c r="DQ33" s="310">
        <v>0</v>
      </c>
      <c r="DR33" s="315">
        <v>0</v>
      </c>
      <c r="DS33" s="309">
        <v>2</v>
      </c>
      <c r="DT33" s="313">
        <v>1</v>
      </c>
      <c r="DU33" s="310">
        <v>3</v>
      </c>
      <c r="DV33" s="312">
        <v>0</v>
      </c>
      <c r="DW33" s="313">
        <v>2</v>
      </c>
      <c r="DX33" s="313">
        <v>6</v>
      </c>
      <c r="DY33" s="313">
        <v>4</v>
      </c>
      <c r="DZ33" s="313">
        <v>0</v>
      </c>
      <c r="EA33" s="313">
        <v>0</v>
      </c>
      <c r="EB33" s="310">
        <v>12</v>
      </c>
      <c r="EC33" s="315">
        <v>15</v>
      </c>
      <c r="ED33" s="309">
        <v>0</v>
      </c>
      <c r="EE33" s="313">
        <v>0</v>
      </c>
      <c r="EF33" s="310">
        <v>0</v>
      </c>
      <c r="EG33" s="312">
        <v>0</v>
      </c>
      <c r="EH33" s="313">
        <v>0</v>
      </c>
      <c r="EI33" s="313">
        <v>1</v>
      </c>
      <c r="EJ33" s="313">
        <v>0</v>
      </c>
      <c r="EK33" s="313">
        <v>0</v>
      </c>
      <c r="EL33" s="313">
        <v>0</v>
      </c>
      <c r="EM33" s="310">
        <v>1</v>
      </c>
      <c r="EN33" s="315">
        <v>1</v>
      </c>
      <c r="EO33" s="309">
        <v>2</v>
      </c>
      <c r="EP33" s="313">
        <v>2</v>
      </c>
      <c r="EQ33" s="310">
        <v>4</v>
      </c>
      <c r="ER33" s="312">
        <v>0</v>
      </c>
      <c r="ES33" s="313">
        <v>6</v>
      </c>
      <c r="ET33" s="313">
        <v>11</v>
      </c>
      <c r="EU33" s="313">
        <v>4</v>
      </c>
      <c r="EV33" s="313">
        <v>0</v>
      </c>
      <c r="EW33" s="313">
        <v>0</v>
      </c>
      <c r="EX33" s="310">
        <v>21</v>
      </c>
      <c r="EY33" s="315">
        <v>25</v>
      </c>
    </row>
    <row r="34" spans="1:155" ht="19.5" customHeight="1" x14ac:dyDescent="0.2">
      <c r="A34" s="294" t="s">
        <v>32</v>
      </c>
      <c r="B34" s="309">
        <v>0</v>
      </c>
      <c r="C34" s="310">
        <v>0</v>
      </c>
      <c r="D34" s="311">
        <v>0</v>
      </c>
      <c r="E34" s="312">
        <v>0</v>
      </c>
      <c r="F34" s="313">
        <v>1</v>
      </c>
      <c r="G34" s="313">
        <v>2</v>
      </c>
      <c r="H34" s="313">
        <v>1</v>
      </c>
      <c r="I34" s="313">
        <v>2</v>
      </c>
      <c r="J34" s="313">
        <v>0</v>
      </c>
      <c r="K34" s="314">
        <v>6</v>
      </c>
      <c r="L34" s="315">
        <v>6</v>
      </c>
      <c r="M34" s="309">
        <v>0</v>
      </c>
      <c r="N34" s="313">
        <v>0</v>
      </c>
      <c r="O34" s="310">
        <v>0</v>
      </c>
      <c r="P34" s="312">
        <v>0</v>
      </c>
      <c r="Q34" s="313">
        <v>0</v>
      </c>
      <c r="R34" s="313">
        <v>0</v>
      </c>
      <c r="S34" s="313">
        <v>0</v>
      </c>
      <c r="T34" s="313">
        <v>0</v>
      </c>
      <c r="U34" s="313">
        <v>0</v>
      </c>
      <c r="V34" s="310">
        <v>0</v>
      </c>
      <c r="W34" s="315">
        <v>0</v>
      </c>
      <c r="X34" s="309">
        <v>0</v>
      </c>
      <c r="Y34" s="313">
        <v>1</v>
      </c>
      <c r="Z34" s="310">
        <v>1</v>
      </c>
      <c r="AA34" s="312">
        <v>0</v>
      </c>
      <c r="AB34" s="313">
        <v>3</v>
      </c>
      <c r="AC34" s="313">
        <v>2</v>
      </c>
      <c r="AD34" s="313">
        <v>1</v>
      </c>
      <c r="AE34" s="313">
        <v>0</v>
      </c>
      <c r="AF34" s="313">
        <v>1</v>
      </c>
      <c r="AG34" s="310">
        <v>7</v>
      </c>
      <c r="AH34" s="315">
        <v>8</v>
      </c>
      <c r="AI34" s="309">
        <v>0</v>
      </c>
      <c r="AJ34" s="313">
        <v>0</v>
      </c>
      <c r="AK34" s="310">
        <v>0</v>
      </c>
      <c r="AL34" s="312">
        <v>0</v>
      </c>
      <c r="AM34" s="313">
        <v>0</v>
      </c>
      <c r="AN34" s="313">
        <v>0</v>
      </c>
      <c r="AO34" s="313">
        <v>0</v>
      </c>
      <c r="AP34" s="313">
        <v>0</v>
      </c>
      <c r="AQ34" s="313">
        <v>0</v>
      </c>
      <c r="AR34" s="310">
        <v>0</v>
      </c>
      <c r="AS34" s="315">
        <v>0</v>
      </c>
      <c r="AT34" s="309">
        <v>0</v>
      </c>
      <c r="AU34" s="313">
        <v>0</v>
      </c>
      <c r="AV34" s="310">
        <v>0</v>
      </c>
      <c r="AW34" s="312">
        <v>0</v>
      </c>
      <c r="AX34" s="313">
        <v>0</v>
      </c>
      <c r="AY34" s="313">
        <v>2</v>
      </c>
      <c r="AZ34" s="313">
        <v>3</v>
      </c>
      <c r="BA34" s="313">
        <v>3</v>
      </c>
      <c r="BB34" s="313">
        <v>0</v>
      </c>
      <c r="BC34" s="314">
        <v>8</v>
      </c>
      <c r="BD34" s="315">
        <v>8</v>
      </c>
      <c r="BE34" s="309">
        <v>0</v>
      </c>
      <c r="BF34" s="313">
        <v>0</v>
      </c>
      <c r="BG34" s="310">
        <v>0</v>
      </c>
      <c r="BH34" s="312">
        <v>0</v>
      </c>
      <c r="BI34" s="313">
        <v>3</v>
      </c>
      <c r="BJ34" s="313">
        <v>1</v>
      </c>
      <c r="BK34" s="313">
        <v>0</v>
      </c>
      <c r="BL34" s="313">
        <v>0</v>
      </c>
      <c r="BM34" s="313">
        <v>0</v>
      </c>
      <c r="BN34" s="310">
        <v>4</v>
      </c>
      <c r="BO34" s="315">
        <v>4</v>
      </c>
      <c r="BP34" s="309">
        <v>0</v>
      </c>
      <c r="BQ34" s="313">
        <v>0</v>
      </c>
      <c r="BR34" s="310">
        <v>0</v>
      </c>
      <c r="BS34" s="312">
        <v>0</v>
      </c>
      <c r="BT34" s="313">
        <v>2</v>
      </c>
      <c r="BU34" s="313">
        <v>0</v>
      </c>
      <c r="BV34" s="313">
        <v>0</v>
      </c>
      <c r="BW34" s="313">
        <v>0</v>
      </c>
      <c r="BX34" s="313">
        <v>0</v>
      </c>
      <c r="BY34" s="310">
        <v>2</v>
      </c>
      <c r="BZ34" s="315">
        <v>2</v>
      </c>
      <c r="CA34" s="309">
        <v>0</v>
      </c>
      <c r="CB34" s="313">
        <v>0</v>
      </c>
      <c r="CC34" s="310">
        <v>0</v>
      </c>
      <c r="CD34" s="312">
        <v>0</v>
      </c>
      <c r="CE34" s="313">
        <v>1</v>
      </c>
      <c r="CF34" s="313">
        <v>0</v>
      </c>
      <c r="CG34" s="313">
        <v>0</v>
      </c>
      <c r="CH34" s="313">
        <v>0</v>
      </c>
      <c r="CI34" s="313">
        <v>0</v>
      </c>
      <c r="CJ34" s="310">
        <v>1</v>
      </c>
      <c r="CK34" s="315">
        <v>1</v>
      </c>
      <c r="CL34" s="309">
        <v>0</v>
      </c>
      <c r="CM34" s="313">
        <v>0</v>
      </c>
      <c r="CN34" s="310">
        <v>0</v>
      </c>
      <c r="CO34" s="312">
        <v>0</v>
      </c>
      <c r="CP34" s="313">
        <v>0</v>
      </c>
      <c r="CQ34" s="313">
        <v>0</v>
      </c>
      <c r="CR34" s="313">
        <v>0</v>
      </c>
      <c r="CS34" s="313">
        <v>0</v>
      </c>
      <c r="CT34" s="313">
        <v>0</v>
      </c>
      <c r="CU34" s="310">
        <v>0</v>
      </c>
      <c r="CV34" s="315">
        <v>0</v>
      </c>
      <c r="CW34" s="309">
        <v>0</v>
      </c>
      <c r="CX34" s="313">
        <v>0</v>
      </c>
      <c r="CY34" s="310">
        <v>0</v>
      </c>
      <c r="CZ34" s="312">
        <v>0</v>
      </c>
      <c r="DA34" s="313">
        <v>0</v>
      </c>
      <c r="DB34" s="313">
        <v>0</v>
      </c>
      <c r="DC34" s="313">
        <v>0</v>
      </c>
      <c r="DD34" s="313">
        <v>0</v>
      </c>
      <c r="DE34" s="313">
        <v>0</v>
      </c>
      <c r="DF34" s="310">
        <v>0</v>
      </c>
      <c r="DG34" s="315">
        <v>0</v>
      </c>
      <c r="DH34" s="309">
        <v>0</v>
      </c>
      <c r="DI34" s="313">
        <v>0</v>
      </c>
      <c r="DJ34" s="310">
        <v>0</v>
      </c>
      <c r="DK34" s="312">
        <v>0</v>
      </c>
      <c r="DL34" s="313">
        <v>0</v>
      </c>
      <c r="DM34" s="313">
        <v>0</v>
      </c>
      <c r="DN34" s="313">
        <v>0</v>
      </c>
      <c r="DO34" s="313">
        <v>0</v>
      </c>
      <c r="DP34" s="313">
        <v>0</v>
      </c>
      <c r="DQ34" s="310">
        <v>0</v>
      </c>
      <c r="DR34" s="315">
        <v>0</v>
      </c>
      <c r="DS34" s="309">
        <v>0</v>
      </c>
      <c r="DT34" s="313">
        <v>2</v>
      </c>
      <c r="DU34" s="310">
        <v>2</v>
      </c>
      <c r="DV34" s="312">
        <v>0</v>
      </c>
      <c r="DW34" s="313">
        <v>7</v>
      </c>
      <c r="DX34" s="313">
        <v>6</v>
      </c>
      <c r="DY34" s="313">
        <v>2</v>
      </c>
      <c r="DZ34" s="313">
        <v>2</v>
      </c>
      <c r="EA34" s="313">
        <v>1</v>
      </c>
      <c r="EB34" s="310">
        <v>18</v>
      </c>
      <c r="EC34" s="315">
        <v>20</v>
      </c>
      <c r="ED34" s="309">
        <v>0</v>
      </c>
      <c r="EE34" s="313">
        <v>0</v>
      </c>
      <c r="EF34" s="310">
        <v>0</v>
      </c>
      <c r="EG34" s="312">
        <v>0</v>
      </c>
      <c r="EH34" s="313">
        <v>0</v>
      </c>
      <c r="EI34" s="313">
        <v>1</v>
      </c>
      <c r="EJ34" s="313">
        <v>0</v>
      </c>
      <c r="EK34" s="313">
        <v>2</v>
      </c>
      <c r="EL34" s="313">
        <v>0</v>
      </c>
      <c r="EM34" s="310">
        <v>3</v>
      </c>
      <c r="EN34" s="315">
        <v>3</v>
      </c>
      <c r="EO34" s="309">
        <v>0</v>
      </c>
      <c r="EP34" s="313">
        <v>2</v>
      </c>
      <c r="EQ34" s="310">
        <v>2</v>
      </c>
      <c r="ER34" s="312">
        <v>0</v>
      </c>
      <c r="ES34" s="313">
        <v>11</v>
      </c>
      <c r="ET34" s="313">
        <v>7</v>
      </c>
      <c r="EU34" s="313">
        <v>3</v>
      </c>
      <c r="EV34" s="313">
        <v>2</v>
      </c>
      <c r="EW34" s="313">
        <v>1</v>
      </c>
      <c r="EX34" s="310">
        <v>24</v>
      </c>
      <c r="EY34" s="315">
        <v>26</v>
      </c>
    </row>
    <row r="35" spans="1:155" ht="19.5" customHeight="1" x14ac:dyDescent="0.2">
      <c r="A35" s="294" t="s">
        <v>33</v>
      </c>
      <c r="B35" s="309">
        <v>0</v>
      </c>
      <c r="C35" s="310">
        <v>0</v>
      </c>
      <c r="D35" s="311">
        <v>0</v>
      </c>
      <c r="E35" s="312">
        <v>0</v>
      </c>
      <c r="F35" s="313">
        <v>1</v>
      </c>
      <c r="G35" s="313">
        <v>0</v>
      </c>
      <c r="H35" s="313">
        <v>0</v>
      </c>
      <c r="I35" s="313">
        <v>0</v>
      </c>
      <c r="J35" s="313">
        <v>0</v>
      </c>
      <c r="K35" s="314">
        <v>1</v>
      </c>
      <c r="L35" s="315">
        <v>1</v>
      </c>
      <c r="M35" s="309">
        <v>0</v>
      </c>
      <c r="N35" s="313">
        <v>0</v>
      </c>
      <c r="O35" s="310">
        <v>0</v>
      </c>
      <c r="P35" s="312">
        <v>0</v>
      </c>
      <c r="Q35" s="313">
        <v>0</v>
      </c>
      <c r="R35" s="313">
        <v>0</v>
      </c>
      <c r="S35" s="313">
        <v>0</v>
      </c>
      <c r="T35" s="313">
        <v>0</v>
      </c>
      <c r="U35" s="313">
        <v>0</v>
      </c>
      <c r="V35" s="310">
        <v>0</v>
      </c>
      <c r="W35" s="315">
        <v>0</v>
      </c>
      <c r="X35" s="309">
        <v>0</v>
      </c>
      <c r="Y35" s="313">
        <v>0</v>
      </c>
      <c r="Z35" s="310">
        <v>0</v>
      </c>
      <c r="AA35" s="312">
        <v>0</v>
      </c>
      <c r="AB35" s="313">
        <v>0</v>
      </c>
      <c r="AC35" s="313">
        <v>0</v>
      </c>
      <c r="AD35" s="313">
        <v>1</v>
      </c>
      <c r="AE35" s="313">
        <v>0</v>
      </c>
      <c r="AF35" s="313">
        <v>0</v>
      </c>
      <c r="AG35" s="310">
        <v>1</v>
      </c>
      <c r="AH35" s="315">
        <v>1</v>
      </c>
      <c r="AI35" s="309">
        <v>1</v>
      </c>
      <c r="AJ35" s="313">
        <v>1</v>
      </c>
      <c r="AK35" s="310">
        <v>2</v>
      </c>
      <c r="AL35" s="312">
        <v>0</v>
      </c>
      <c r="AM35" s="313">
        <v>0</v>
      </c>
      <c r="AN35" s="313">
        <v>0</v>
      </c>
      <c r="AO35" s="313">
        <v>0</v>
      </c>
      <c r="AP35" s="313">
        <v>0</v>
      </c>
      <c r="AQ35" s="313">
        <v>0</v>
      </c>
      <c r="AR35" s="310">
        <v>0</v>
      </c>
      <c r="AS35" s="315">
        <v>2</v>
      </c>
      <c r="AT35" s="309">
        <v>0</v>
      </c>
      <c r="AU35" s="313">
        <v>0</v>
      </c>
      <c r="AV35" s="310">
        <v>0</v>
      </c>
      <c r="AW35" s="312">
        <v>0</v>
      </c>
      <c r="AX35" s="313">
        <v>1</v>
      </c>
      <c r="AY35" s="313">
        <v>1</v>
      </c>
      <c r="AZ35" s="313">
        <v>0</v>
      </c>
      <c r="BA35" s="313">
        <v>0</v>
      </c>
      <c r="BB35" s="313">
        <v>1</v>
      </c>
      <c r="BC35" s="314">
        <v>3</v>
      </c>
      <c r="BD35" s="315">
        <v>3</v>
      </c>
      <c r="BE35" s="309">
        <v>0</v>
      </c>
      <c r="BF35" s="313">
        <v>0</v>
      </c>
      <c r="BG35" s="310">
        <v>0</v>
      </c>
      <c r="BH35" s="312">
        <v>0</v>
      </c>
      <c r="BI35" s="313">
        <v>0</v>
      </c>
      <c r="BJ35" s="313">
        <v>0</v>
      </c>
      <c r="BK35" s="313">
        <v>0</v>
      </c>
      <c r="BL35" s="313">
        <v>0</v>
      </c>
      <c r="BM35" s="313">
        <v>0</v>
      </c>
      <c r="BN35" s="310">
        <v>0</v>
      </c>
      <c r="BO35" s="315">
        <v>0</v>
      </c>
      <c r="BP35" s="309">
        <v>1</v>
      </c>
      <c r="BQ35" s="313">
        <v>0</v>
      </c>
      <c r="BR35" s="310">
        <v>1</v>
      </c>
      <c r="BS35" s="312">
        <v>0</v>
      </c>
      <c r="BT35" s="313">
        <v>2</v>
      </c>
      <c r="BU35" s="313">
        <v>1</v>
      </c>
      <c r="BV35" s="313">
        <v>0</v>
      </c>
      <c r="BW35" s="313">
        <v>0</v>
      </c>
      <c r="BX35" s="313">
        <v>0</v>
      </c>
      <c r="BY35" s="310">
        <v>3</v>
      </c>
      <c r="BZ35" s="315">
        <v>4</v>
      </c>
      <c r="CA35" s="309">
        <v>0</v>
      </c>
      <c r="CB35" s="313">
        <v>0</v>
      </c>
      <c r="CC35" s="310">
        <v>0</v>
      </c>
      <c r="CD35" s="312">
        <v>0</v>
      </c>
      <c r="CE35" s="313">
        <v>0</v>
      </c>
      <c r="CF35" s="313">
        <v>0</v>
      </c>
      <c r="CG35" s="313">
        <v>0</v>
      </c>
      <c r="CH35" s="313">
        <v>0</v>
      </c>
      <c r="CI35" s="313">
        <v>0</v>
      </c>
      <c r="CJ35" s="310">
        <v>0</v>
      </c>
      <c r="CK35" s="315">
        <v>0</v>
      </c>
      <c r="CL35" s="309">
        <v>0</v>
      </c>
      <c r="CM35" s="313">
        <v>0</v>
      </c>
      <c r="CN35" s="310">
        <v>0</v>
      </c>
      <c r="CO35" s="312">
        <v>0</v>
      </c>
      <c r="CP35" s="313">
        <v>1</v>
      </c>
      <c r="CQ35" s="313">
        <v>1</v>
      </c>
      <c r="CR35" s="313">
        <v>0</v>
      </c>
      <c r="CS35" s="313">
        <v>0</v>
      </c>
      <c r="CT35" s="313">
        <v>0</v>
      </c>
      <c r="CU35" s="310">
        <v>2</v>
      </c>
      <c r="CV35" s="315">
        <v>2</v>
      </c>
      <c r="CW35" s="309">
        <v>0</v>
      </c>
      <c r="CX35" s="313">
        <v>0</v>
      </c>
      <c r="CY35" s="310">
        <v>0</v>
      </c>
      <c r="CZ35" s="312">
        <v>0</v>
      </c>
      <c r="DA35" s="313">
        <v>0</v>
      </c>
      <c r="DB35" s="313">
        <v>0</v>
      </c>
      <c r="DC35" s="313">
        <v>0</v>
      </c>
      <c r="DD35" s="313">
        <v>0</v>
      </c>
      <c r="DE35" s="313">
        <v>0</v>
      </c>
      <c r="DF35" s="310">
        <v>0</v>
      </c>
      <c r="DG35" s="315">
        <v>0</v>
      </c>
      <c r="DH35" s="309">
        <v>0</v>
      </c>
      <c r="DI35" s="313">
        <v>0</v>
      </c>
      <c r="DJ35" s="310">
        <v>0</v>
      </c>
      <c r="DK35" s="312">
        <v>0</v>
      </c>
      <c r="DL35" s="313">
        <v>0</v>
      </c>
      <c r="DM35" s="313">
        <v>0</v>
      </c>
      <c r="DN35" s="313">
        <v>0</v>
      </c>
      <c r="DO35" s="313">
        <v>0</v>
      </c>
      <c r="DP35" s="313">
        <v>0</v>
      </c>
      <c r="DQ35" s="310">
        <v>0</v>
      </c>
      <c r="DR35" s="315">
        <v>0</v>
      </c>
      <c r="DS35" s="309">
        <v>1</v>
      </c>
      <c r="DT35" s="313">
        <v>0</v>
      </c>
      <c r="DU35" s="310">
        <v>1</v>
      </c>
      <c r="DV35" s="312">
        <v>0</v>
      </c>
      <c r="DW35" s="313">
        <v>4</v>
      </c>
      <c r="DX35" s="313">
        <v>2</v>
      </c>
      <c r="DY35" s="313">
        <v>1</v>
      </c>
      <c r="DZ35" s="313">
        <v>0</v>
      </c>
      <c r="EA35" s="313">
        <v>1</v>
      </c>
      <c r="EB35" s="310">
        <v>8</v>
      </c>
      <c r="EC35" s="315">
        <v>9</v>
      </c>
      <c r="ED35" s="309">
        <v>0</v>
      </c>
      <c r="EE35" s="313">
        <v>0</v>
      </c>
      <c r="EF35" s="310">
        <v>0</v>
      </c>
      <c r="EG35" s="312">
        <v>0</v>
      </c>
      <c r="EH35" s="313">
        <v>0</v>
      </c>
      <c r="EI35" s="313">
        <v>0</v>
      </c>
      <c r="EJ35" s="313">
        <v>0</v>
      </c>
      <c r="EK35" s="313">
        <v>0</v>
      </c>
      <c r="EL35" s="313">
        <v>1</v>
      </c>
      <c r="EM35" s="310">
        <v>1</v>
      </c>
      <c r="EN35" s="315">
        <v>1</v>
      </c>
      <c r="EO35" s="309">
        <v>2</v>
      </c>
      <c r="EP35" s="313">
        <v>1</v>
      </c>
      <c r="EQ35" s="310">
        <v>3</v>
      </c>
      <c r="ER35" s="312">
        <v>0</v>
      </c>
      <c r="ES35" s="313">
        <v>6</v>
      </c>
      <c r="ET35" s="313">
        <v>2</v>
      </c>
      <c r="EU35" s="313">
        <v>1</v>
      </c>
      <c r="EV35" s="313">
        <v>0</v>
      </c>
      <c r="EW35" s="313">
        <v>1</v>
      </c>
      <c r="EX35" s="310">
        <v>10</v>
      </c>
      <c r="EY35" s="315">
        <v>13</v>
      </c>
    </row>
    <row r="36" spans="1:155" ht="19.5" customHeight="1" x14ac:dyDescent="0.2">
      <c r="A36" s="294" t="s">
        <v>34</v>
      </c>
      <c r="B36" s="309">
        <v>0</v>
      </c>
      <c r="C36" s="310">
        <v>0</v>
      </c>
      <c r="D36" s="311">
        <v>0</v>
      </c>
      <c r="E36" s="312">
        <v>0</v>
      </c>
      <c r="F36" s="313">
        <v>0</v>
      </c>
      <c r="G36" s="313">
        <v>1</v>
      </c>
      <c r="H36" s="313">
        <v>0</v>
      </c>
      <c r="I36" s="313">
        <v>0</v>
      </c>
      <c r="J36" s="313">
        <v>0</v>
      </c>
      <c r="K36" s="314">
        <v>1</v>
      </c>
      <c r="L36" s="315">
        <v>1</v>
      </c>
      <c r="M36" s="309">
        <v>0</v>
      </c>
      <c r="N36" s="313">
        <v>0</v>
      </c>
      <c r="O36" s="310">
        <v>0</v>
      </c>
      <c r="P36" s="312">
        <v>0</v>
      </c>
      <c r="Q36" s="313">
        <v>0</v>
      </c>
      <c r="R36" s="313">
        <v>0</v>
      </c>
      <c r="S36" s="313">
        <v>0</v>
      </c>
      <c r="T36" s="313">
        <v>0</v>
      </c>
      <c r="U36" s="313">
        <v>0</v>
      </c>
      <c r="V36" s="310">
        <v>0</v>
      </c>
      <c r="W36" s="315">
        <v>0</v>
      </c>
      <c r="X36" s="309">
        <v>0</v>
      </c>
      <c r="Y36" s="313">
        <v>1</v>
      </c>
      <c r="Z36" s="310">
        <v>1</v>
      </c>
      <c r="AA36" s="312">
        <v>0</v>
      </c>
      <c r="AB36" s="313">
        <v>0</v>
      </c>
      <c r="AC36" s="313">
        <v>0</v>
      </c>
      <c r="AD36" s="313">
        <v>1</v>
      </c>
      <c r="AE36" s="313">
        <v>0</v>
      </c>
      <c r="AF36" s="313">
        <v>0</v>
      </c>
      <c r="AG36" s="310">
        <v>1</v>
      </c>
      <c r="AH36" s="315">
        <v>2</v>
      </c>
      <c r="AI36" s="309">
        <v>0</v>
      </c>
      <c r="AJ36" s="313">
        <v>0</v>
      </c>
      <c r="AK36" s="310">
        <v>0</v>
      </c>
      <c r="AL36" s="312">
        <v>0</v>
      </c>
      <c r="AM36" s="313">
        <v>0</v>
      </c>
      <c r="AN36" s="313">
        <v>1</v>
      </c>
      <c r="AO36" s="313">
        <v>0</v>
      </c>
      <c r="AP36" s="313">
        <v>0</v>
      </c>
      <c r="AQ36" s="313">
        <v>0</v>
      </c>
      <c r="AR36" s="310">
        <v>1</v>
      </c>
      <c r="AS36" s="315">
        <v>1</v>
      </c>
      <c r="AT36" s="309">
        <v>0</v>
      </c>
      <c r="AU36" s="313">
        <v>0</v>
      </c>
      <c r="AV36" s="310">
        <v>0</v>
      </c>
      <c r="AW36" s="312">
        <v>0</v>
      </c>
      <c r="AX36" s="313">
        <v>2</v>
      </c>
      <c r="AY36" s="313">
        <v>1</v>
      </c>
      <c r="AZ36" s="313">
        <v>1</v>
      </c>
      <c r="BA36" s="313">
        <v>0</v>
      </c>
      <c r="BB36" s="313">
        <v>0</v>
      </c>
      <c r="BC36" s="314">
        <v>4</v>
      </c>
      <c r="BD36" s="315">
        <v>4</v>
      </c>
      <c r="BE36" s="309">
        <v>0</v>
      </c>
      <c r="BF36" s="313">
        <v>0</v>
      </c>
      <c r="BG36" s="310">
        <v>0</v>
      </c>
      <c r="BH36" s="312">
        <v>0</v>
      </c>
      <c r="BI36" s="313">
        <v>1</v>
      </c>
      <c r="BJ36" s="313">
        <v>2</v>
      </c>
      <c r="BK36" s="313">
        <v>0</v>
      </c>
      <c r="BL36" s="313">
        <v>0</v>
      </c>
      <c r="BM36" s="313">
        <v>0</v>
      </c>
      <c r="BN36" s="310">
        <v>3</v>
      </c>
      <c r="BO36" s="315">
        <v>3</v>
      </c>
      <c r="BP36" s="309">
        <v>0</v>
      </c>
      <c r="BQ36" s="313">
        <v>1</v>
      </c>
      <c r="BR36" s="310">
        <v>1</v>
      </c>
      <c r="BS36" s="312">
        <v>0</v>
      </c>
      <c r="BT36" s="313">
        <v>1</v>
      </c>
      <c r="BU36" s="313">
        <v>0</v>
      </c>
      <c r="BV36" s="313">
        <v>0</v>
      </c>
      <c r="BW36" s="313">
        <v>0</v>
      </c>
      <c r="BX36" s="313">
        <v>0</v>
      </c>
      <c r="BY36" s="310">
        <v>1</v>
      </c>
      <c r="BZ36" s="315">
        <v>2</v>
      </c>
      <c r="CA36" s="309">
        <v>0</v>
      </c>
      <c r="CB36" s="313">
        <v>0</v>
      </c>
      <c r="CC36" s="310">
        <v>0</v>
      </c>
      <c r="CD36" s="312">
        <v>0</v>
      </c>
      <c r="CE36" s="313">
        <v>0</v>
      </c>
      <c r="CF36" s="313">
        <v>0</v>
      </c>
      <c r="CG36" s="313">
        <v>0</v>
      </c>
      <c r="CH36" s="313">
        <v>0</v>
      </c>
      <c r="CI36" s="313">
        <v>0</v>
      </c>
      <c r="CJ36" s="310">
        <v>0</v>
      </c>
      <c r="CK36" s="315">
        <v>0</v>
      </c>
      <c r="CL36" s="309">
        <v>0</v>
      </c>
      <c r="CM36" s="313">
        <v>0</v>
      </c>
      <c r="CN36" s="310">
        <v>0</v>
      </c>
      <c r="CO36" s="312">
        <v>0</v>
      </c>
      <c r="CP36" s="313">
        <v>0</v>
      </c>
      <c r="CQ36" s="313">
        <v>0</v>
      </c>
      <c r="CR36" s="313">
        <v>0</v>
      </c>
      <c r="CS36" s="313">
        <v>0</v>
      </c>
      <c r="CT36" s="313">
        <v>0</v>
      </c>
      <c r="CU36" s="310">
        <v>0</v>
      </c>
      <c r="CV36" s="315">
        <v>0</v>
      </c>
      <c r="CW36" s="309">
        <v>0</v>
      </c>
      <c r="CX36" s="313">
        <v>0</v>
      </c>
      <c r="CY36" s="310">
        <v>0</v>
      </c>
      <c r="CZ36" s="312">
        <v>0</v>
      </c>
      <c r="DA36" s="313">
        <v>0</v>
      </c>
      <c r="DB36" s="313">
        <v>0</v>
      </c>
      <c r="DC36" s="313">
        <v>0</v>
      </c>
      <c r="DD36" s="313">
        <v>0</v>
      </c>
      <c r="DE36" s="313">
        <v>0</v>
      </c>
      <c r="DF36" s="310">
        <v>0</v>
      </c>
      <c r="DG36" s="315">
        <v>0</v>
      </c>
      <c r="DH36" s="309">
        <v>0</v>
      </c>
      <c r="DI36" s="313">
        <v>0</v>
      </c>
      <c r="DJ36" s="310">
        <v>0</v>
      </c>
      <c r="DK36" s="312">
        <v>0</v>
      </c>
      <c r="DL36" s="313">
        <v>0</v>
      </c>
      <c r="DM36" s="313">
        <v>0</v>
      </c>
      <c r="DN36" s="313">
        <v>0</v>
      </c>
      <c r="DO36" s="313">
        <v>0</v>
      </c>
      <c r="DP36" s="313">
        <v>0</v>
      </c>
      <c r="DQ36" s="310">
        <v>0</v>
      </c>
      <c r="DR36" s="315">
        <v>0</v>
      </c>
      <c r="DS36" s="309">
        <v>0</v>
      </c>
      <c r="DT36" s="313">
        <v>0</v>
      </c>
      <c r="DU36" s="310">
        <v>0</v>
      </c>
      <c r="DV36" s="312">
        <v>0</v>
      </c>
      <c r="DW36" s="313">
        <v>1</v>
      </c>
      <c r="DX36" s="313">
        <v>2</v>
      </c>
      <c r="DY36" s="313">
        <v>2</v>
      </c>
      <c r="DZ36" s="313">
        <v>0</v>
      </c>
      <c r="EA36" s="313">
        <v>0</v>
      </c>
      <c r="EB36" s="310">
        <v>5</v>
      </c>
      <c r="EC36" s="315">
        <v>5</v>
      </c>
      <c r="ED36" s="309">
        <v>0</v>
      </c>
      <c r="EE36" s="313">
        <v>0</v>
      </c>
      <c r="EF36" s="310">
        <v>0</v>
      </c>
      <c r="EG36" s="312">
        <v>0</v>
      </c>
      <c r="EH36" s="313">
        <v>2</v>
      </c>
      <c r="EI36" s="313">
        <v>1</v>
      </c>
      <c r="EJ36" s="313">
        <v>1</v>
      </c>
      <c r="EK36" s="313">
        <v>0</v>
      </c>
      <c r="EL36" s="313">
        <v>0</v>
      </c>
      <c r="EM36" s="310">
        <v>4</v>
      </c>
      <c r="EN36" s="315">
        <v>4</v>
      </c>
      <c r="EO36" s="309">
        <v>0</v>
      </c>
      <c r="EP36" s="313">
        <v>2</v>
      </c>
      <c r="EQ36" s="310">
        <v>2</v>
      </c>
      <c r="ER36" s="312">
        <v>0</v>
      </c>
      <c r="ES36" s="313">
        <v>5</v>
      </c>
      <c r="ET36" s="313">
        <v>3</v>
      </c>
      <c r="EU36" s="313">
        <v>2</v>
      </c>
      <c r="EV36" s="313">
        <v>0</v>
      </c>
      <c r="EW36" s="313">
        <v>0</v>
      </c>
      <c r="EX36" s="310">
        <v>10</v>
      </c>
      <c r="EY36" s="315">
        <v>12</v>
      </c>
    </row>
    <row r="37" spans="1:155" ht="19.5" customHeight="1" x14ac:dyDescent="0.2">
      <c r="A37" s="294" t="s">
        <v>35</v>
      </c>
      <c r="B37" s="309">
        <v>0</v>
      </c>
      <c r="C37" s="310">
        <v>0</v>
      </c>
      <c r="D37" s="311">
        <v>0</v>
      </c>
      <c r="E37" s="312">
        <v>0</v>
      </c>
      <c r="F37" s="313">
        <v>3</v>
      </c>
      <c r="G37" s="313">
        <v>4</v>
      </c>
      <c r="H37" s="313">
        <v>0</v>
      </c>
      <c r="I37" s="313">
        <v>0</v>
      </c>
      <c r="J37" s="313">
        <v>1</v>
      </c>
      <c r="K37" s="314">
        <v>8</v>
      </c>
      <c r="L37" s="315">
        <v>8</v>
      </c>
      <c r="M37" s="309">
        <v>0</v>
      </c>
      <c r="N37" s="313">
        <v>0</v>
      </c>
      <c r="O37" s="310">
        <v>0</v>
      </c>
      <c r="P37" s="312">
        <v>0</v>
      </c>
      <c r="Q37" s="313">
        <v>0</v>
      </c>
      <c r="R37" s="313">
        <v>0</v>
      </c>
      <c r="S37" s="313">
        <v>0</v>
      </c>
      <c r="T37" s="313">
        <v>0</v>
      </c>
      <c r="U37" s="313">
        <v>1</v>
      </c>
      <c r="V37" s="310">
        <v>1</v>
      </c>
      <c r="W37" s="315">
        <v>1</v>
      </c>
      <c r="X37" s="309">
        <v>0</v>
      </c>
      <c r="Y37" s="313">
        <v>0</v>
      </c>
      <c r="Z37" s="310">
        <v>0</v>
      </c>
      <c r="AA37" s="312">
        <v>0</v>
      </c>
      <c r="AB37" s="313">
        <v>0</v>
      </c>
      <c r="AC37" s="313">
        <v>4</v>
      </c>
      <c r="AD37" s="313">
        <v>0</v>
      </c>
      <c r="AE37" s="313">
        <v>0</v>
      </c>
      <c r="AF37" s="313">
        <v>0</v>
      </c>
      <c r="AG37" s="310">
        <v>4</v>
      </c>
      <c r="AH37" s="315">
        <v>4</v>
      </c>
      <c r="AI37" s="309">
        <v>0</v>
      </c>
      <c r="AJ37" s="313">
        <v>0</v>
      </c>
      <c r="AK37" s="310">
        <v>0</v>
      </c>
      <c r="AL37" s="312">
        <v>0</v>
      </c>
      <c r="AM37" s="313">
        <v>3</v>
      </c>
      <c r="AN37" s="313">
        <v>1</v>
      </c>
      <c r="AO37" s="313">
        <v>1</v>
      </c>
      <c r="AP37" s="313">
        <v>0</v>
      </c>
      <c r="AQ37" s="313">
        <v>0</v>
      </c>
      <c r="AR37" s="310">
        <v>5</v>
      </c>
      <c r="AS37" s="315">
        <v>5</v>
      </c>
      <c r="AT37" s="309">
        <v>2</v>
      </c>
      <c r="AU37" s="313">
        <v>1</v>
      </c>
      <c r="AV37" s="310">
        <v>3</v>
      </c>
      <c r="AW37" s="312">
        <v>0</v>
      </c>
      <c r="AX37" s="313">
        <v>6</v>
      </c>
      <c r="AY37" s="313">
        <v>10</v>
      </c>
      <c r="AZ37" s="313">
        <v>3</v>
      </c>
      <c r="BA37" s="313">
        <v>4</v>
      </c>
      <c r="BB37" s="313">
        <v>2</v>
      </c>
      <c r="BC37" s="314">
        <v>25</v>
      </c>
      <c r="BD37" s="315">
        <v>28</v>
      </c>
      <c r="BE37" s="309">
        <v>0</v>
      </c>
      <c r="BF37" s="313">
        <v>0</v>
      </c>
      <c r="BG37" s="310">
        <v>0</v>
      </c>
      <c r="BH37" s="312">
        <v>0</v>
      </c>
      <c r="BI37" s="313">
        <v>6</v>
      </c>
      <c r="BJ37" s="313">
        <v>4</v>
      </c>
      <c r="BK37" s="313">
        <v>1</v>
      </c>
      <c r="BL37" s="313">
        <v>2</v>
      </c>
      <c r="BM37" s="313">
        <v>0</v>
      </c>
      <c r="BN37" s="310">
        <v>13</v>
      </c>
      <c r="BO37" s="315">
        <v>13</v>
      </c>
      <c r="BP37" s="309">
        <v>2</v>
      </c>
      <c r="BQ37" s="313">
        <v>0</v>
      </c>
      <c r="BR37" s="310">
        <v>2</v>
      </c>
      <c r="BS37" s="312">
        <v>0</v>
      </c>
      <c r="BT37" s="313">
        <v>1</v>
      </c>
      <c r="BU37" s="313">
        <v>1</v>
      </c>
      <c r="BV37" s="313">
        <v>0</v>
      </c>
      <c r="BW37" s="313">
        <v>2</v>
      </c>
      <c r="BX37" s="313">
        <v>0</v>
      </c>
      <c r="BY37" s="310">
        <v>4</v>
      </c>
      <c r="BZ37" s="315">
        <v>6</v>
      </c>
      <c r="CA37" s="309">
        <v>0</v>
      </c>
      <c r="CB37" s="313">
        <v>0</v>
      </c>
      <c r="CC37" s="310">
        <v>0</v>
      </c>
      <c r="CD37" s="312">
        <v>0</v>
      </c>
      <c r="CE37" s="313">
        <v>0</v>
      </c>
      <c r="CF37" s="313">
        <v>1</v>
      </c>
      <c r="CG37" s="313">
        <v>0</v>
      </c>
      <c r="CH37" s="313">
        <v>0</v>
      </c>
      <c r="CI37" s="313">
        <v>0</v>
      </c>
      <c r="CJ37" s="310">
        <v>1</v>
      </c>
      <c r="CK37" s="315">
        <v>1</v>
      </c>
      <c r="CL37" s="309">
        <v>0</v>
      </c>
      <c r="CM37" s="313">
        <v>0</v>
      </c>
      <c r="CN37" s="310">
        <v>0</v>
      </c>
      <c r="CO37" s="312">
        <v>0</v>
      </c>
      <c r="CP37" s="313">
        <v>0</v>
      </c>
      <c r="CQ37" s="313">
        <v>0</v>
      </c>
      <c r="CR37" s="313">
        <v>0</v>
      </c>
      <c r="CS37" s="313">
        <v>1</v>
      </c>
      <c r="CT37" s="313">
        <v>0</v>
      </c>
      <c r="CU37" s="310">
        <v>1</v>
      </c>
      <c r="CV37" s="315">
        <v>1</v>
      </c>
      <c r="CW37" s="309">
        <v>0</v>
      </c>
      <c r="CX37" s="313">
        <v>0</v>
      </c>
      <c r="CY37" s="310">
        <v>0</v>
      </c>
      <c r="CZ37" s="312">
        <v>0</v>
      </c>
      <c r="DA37" s="313">
        <v>0</v>
      </c>
      <c r="DB37" s="313">
        <v>0</v>
      </c>
      <c r="DC37" s="313">
        <v>0</v>
      </c>
      <c r="DD37" s="313">
        <v>0</v>
      </c>
      <c r="DE37" s="313">
        <v>0</v>
      </c>
      <c r="DF37" s="310">
        <v>0</v>
      </c>
      <c r="DG37" s="315">
        <v>0</v>
      </c>
      <c r="DH37" s="309">
        <v>0</v>
      </c>
      <c r="DI37" s="313">
        <v>0</v>
      </c>
      <c r="DJ37" s="310">
        <v>0</v>
      </c>
      <c r="DK37" s="312">
        <v>0</v>
      </c>
      <c r="DL37" s="313">
        <v>0</v>
      </c>
      <c r="DM37" s="313">
        <v>0</v>
      </c>
      <c r="DN37" s="313">
        <v>0</v>
      </c>
      <c r="DO37" s="313">
        <v>0</v>
      </c>
      <c r="DP37" s="313">
        <v>0</v>
      </c>
      <c r="DQ37" s="310">
        <v>0</v>
      </c>
      <c r="DR37" s="315">
        <v>0</v>
      </c>
      <c r="DS37" s="309">
        <v>0</v>
      </c>
      <c r="DT37" s="313">
        <v>2</v>
      </c>
      <c r="DU37" s="310">
        <v>2</v>
      </c>
      <c r="DV37" s="312">
        <v>0</v>
      </c>
      <c r="DW37" s="313">
        <v>5</v>
      </c>
      <c r="DX37" s="313">
        <v>9</v>
      </c>
      <c r="DY37" s="313">
        <v>1</v>
      </c>
      <c r="DZ37" s="313">
        <v>3</v>
      </c>
      <c r="EA37" s="313">
        <v>1</v>
      </c>
      <c r="EB37" s="310">
        <v>19</v>
      </c>
      <c r="EC37" s="315">
        <v>21</v>
      </c>
      <c r="ED37" s="309">
        <v>2</v>
      </c>
      <c r="EE37" s="313">
        <v>1</v>
      </c>
      <c r="EF37" s="310">
        <v>3</v>
      </c>
      <c r="EG37" s="312">
        <v>0</v>
      </c>
      <c r="EH37" s="313">
        <v>6</v>
      </c>
      <c r="EI37" s="313">
        <v>4</v>
      </c>
      <c r="EJ37" s="313">
        <v>2</v>
      </c>
      <c r="EK37" s="313">
        <v>1</v>
      </c>
      <c r="EL37" s="313">
        <v>1</v>
      </c>
      <c r="EM37" s="310">
        <v>14</v>
      </c>
      <c r="EN37" s="315">
        <v>17</v>
      </c>
      <c r="EO37" s="309">
        <v>2</v>
      </c>
      <c r="EP37" s="313">
        <v>1</v>
      </c>
      <c r="EQ37" s="310">
        <v>3</v>
      </c>
      <c r="ER37" s="312">
        <v>0</v>
      </c>
      <c r="ES37" s="313">
        <v>12</v>
      </c>
      <c r="ET37" s="313">
        <v>11</v>
      </c>
      <c r="EU37" s="313">
        <v>1</v>
      </c>
      <c r="EV37" s="313">
        <v>4</v>
      </c>
      <c r="EW37" s="313">
        <v>1</v>
      </c>
      <c r="EX37" s="310">
        <v>29</v>
      </c>
      <c r="EY37" s="315">
        <v>32</v>
      </c>
    </row>
    <row r="38" spans="1:155" ht="19.5" customHeight="1" x14ac:dyDescent="0.2">
      <c r="A38" s="294" t="s">
        <v>36</v>
      </c>
      <c r="B38" s="309">
        <v>0</v>
      </c>
      <c r="C38" s="310">
        <v>0</v>
      </c>
      <c r="D38" s="311">
        <v>0</v>
      </c>
      <c r="E38" s="312">
        <v>0</v>
      </c>
      <c r="F38" s="313">
        <v>3</v>
      </c>
      <c r="G38" s="313">
        <v>1</v>
      </c>
      <c r="H38" s="313">
        <v>0</v>
      </c>
      <c r="I38" s="313">
        <v>0</v>
      </c>
      <c r="J38" s="313">
        <v>0</v>
      </c>
      <c r="K38" s="314">
        <v>4</v>
      </c>
      <c r="L38" s="315">
        <v>4</v>
      </c>
      <c r="M38" s="309">
        <v>0</v>
      </c>
      <c r="N38" s="313">
        <v>0</v>
      </c>
      <c r="O38" s="310">
        <v>0</v>
      </c>
      <c r="P38" s="312">
        <v>0</v>
      </c>
      <c r="Q38" s="313">
        <v>0</v>
      </c>
      <c r="R38" s="313">
        <v>0</v>
      </c>
      <c r="S38" s="313">
        <v>0</v>
      </c>
      <c r="T38" s="313">
        <v>1</v>
      </c>
      <c r="U38" s="313">
        <v>0</v>
      </c>
      <c r="V38" s="310">
        <v>1</v>
      </c>
      <c r="W38" s="315">
        <v>1</v>
      </c>
      <c r="X38" s="309">
        <v>1</v>
      </c>
      <c r="Y38" s="313">
        <v>1</v>
      </c>
      <c r="Z38" s="310">
        <v>2</v>
      </c>
      <c r="AA38" s="312">
        <v>0</v>
      </c>
      <c r="AB38" s="313">
        <v>2</v>
      </c>
      <c r="AC38" s="313">
        <v>1</v>
      </c>
      <c r="AD38" s="313">
        <v>1</v>
      </c>
      <c r="AE38" s="313">
        <v>2</v>
      </c>
      <c r="AF38" s="313">
        <v>1</v>
      </c>
      <c r="AG38" s="310">
        <v>7</v>
      </c>
      <c r="AH38" s="315">
        <v>9</v>
      </c>
      <c r="AI38" s="309">
        <v>0</v>
      </c>
      <c r="AJ38" s="313">
        <v>0</v>
      </c>
      <c r="AK38" s="310">
        <v>0</v>
      </c>
      <c r="AL38" s="312">
        <v>0</v>
      </c>
      <c r="AM38" s="313">
        <v>0</v>
      </c>
      <c r="AN38" s="313">
        <v>0</v>
      </c>
      <c r="AO38" s="313">
        <v>0</v>
      </c>
      <c r="AP38" s="313">
        <v>0</v>
      </c>
      <c r="AQ38" s="313">
        <v>0</v>
      </c>
      <c r="AR38" s="310">
        <v>0</v>
      </c>
      <c r="AS38" s="315">
        <v>0</v>
      </c>
      <c r="AT38" s="309">
        <v>2</v>
      </c>
      <c r="AU38" s="313">
        <v>1</v>
      </c>
      <c r="AV38" s="310">
        <v>3</v>
      </c>
      <c r="AW38" s="312">
        <v>0</v>
      </c>
      <c r="AX38" s="313">
        <v>1</v>
      </c>
      <c r="AY38" s="313">
        <v>1</v>
      </c>
      <c r="AZ38" s="313">
        <v>4</v>
      </c>
      <c r="BA38" s="313">
        <v>1</v>
      </c>
      <c r="BB38" s="313">
        <v>0</v>
      </c>
      <c r="BC38" s="314">
        <v>7</v>
      </c>
      <c r="BD38" s="315">
        <v>10</v>
      </c>
      <c r="BE38" s="309">
        <v>0</v>
      </c>
      <c r="BF38" s="313">
        <v>0</v>
      </c>
      <c r="BG38" s="310">
        <v>0</v>
      </c>
      <c r="BH38" s="312">
        <v>0</v>
      </c>
      <c r="BI38" s="313">
        <v>2</v>
      </c>
      <c r="BJ38" s="313">
        <v>1</v>
      </c>
      <c r="BK38" s="313">
        <v>2</v>
      </c>
      <c r="BL38" s="313">
        <v>1</v>
      </c>
      <c r="BM38" s="313">
        <v>0</v>
      </c>
      <c r="BN38" s="310">
        <v>6</v>
      </c>
      <c r="BO38" s="315">
        <v>6</v>
      </c>
      <c r="BP38" s="309">
        <v>0</v>
      </c>
      <c r="BQ38" s="313">
        <v>0</v>
      </c>
      <c r="BR38" s="310">
        <v>0</v>
      </c>
      <c r="BS38" s="312">
        <v>0</v>
      </c>
      <c r="BT38" s="313">
        <v>0</v>
      </c>
      <c r="BU38" s="313">
        <v>1</v>
      </c>
      <c r="BV38" s="313">
        <v>1</v>
      </c>
      <c r="BW38" s="313">
        <v>0</v>
      </c>
      <c r="BX38" s="313">
        <v>0</v>
      </c>
      <c r="BY38" s="310">
        <v>2</v>
      </c>
      <c r="BZ38" s="315">
        <v>2</v>
      </c>
      <c r="CA38" s="309">
        <v>0</v>
      </c>
      <c r="CB38" s="313">
        <v>0</v>
      </c>
      <c r="CC38" s="310">
        <v>0</v>
      </c>
      <c r="CD38" s="312">
        <v>0</v>
      </c>
      <c r="CE38" s="313">
        <v>1</v>
      </c>
      <c r="CF38" s="313">
        <v>0</v>
      </c>
      <c r="CG38" s="313">
        <v>1</v>
      </c>
      <c r="CH38" s="313">
        <v>1</v>
      </c>
      <c r="CI38" s="313">
        <v>0</v>
      </c>
      <c r="CJ38" s="310">
        <v>3</v>
      </c>
      <c r="CK38" s="315">
        <v>3</v>
      </c>
      <c r="CL38" s="309">
        <v>0</v>
      </c>
      <c r="CM38" s="313">
        <v>0</v>
      </c>
      <c r="CN38" s="310">
        <v>0</v>
      </c>
      <c r="CO38" s="312">
        <v>0</v>
      </c>
      <c r="CP38" s="313">
        <v>0</v>
      </c>
      <c r="CQ38" s="313">
        <v>0</v>
      </c>
      <c r="CR38" s="313">
        <v>0</v>
      </c>
      <c r="CS38" s="313">
        <v>0</v>
      </c>
      <c r="CT38" s="313">
        <v>0</v>
      </c>
      <c r="CU38" s="310">
        <v>0</v>
      </c>
      <c r="CV38" s="315">
        <v>0</v>
      </c>
      <c r="CW38" s="309">
        <v>0</v>
      </c>
      <c r="CX38" s="313">
        <v>0</v>
      </c>
      <c r="CY38" s="310">
        <v>0</v>
      </c>
      <c r="CZ38" s="312">
        <v>0</v>
      </c>
      <c r="DA38" s="313">
        <v>0</v>
      </c>
      <c r="DB38" s="313">
        <v>0</v>
      </c>
      <c r="DC38" s="313">
        <v>0</v>
      </c>
      <c r="DD38" s="313">
        <v>0</v>
      </c>
      <c r="DE38" s="313">
        <v>0</v>
      </c>
      <c r="DF38" s="310">
        <v>0</v>
      </c>
      <c r="DG38" s="315">
        <v>0</v>
      </c>
      <c r="DH38" s="309">
        <v>0</v>
      </c>
      <c r="DI38" s="313">
        <v>0</v>
      </c>
      <c r="DJ38" s="310">
        <v>0</v>
      </c>
      <c r="DK38" s="312">
        <v>0</v>
      </c>
      <c r="DL38" s="313">
        <v>0</v>
      </c>
      <c r="DM38" s="313">
        <v>0</v>
      </c>
      <c r="DN38" s="313">
        <v>0</v>
      </c>
      <c r="DO38" s="313">
        <v>0</v>
      </c>
      <c r="DP38" s="313">
        <v>0</v>
      </c>
      <c r="DQ38" s="310">
        <v>0</v>
      </c>
      <c r="DR38" s="315">
        <v>0</v>
      </c>
      <c r="DS38" s="309">
        <v>1</v>
      </c>
      <c r="DT38" s="313">
        <v>3</v>
      </c>
      <c r="DU38" s="310">
        <v>4</v>
      </c>
      <c r="DV38" s="312">
        <v>0</v>
      </c>
      <c r="DW38" s="313">
        <v>4</v>
      </c>
      <c r="DX38" s="313">
        <v>2</v>
      </c>
      <c r="DY38" s="313">
        <v>3</v>
      </c>
      <c r="DZ38" s="313">
        <v>3</v>
      </c>
      <c r="EA38" s="313">
        <v>1</v>
      </c>
      <c r="EB38" s="310">
        <v>13</v>
      </c>
      <c r="EC38" s="315">
        <v>17</v>
      </c>
      <c r="ED38" s="309">
        <v>0</v>
      </c>
      <c r="EE38" s="313">
        <v>0</v>
      </c>
      <c r="EF38" s="310">
        <v>0</v>
      </c>
      <c r="EG38" s="312">
        <v>0</v>
      </c>
      <c r="EH38" s="313">
        <v>0</v>
      </c>
      <c r="EI38" s="313">
        <v>1</v>
      </c>
      <c r="EJ38" s="313">
        <v>0</v>
      </c>
      <c r="EK38" s="313">
        <v>1</v>
      </c>
      <c r="EL38" s="313">
        <v>0</v>
      </c>
      <c r="EM38" s="310">
        <v>2</v>
      </c>
      <c r="EN38" s="315">
        <v>2</v>
      </c>
      <c r="EO38" s="309">
        <v>1</v>
      </c>
      <c r="EP38" s="313">
        <v>4</v>
      </c>
      <c r="EQ38" s="310">
        <v>5</v>
      </c>
      <c r="ER38" s="312">
        <v>0</v>
      </c>
      <c r="ES38" s="313">
        <v>8</v>
      </c>
      <c r="ET38" s="313">
        <v>2</v>
      </c>
      <c r="EU38" s="313">
        <v>5</v>
      </c>
      <c r="EV38" s="313">
        <v>2</v>
      </c>
      <c r="EW38" s="313">
        <v>1</v>
      </c>
      <c r="EX38" s="310">
        <v>18</v>
      </c>
      <c r="EY38" s="315">
        <v>23</v>
      </c>
    </row>
    <row r="39" spans="1:155" ht="19.5" customHeight="1" thickBot="1" x14ac:dyDescent="0.25">
      <c r="A39" s="295" t="s">
        <v>37</v>
      </c>
      <c r="B39" s="316">
        <v>0</v>
      </c>
      <c r="C39" s="317">
        <v>0</v>
      </c>
      <c r="D39" s="318">
        <v>0</v>
      </c>
      <c r="E39" s="319">
        <v>0</v>
      </c>
      <c r="F39" s="320">
        <v>0</v>
      </c>
      <c r="G39" s="320">
        <v>0</v>
      </c>
      <c r="H39" s="320">
        <v>0</v>
      </c>
      <c r="I39" s="320">
        <v>0</v>
      </c>
      <c r="J39" s="320">
        <v>0</v>
      </c>
      <c r="K39" s="321">
        <v>0</v>
      </c>
      <c r="L39" s="322">
        <v>0</v>
      </c>
      <c r="M39" s="316">
        <v>0</v>
      </c>
      <c r="N39" s="320">
        <v>0</v>
      </c>
      <c r="O39" s="317">
        <v>0</v>
      </c>
      <c r="P39" s="319">
        <v>0</v>
      </c>
      <c r="Q39" s="320">
        <v>0</v>
      </c>
      <c r="R39" s="320">
        <v>0</v>
      </c>
      <c r="S39" s="320">
        <v>0</v>
      </c>
      <c r="T39" s="320">
        <v>0</v>
      </c>
      <c r="U39" s="320">
        <v>0</v>
      </c>
      <c r="V39" s="317">
        <v>0</v>
      </c>
      <c r="W39" s="322">
        <v>0</v>
      </c>
      <c r="X39" s="316">
        <v>0</v>
      </c>
      <c r="Y39" s="320">
        <v>0</v>
      </c>
      <c r="Z39" s="317">
        <v>0</v>
      </c>
      <c r="AA39" s="319">
        <v>0</v>
      </c>
      <c r="AB39" s="320">
        <v>0</v>
      </c>
      <c r="AC39" s="320">
        <v>0</v>
      </c>
      <c r="AD39" s="320">
        <v>0</v>
      </c>
      <c r="AE39" s="320">
        <v>0</v>
      </c>
      <c r="AF39" s="320">
        <v>0</v>
      </c>
      <c r="AG39" s="317">
        <v>0</v>
      </c>
      <c r="AH39" s="322">
        <v>0</v>
      </c>
      <c r="AI39" s="316">
        <v>0</v>
      </c>
      <c r="AJ39" s="320">
        <v>0</v>
      </c>
      <c r="AK39" s="317">
        <v>0</v>
      </c>
      <c r="AL39" s="319">
        <v>0</v>
      </c>
      <c r="AM39" s="320">
        <v>1</v>
      </c>
      <c r="AN39" s="320">
        <v>0</v>
      </c>
      <c r="AO39" s="320">
        <v>0</v>
      </c>
      <c r="AP39" s="320">
        <v>0</v>
      </c>
      <c r="AQ39" s="320">
        <v>0</v>
      </c>
      <c r="AR39" s="317">
        <v>1</v>
      </c>
      <c r="AS39" s="322">
        <v>1</v>
      </c>
      <c r="AT39" s="316">
        <v>0</v>
      </c>
      <c r="AU39" s="320">
        <v>0</v>
      </c>
      <c r="AV39" s="317">
        <v>0</v>
      </c>
      <c r="AW39" s="319">
        <v>0</v>
      </c>
      <c r="AX39" s="320">
        <v>0</v>
      </c>
      <c r="AY39" s="320">
        <v>1</v>
      </c>
      <c r="AZ39" s="320">
        <v>1</v>
      </c>
      <c r="BA39" s="320">
        <v>0</v>
      </c>
      <c r="BB39" s="320">
        <v>0</v>
      </c>
      <c r="BC39" s="321">
        <v>2</v>
      </c>
      <c r="BD39" s="322">
        <v>2</v>
      </c>
      <c r="BE39" s="316">
        <v>0</v>
      </c>
      <c r="BF39" s="320">
        <v>0</v>
      </c>
      <c r="BG39" s="317">
        <v>0</v>
      </c>
      <c r="BH39" s="319">
        <v>0</v>
      </c>
      <c r="BI39" s="320">
        <v>1</v>
      </c>
      <c r="BJ39" s="320">
        <v>1</v>
      </c>
      <c r="BK39" s="320">
        <v>0</v>
      </c>
      <c r="BL39" s="320">
        <v>0</v>
      </c>
      <c r="BM39" s="320">
        <v>0</v>
      </c>
      <c r="BN39" s="317">
        <v>2</v>
      </c>
      <c r="BO39" s="322">
        <v>2</v>
      </c>
      <c r="BP39" s="316">
        <v>0</v>
      </c>
      <c r="BQ39" s="320">
        <v>0</v>
      </c>
      <c r="BR39" s="317">
        <v>0</v>
      </c>
      <c r="BS39" s="319">
        <v>0</v>
      </c>
      <c r="BT39" s="320">
        <v>0</v>
      </c>
      <c r="BU39" s="320">
        <v>0</v>
      </c>
      <c r="BV39" s="320">
        <v>0</v>
      </c>
      <c r="BW39" s="320">
        <v>0</v>
      </c>
      <c r="BX39" s="320">
        <v>0</v>
      </c>
      <c r="BY39" s="317">
        <v>0</v>
      </c>
      <c r="BZ39" s="322">
        <v>0</v>
      </c>
      <c r="CA39" s="316">
        <v>0</v>
      </c>
      <c r="CB39" s="320">
        <v>0</v>
      </c>
      <c r="CC39" s="317">
        <v>0</v>
      </c>
      <c r="CD39" s="319">
        <v>0</v>
      </c>
      <c r="CE39" s="320">
        <v>0</v>
      </c>
      <c r="CF39" s="320">
        <v>0</v>
      </c>
      <c r="CG39" s="320">
        <v>0</v>
      </c>
      <c r="CH39" s="320">
        <v>0</v>
      </c>
      <c r="CI39" s="320">
        <v>0</v>
      </c>
      <c r="CJ39" s="317">
        <v>0</v>
      </c>
      <c r="CK39" s="322">
        <v>0</v>
      </c>
      <c r="CL39" s="316">
        <v>0</v>
      </c>
      <c r="CM39" s="320">
        <v>0</v>
      </c>
      <c r="CN39" s="317">
        <v>0</v>
      </c>
      <c r="CO39" s="319">
        <v>0</v>
      </c>
      <c r="CP39" s="320">
        <v>0</v>
      </c>
      <c r="CQ39" s="320">
        <v>0</v>
      </c>
      <c r="CR39" s="320">
        <v>0</v>
      </c>
      <c r="CS39" s="320">
        <v>0</v>
      </c>
      <c r="CT39" s="320">
        <v>0</v>
      </c>
      <c r="CU39" s="317">
        <v>0</v>
      </c>
      <c r="CV39" s="322">
        <v>0</v>
      </c>
      <c r="CW39" s="316">
        <v>0</v>
      </c>
      <c r="CX39" s="320">
        <v>0</v>
      </c>
      <c r="CY39" s="317">
        <v>0</v>
      </c>
      <c r="CZ39" s="319">
        <v>0</v>
      </c>
      <c r="DA39" s="320">
        <v>0</v>
      </c>
      <c r="DB39" s="320">
        <v>0</v>
      </c>
      <c r="DC39" s="320">
        <v>0</v>
      </c>
      <c r="DD39" s="320">
        <v>0</v>
      </c>
      <c r="DE39" s="320">
        <v>0</v>
      </c>
      <c r="DF39" s="317">
        <v>0</v>
      </c>
      <c r="DG39" s="322">
        <v>0</v>
      </c>
      <c r="DH39" s="316">
        <v>0</v>
      </c>
      <c r="DI39" s="320">
        <v>0</v>
      </c>
      <c r="DJ39" s="317">
        <v>0</v>
      </c>
      <c r="DK39" s="319">
        <v>0</v>
      </c>
      <c r="DL39" s="320">
        <v>0</v>
      </c>
      <c r="DM39" s="320">
        <v>0</v>
      </c>
      <c r="DN39" s="320">
        <v>0</v>
      </c>
      <c r="DO39" s="320">
        <v>0</v>
      </c>
      <c r="DP39" s="320">
        <v>0</v>
      </c>
      <c r="DQ39" s="317">
        <v>0</v>
      </c>
      <c r="DR39" s="322">
        <v>0</v>
      </c>
      <c r="DS39" s="316">
        <v>0</v>
      </c>
      <c r="DT39" s="320">
        <v>0</v>
      </c>
      <c r="DU39" s="317">
        <v>0</v>
      </c>
      <c r="DV39" s="319">
        <v>0</v>
      </c>
      <c r="DW39" s="320">
        <v>1</v>
      </c>
      <c r="DX39" s="320">
        <v>2</v>
      </c>
      <c r="DY39" s="320">
        <v>0</v>
      </c>
      <c r="DZ39" s="320">
        <v>0</v>
      </c>
      <c r="EA39" s="320">
        <v>0</v>
      </c>
      <c r="EB39" s="317">
        <v>3</v>
      </c>
      <c r="EC39" s="322">
        <v>3</v>
      </c>
      <c r="ED39" s="316">
        <v>0</v>
      </c>
      <c r="EE39" s="320">
        <v>0</v>
      </c>
      <c r="EF39" s="317">
        <v>0</v>
      </c>
      <c r="EG39" s="319">
        <v>0</v>
      </c>
      <c r="EH39" s="320">
        <v>0</v>
      </c>
      <c r="EI39" s="320">
        <v>0</v>
      </c>
      <c r="EJ39" s="320">
        <v>1</v>
      </c>
      <c r="EK39" s="320">
        <v>0</v>
      </c>
      <c r="EL39" s="320">
        <v>0</v>
      </c>
      <c r="EM39" s="317">
        <v>1</v>
      </c>
      <c r="EN39" s="322">
        <v>1</v>
      </c>
      <c r="EO39" s="316">
        <v>0</v>
      </c>
      <c r="EP39" s="320">
        <v>0</v>
      </c>
      <c r="EQ39" s="317">
        <v>0</v>
      </c>
      <c r="ER39" s="319">
        <v>0</v>
      </c>
      <c r="ES39" s="320">
        <v>1</v>
      </c>
      <c r="ET39" s="320">
        <v>2</v>
      </c>
      <c r="EU39" s="320">
        <v>0</v>
      </c>
      <c r="EV39" s="320">
        <v>0</v>
      </c>
      <c r="EW39" s="320">
        <v>0</v>
      </c>
      <c r="EX39" s="317">
        <v>3</v>
      </c>
      <c r="EY39" s="322">
        <v>3</v>
      </c>
    </row>
  </sheetData>
  <mergeCells count="59">
    <mergeCell ref="DK4:DQ4"/>
    <mergeCell ref="DR4:DR5"/>
    <mergeCell ref="H1:I1"/>
    <mergeCell ref="K1:L1"/>
    <mergeCell ref="AT3:BD3"/>
    <mergeCell ref="BE3:BO3"/>
    <mergeCell ref="BP3:BZ3"/>
    <mergeCell ref="BD4:BD5"/>
    <mergeCell ref="CW3:DG3"/>
    <mergeCell ref="CV4:CV5"/>
    <mergeCell ref="BE4:BG4"/>
    <mergeCell ref="BH4:BN4"/>
    <mergeCell ref="BO4:BO5"/>
    <mergeCell ref="BP4:BR4"/>
    <mergeCell ref="BS4:BY4"/>
    <mergeCell ref="BZ4:BZ5"/>
    <mergeCell ref="A3:A5"/>
    <mergeCell ref="B3:L3"/>
    <mergeCell ref="M3:W3"/>
    <mergeCell ref="W4:W5"/>
    <mergeCell ref="AI3:AS3"/>
    <mergeCell ref="X3:AH3"/>
    <mergeCell ref="X4:Z4"/>
    <mergeCell ref="AA4:AG4"/>
    <mergeCell ref="AH4:AH5"/>
    <mergeCell ref="B4:D4"/>
    <mergeCell ref="E4:K4"/>
    <mergeCell ref="L4:L5"/>
    <mergeCell ref="M4:O4"/>
    <mergeCell ref="P4:V4"/>
    <mergeCell ref="DS3:EC3"/>
    <mergeCell ref="ED3:EN3"/>
    <mergeCell ref="EO3:EY3"/>
    <mergeCell ref="CA3:CK3"/>
    <mergeCell ref="CL3:CV3"/>
    <mergeCell ref="DH3:DR3"/>
    <mergeCell ref="CA4:CC4"/>
    <mergeCell ref="CD4:CJ4"/>
    <mergeCell ref="AI4:AK4"/>
    <mergeCell ref="AL4:AR4"/>
    <mergeCell ref="AS4:AS5"/>
    <mergeCell ref="AT4:AV4"/>
    <mergeCell ref="AW4:BC4"/>
    <mergeCell ref="CK4:CK5"/>
    <mergeCell ref="CL4:CN4"/>
    <mergeCell ref="CO4:CU4"/>
    <mergeCell ref="EY4:EY5"/>
    <mergeCell ref="CW4:CY4"/>
    <mergeCell ref="CZ4:DF4"/>
    <mergeCell ref="DG4:DG5"/>
    <mergeCell ref="DS4:DU4"/>
    <mergeCell ref="DV4:EB4"/>
    <mergeCell ref="EC4:EC5"/>
    <mergeCell ref="ED4:EF4"/>
    <mergeCell ref="EG4:EM4"/>
    <mergeCell ref="EN4:EN5"/>
    <mergeCell ref="EO4:EQ4"/>
    <mergeCell ref="ER4:EX4"/>
    <mergeCell ref="DH4:DJ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88"/>
    <col min="4" max="4" width="10.33203125" style="288" customWidth="1"/>
    <col min="5" max="5" width="7.6640625" style="288" customWidth="1"/>
    <col min="6" max="6" width="10.21875" style="288" customWidth="1"/>
    <col min="7" max="7" width="10.44140625" style="288" customWidth="1"/>
    <col min="8" max="15" width="9" style="288"/>
    <col min="16" max="16" width="7.21875" style="288" customWidth="1"/>
    <col min="17" max="26" width="9" style="288"/>
    <col min="27" max="27" width="7.6640625" style="288" customWidth="1"/>
    <col min="28" max="37" width="9" style="288"/>
    <col min="38" max="38" width="7.6640625" style="288" customWidth="1"/>
    <col min="39" max="48" width="9" style="288"/>
    <col min="49" max="49" width="7.21875" style="288" customWidth="1"/>
    <col min="50" max="59" width="9" style="288"/>
    <col min="60" max="60" width="7.21875" style="288" customWidth="1"/>
    <col min="61" max="70" width="9" style="288"/>
    <col min="71" max="71" width="7.33203125" style="288" customWidth="1"/>
    <col min="72" max="81" width="9" style="288"/>
    <col min="82" max="82" width="7.44140625" style="288" customWidth="1"/>
    <col min="83" max="92" width="9" style="288"/>
    <col min="93" max="93" width="7.6640625" style="288" customWidth="1"/>
    <col min="94" max="103" width="9" style="288"/>
    <col min="104" max="104" width="7.44140625" style="288" customWidth="1"/>
    <col min="105" max="114" width="9" style="288"/>
    <col min="115" max="115" width="7.44140625" style="288" customWidth="1"/>
    <col min="116" max="125" width="9" style="288"/>
    <col min="126" max="126" width="7.44140625" style="288" customWidth="1"/>
    <col min="127" max="136" width="9" style="288"/>
    <col min="137" max="137" width="7.33203125" style="288" customWidth="1"/>
    <col min="138" max="147" width="9" style="288"/>
    <col min="148" max="148" width="7.77734375" style="288" customWidth="1"/>
    <col min="149" max="16384" width="9" style="288"/>
  </cols>
  <sheetData>
    <row r="1" spans="1:155" ht="24" customHeight="1" x14ac:dyDescent="0.2">
      <c r="A1" s="323" t="s">
        <v>122</v>
      </c>
      <c r="H1" s="457">
        <f>第１表!F2</f>
        <v>3</v>
      </c>
      <c r="I1" s="457"/>
      <c r="J1" s="280">
        <f>第１表!G2</f>
        <v>12</v>
      </c>
      <c r="K1" s="458">
        <f>IF(J1&lt;3,J1+12-2,J1-2)</f>
        <v>10</v>
      </c>
      <c r="L1" s="458"/>
    </row>
    <row r="2" spans="1:155" ht="21" customHeight="1" thickBot="1" x14ac:dyDescent="0.25">
      <c r="A2" s="323" t="s">
        <v>154</v>
      </c>
      <c r="F2" s="279"/>
      <c r="G2" s="280"/>
      <c r="I2" s="397"/>
      <c r="J2" s="397"/>
    </row>
    <row r="3" spans="1:155" ht="23.25" customHeight="1" thickBot="1" x14ac:dyDescent="0.25">
      <c r="A3" s="466"/>
      <c r="B3" s="469" t="s">
        <v>70</v>
      </c>
      <c r="C3" s="470"/>
      <c r="D3" s="470"/>
      <c r="E3" s="470"/>
      <c r="F3" s="470"/>
      <c r="G3" s="470"/>
      <c r="H3" s="470"/>
      <c r="I3" s="470"/>
      <c r="J3" s="470"/>
      <c r="K3" s="470"/>
      <c r="L3" s="471"/>
      <c r="M3" s="469" t="s">
        <v>71</v>
      </c>
      <c r="N3" s="470"/>
      <c r="O3" s="470"/>
      <c r="P3" s="470"/>
      <c r="Q3" s="470"/>
      <c r="R3" s="470"/>
      <c r="S3" s="470"/>
      <c r="T3" s="470"/>
      <c r="U3" s="470"/>
      <c r="V3" s="470"/>
      <c r="W3" s="471"/>
      <c r="X3" s="469" t="s">
        <v>72</v>
      </c>
      <c r="Y3" s="470"/>
      <c r="Z3" s="470"/>
      <c r="AA3" s="470"/>
      <c r="AB3" s="470"/>
      <c r="AC3" s="470"/>
      <c r="AD3" s="470"/>
      <c r="AE3" s="470"/>
      <c r="AF3" s="470"/>
      <c r="AG3" s="470"/>
      <c r="AH3" s="471"/>
      <c r="AI3" s="469" t="s">
        <v>73</v>
      </c>
      <c r="AJ3" s="470"/>
      <c r="AK3" s="470"/>
      <c r="AL3" s="470"/>
      <c r="AM3" s="470"/>
      <c r="AN3" s="470"/>
      <c r="AO3" s="470"/>
      <c r="AP3" s="470"/>
      <c r="AQ3" s="470"/>
      <c r="AR3" s="470"/>
      <c r="AS3" s="471"/>
      <c r="AT3" s="469" t="s">
        <v>74</v>
      </c>
      <c r="AU3" s="470"/>
      <c r="AV3" s="470"/>
      <c r="AW3" s="470"/>
      <c r="AX3" s="470"/>
      <c r="AY3" s="470"/>
      <c r="AZ3" s="470"/>
      <c r="BA3" s="470"/>
      <c r="BB3" s="470"/>
      <c r="BC3" s="470"/>
      <c r="BD3" s="471"/>
      <c r="BE3" s="469" t="s">
        <v>75</v>
      </c>
      <c r="BF3" s="470"/>
      <c r="BG3" s="470"/>
      <c r="BH3" s="470"/>
      <c r="BI3" s="470"/>
      <c r="BJ3" s="470"/>
      <c r="BK3" s="470"/>
      <c r="BL3" s="470"/>
      <c r="BM3" s="470"/>
      <c r="BN3" s="470"/>
      <c r="BO3" s="471"/>
      <c r="BP3" s="469" t="s">
        <v>76</v>
      </c>
      <c r="BQ3" s="470"/>
      <c r="BR3" s="470"/>
      <c r="BS3" s="470"/>
      <c r="BT3" s="470"/>
      <c r="BU3" s="470"/>
      <c r="BV3" s="470"/>
      <c r="BW3" s="470"/>
      <c r="BX3" s="470"/>
      <c r="BY3" s="470"/>
      <c r="BZ3" s="471"/>
      <c r="CA3" s="469" t="s">
        <v>77</v>
      </c>
      <c r="CB3" s="470"/>
      <c r="CC3" s="470"/>
      <c r="CD3" s="470"/>
      <c r="CE3" s="470"/>
      <c r="CF3" s="470"/>
      <c r="CG3" s="470"/>
      <c r="CH3" s="470"/>
      <c r="CI3" s="470"/>
      <c r="CJ3" s="470"/>
      <c r="CK3" s="471"/>
      <c r="CL3" s="469" t="s">
        <v>78</v>
      </c>
      <c r="CM3" s="470"/>
      <c r="CN3" s="470"/>
      <c r="CO3" s="470"/>
      <c r="CP3" s="470"/>
      <c r="CQ3" s="470"/>
      <c r="CR3" s="470"/>
      <c r="CS3" s="470"/>
      <c r="CT3" s="470"/>
      <c r="CU3" s="470"/>
      <c r="CV3" s="471"/>
      <c r="CW3" s="469" t="s">
        <v>79</v>
      </c>
      <c r="CX3" s="470"/>
      <c r="CY3" s="470"/>
      <c r="CZ3" s="470"/>
      <c r="DA3" s="470"/>
      <c r="DB3" s="470"/>
      <c r="DC3" s="470"/>
      <c r="DD3" s="470"/>
      <c r="DE3" s="470"/>
      <c r="DF3" s="470"/>
      <c r="DG3" s="471"/>
      <c r="DH3" s="469" t="s">
        <v>152</v>
      </c>
      <c r="DI3" s="470"/>
      <c r="DJ3" s="470"/>
      <c r="DK3" s="470"/>
      <c r="DL3" s="470"/>
      <c r="DM3" s="470"/>
      <c r="DN3" s="470"/>
      <c r="DO3" s="470"/>
      <c r="DP3" s="470"/>
      <c r="DQ3" s="470"/>
      <c r="DR3" s="471"/>
      <c r="DS3" s="469" t="s">
        <v>80</v>
      </c>
      <c r="DT3" s="470"/>
      <c r="DU3" s="470"/>
      <c r="DV3" s="470"/>
      <c r="DW3" s="470"/>
      <c r="DX3" s="470"/>
      <c r="DY3" s="470"/>
      <c r="DZ3" s="470"/>
      <c r="EA3" s="470"/>
      <c r="EB3" s="470"/>
      <c r="EC3" s="471"/>
      <c r="ED3" s="469" t="s">
        <v>68</v>
      </c>
      <c r="EE3" s="470"/>
      <c r="EF3" s="470"/>
      <c r="EG3" s="470"/>
      <c r="EH3" s="470"/>
      <c r="EI3" s="470"/>
      <c r="EJ3" s="470"/>
      <c r="EK3" s="470"/>
      <c r="EL3" s="470"/>
      <c r="EM3" s="470"/>
      <c r="EN3" s="471"/>
      <c r="EO3" s="472" t="s">
        <v>69</v>
      </c>
      <c r="EP3" s="473"/>
      <c r="EQ3" s="473"/>
      <c r="ER3" s="473"/>
      <c r="ES3" s="473"/>
      <c r="ET3" s="473"/>
      <c r="EU3" s="473"/>
      <c r="EV3" s="473"/>
      <c r="EW3" s="473"/>
      <c r="EX3" s="473"/>
      <c r="EY3" s="474"/>
    </row>
    <row r="4" spans="1:155" ht="22.5" customHeight="1" x14ac:dyDescent="0.2">
      <c r="A4" s="467"/>
      <c r="B4" s="461" t="s">
        <v>61</v>
      </c>
      <c r="C4" s="462"/>
      <c r="D4" s="463"/>
      <c r="E4" s="464" t="s">
        <v>62</v>
      </c>
      <c r="F4" s="462"/>
      <c r="G4" s="462"/>
      <c r="H4" s="462"/>
      <c r="I4" s="462"/>
      <c r="J4" s="462"/>
      <c r="K4" s="465"/>
      <c r="L4" s="459" t="s">
        <v>52</v>
      </c>
      <c r="M4" s="461" t="s">
        <v>61</v>
      </c>
      <c r="N4" s="462"/>
      <c r="O4" s="463"/>
      <c r="P4" s="464" t="s">
        <v>62</v>
      </c>
      <c r="Q4" s="462"/>
      <c r="R4" s="462"/>
      <c r="S4" s="462"/>
      <c r="T4" s="462"/>
      <c r="U4" s="462"/>
      <c r="V4" s="463"/>
      <c r="W4" s="459" t="s">
        <v>52</v>
      </c>
      <c r="X4" s="461" t="s">
        <v>61</v>
      </c>
      <c r="Y4" s="462"/>
      <c r="Z4" s="463"/>
      <c r="AA4" s="464" t="s">
        <v>62</v>
      </c>
      <c r="AB4" s="462"/>
      <c r="AC4" s="462"/>
      <c r="AD4" s="462"/>
      <c r="AE4" s="462"/>
      <c r="AF4" s="462"/>
      <c r="AG4" s="463"/>
      <c r="AH4" s="459" t="s">
        <v>52</v>
      </c>
      <c r="AI4" s="461" t="s">
        <v>61</v>
      </c>
      <c r="AJ4" s="462"/>
      <c r="AK4" s="463"/>
      <c r="AL4" s="464" t="s">
        <v>62</v>
      </c>
      <c r="AM4" s="462"/>
      <c r="AN4" s="462"/>
      <c r="AO4" s="462"/>
      <c r="AP4" s="462"/>
      <c r="AQ4" s="462"/>
      <c r="AR4" s="463"/>
      <c r="AS4" s="459" t="s">
        <v>52</v>
      </c>
      <c r="AT4" s="461" t="s">
        <v>61</v>
      </c>
      <c r="AU4" s="462"/>
      <c r="AV4" s="463"/>
      <c r="AW4" s="464" t="s">
        <v>62</v>
      </c>
      <c r="AX4" s="462"/>
      <c r="AY4" s="462"/>
      <c r="AZ4" s="462"/>
      <c r="BA4" s="462"/>
      <c r="BB4" s="462"/>
      <c r="BC4" s="465"/>
      <c r="BD4" s="459" t="s">
        <v>52</v>
      </c>
      <c r="BE4" s="461" t="s">
        <v>61</v>
      </c>
      <c r="BF4" s="462"/>
      <c r="BG4" s="463"/>
      <c r="BH4" s="464" t="s">
        <v>62</v>
      </c>
      <c r="BI4" s="462"/>
      <c r="BJ4" s="462"/>
      <c r="BK4" s="462"/>
      <c r="BL4" s="462"/>
      <c r="BM4" s="462"/>
      <c r="BN4" s="463"/>
      <c r="BO4" s="459" t="s">
        <v>52</v>
      </c>
      <c r="BP4" s="461" t="s">
        <v>61</v>
      </c>
      <c r="BQ4" s="462"/>
      <c r="BR4" s="463"/>
      <c r="BS4" s="464" t="s">
        <v>62</v>
      </c>
      <c r="BT4" s="462"/>
      <c r="BU4" s="462"/>
      <c r="BV4" s="462"/>
      <c r="BW4" s="462"/>
      <c r="BX4" s="462"/>
      <c r="BY4" s="463"/>
      <c r="BZ4" s="459" t="s">
        <v>52</v>
      </c>
      <c r="CA4" s="461" t="s">
        <v>61</v>
      </c>
      <c r="CB4" s="462"/>
      <c r="CC4" s="463"/>
      <c r="CD4" s="464" t="s">
        <v>62</v>
      </c>
      <c r="CE4" s="462"/>
      <c r="CF4" s="462"/>
      <c r="CG4" s="462"/>
      <c r="CH4" s="462"/>
      <c r="CI4" s="462"/>
      <c r="CJ4" s="463"/>
      <c r="CK4" s="459" t="s">
        <v>52</v>
      </c>
      <c r="CL4" s="461" t="s">
        <v>61</v>
      </c>
      <c r="CM4" s="462"/>
      <c r="CN4" s="463"/>
      <c r="CO4" s="464" t="s">
        <v>62</v>
      </c>
      <c r="CP4" s="462"/>
      <c r="CQ4" s="462"/>
      <c r="CR4" s="462"/>
      <c r="CS4" s="462"/>
      <c r="CT4" s="462"/>
      <c r="CU4" s="463"/>
      <c r="CV4" s="459" t="s">
        <v>52</v>
      </c>
      <c r="CW4" s="461" t="s">
        <v>61</v>
      </c>
      <c r="CX4" s="462"/>
      <c r="CY4" s="463"/>
      <c r="CZ4" s="464" t="s">
        <v>62</v>
      </c>
      <c r="DA4" s="462"/>
      <c r="DB4" s="462"/>
      <c r="DC4" s="462"/>
      <c r="DD4" s="462"/>
      <c r="DE4" s="462"/>
      <c r="DF4" s="463"/>
      <c r="DG4" s="459" t="s">
        <v>52</v>
      </c>
      <c r="DH4" s="461" t="s">
        <v>61</v>
      </c>
      <c r="DI4" s="462"/>
      <c r="DJ4" s="463"/>
      <c r="DK4" s="464" t="s">
        <v>62</v>
      </c>
      <c r="DL4" s="462"/>
      <c r="DM4" s="462"/>
      <c r="DN4" s="462"/>
      <c r="DO4" s="462"/>
      <c r="DP4" s="462"/>
      <c r="DQ4" s="463"/>
      <c r="DR4" s="459" t="s">
        <v>52</v>
      </c>
      <c r="DS4" s="461" t="s">
        <v>61</v>
      </c>
      <c r="DT4" s="462"/>
      <c r="DU4" s="463"/>
      <c r="DV4" s="464" t="s">
        <v>62</v>
      </c>
      <c r="DW4" s="462"/>
      <c r="DX4" s="462"/>
      <c r="DY4" s="462"/>
      <c r="DZ4" s="462"/>
      <c r="EA4" s="462"/>
      <c r="EB4" s="463"/>
      <c r="EC4" s="459" t="s">
        <v>52</v>
      </c>
      <c r="ED4" s="461" t="s">
        <v>61</v>
      </c>
      <c r="EE4" s="462"/>
      <c r="EF4" s="463"/>
      <c r="EG4" s="464" t="s">
        <v>62</v>
      </c>
      <c r="EH4" s="462"/>
      <c r="EI4" s="462"/>
      <c r="EJ4" s="462"/>
      <c r="EK4" s="462"/>
      <c r="EL4" s="462"/>
      <c r="EM4" s="463"/>
      <c r="EN4" s="459" t="s">
        <v>52</v>
      </c>
      <c r="EO4" s="461" t="s">
        <v>61</v>
      </c>
      <c r="EP4" s="462"/>
      <c r="EQ4" s="463"/>
      <c r="ER4" s="464" t="s">
        <v>62</v>
      </c>
      <c r="ES4" s="462"/>
      <c r="ET4" s="462"/>
      <c r="EU4" s="462"/>
      <c r="EV4" s="462"/>
      <c r="EW4" s="462"/>
      <c r="EX4" s="463"/>
      <c r="EY4" s="459" t="s">
        <v>52</v>
      </c>
    </row>
    <row r="5" spans="1:155" ht="34.5" customHeight="1" thickBot="1" x14ac:dyDescent="0.25">
      <c r="A5" s="468"/>
      <c r="B5" s="398" t="s">
        <v>43</v>
      </c>
      <c r="C5" s="298" t="s">
        <v>44</v>
      </c>
      <c r="D5" s="299" t="s">
        <v>45</v>
      </c>
      <c r="E5" s="300" t="s">
        <v>83</v>
      </c>
      <c r="F5" s="292" t="s">
        <v>47</v>
      </c>
      <c r="G5" s="292" t="s">
        <v>48</v>
      </c>
      <c r="H5" s="292" t="s">
        <v>49</v>
      </c>
      <c r="I5" s="292" t="s">
        <v>50</v>
      </c>
      <c r="J5" s="292" t="s">
        <v>51</v>
      </c>
      <c r="K5" s="301" t="s">
        <v>45</v>
      </c>
      <c r="L5" s="460"/>
      <c r="M5" s="398" t="s">
        <v>43</v>
      </c>
      <c r="N5" s="292" t="s">
        <v>44</v>
      </c>
      <c r="O5" s="298" t="s">
        <v>45</v>
      </c>
      <c r="P5" s="300" t="s">
        <v>83</v>
      </c>
      <c r="Q5" s="292" t="s">
        <v>47</v>
      </c>
      <c r="R5" s="292" t="s">
        <v>48</v>
      </c>
      <c r="S5" s="292" t="s">
        <v>49</v>
      </c>
      <c r="T5" s="292" t="s">
        <v>50</v>
      </c>
      <c r="U5" s="292" t="s">
        <v>51</v>
      </c>
      <c r="V5" s="298" t="s">
        <v>45</v>
      </c>
      <c r="W5" s="460"/>
      <c r="X5" s="398" t="s">
        <v>43</v>
      </c>
      <c r="Y5" s="292" t="s">
        <v>44</v>
      </c>
      <c r="Z5" s="298" t="s">
        <v>45</v>
      </c>
      <c r="AA5" s="300" t="s">
        <v>83</v>
      </c>
      <c r="AB5" s="292" t="s">
        <v>47</v>
      </c>
      <c r="AC5" s="292" t="s">
        <v>48</v>
      </c>
      <c r="AD5" s="292" t="s">
        <v>49</v>
      </c>
      <c r="AE5" s="292" t="s">
        <v>50</v>
      </c>
      <c r="AF5" s="292" t="s">
        <v>51</v>
      </c>
      <c r="AG5" s="298" t="s">
        <v>45</v>
      </c>
      <c r="AH5" s="460"/>
      <c r="AI5" s="398" t="s">
        <v>43</v>
      </c>
      <c r="AJ5" s="292" t="s">
        <v>44</v>
      </c>
      <c r="AK5" s="298" t="s">
        <v>45</v>
      </c>
      <c r="AL5" s="300" t="s">
        <v>83</v>
      </c>
      <c r="AM5" s="292" t="s">
        <v>47</v>
      </c>
      <c r="AN5" s="292" t="s">
        <v>48</v>
      </c>
      <c r="AO5" s="292" t="s">
        <v>49</v>
      </c>
      <c r="AP5" s="292" t="s">
        <v>50</v>
      </c>
      <c r="AQ5" s="292" t="s">
        <v>51</v>
      </c>
      <c r="AR5" s="298" t="s">
        <v>45</v>
      </c>
      <c r="AS5" s="460"/>
      <c r="AT5" s="398" t="s">
        <v>43</v>
      </c>
      <c r="AU5" s="292" t="s">
        <v>44</v>
      </c>
      <c r="AV5" s="298" t="s">
        <v>45</v>
      </c>
      <c r="AW5" s="300" t="s">
        <v>83</v>
      </c>
      <c r="AX5" s="292" t="s">
        <v>47</v>
      </c>
      <c r="AY5" s="292" t="s">
        <v>48</v>
      </c>
      <c r="AZ5" s="292" t="s">
        <v>49</v>
      </c>
      <c r="BA5" s="292" t="s">
        <v>50</v>
      </c>
      <c r="BB5" s="292" t="s">
        <v>51</v>
      </c>
      <c r="BC5" s="301" t="s">
        <v>45</v>
      </c>
      <c r="BD5" s="460"/>
      <c r="BE5" s="398" t="s">
        <v>43</v>
      </c>
      <c r="BF5" s="292" t="s">
        <v>44</v>
      </c>
      <c r="BG5" s="298" t="s">
        <v>45</v>
      </c>
      <c r="BH5" s="300" t="s">
        <v>83</v>
      </c>
      <c r="BI5" s="292" t="s">
        <v>47</v>
      </c>
      <c r="BJ5" s="292" t="s">
        <v>48</v>
      </c>
      <c r="BK5" s="292" t="s">
        <v>49</v>
      </c>
      <c r="BL5" s="292" t="s">
        <v>50</v>
      </c>
      <c r="BM5" s="292" t="s">
        <v>51</v>
      </c>
      <c r="BN5" s="298" t="s">
        <v>45</v>
      </c>
      <c r="BO5" s="460"/>
      <c r="BP5" s="398" t="s">
        <v>43</v>
      </c>
      <c r="BQ5" s="292" t="s">
        <v>44</v>
      </c>
      <c r="BR5" s="298" t="s">
        <v>45</v>
      </c>
      <c r="BS5" s="300" t="s">
        <v>83</v>
      </c>
      <c r="BT5" s="292" t="s">
        <v>47</v>
      </c>
      <c r="BU5" s="292" t="s">
        <v>48</v>
      </c>
      <c r="BV5" s="292" t="s">
        <v>49</v>
      </c>
      <c r="BW5" s="292" t="s">
        <v>50</v>
      </c>
      <c r="BX5" s="292" t="s">
        <v>51</v>
      </c>
      <c r="BY5" s="298" t="s">
        <v>45</v>
      </c>
      <c r="BZ5" s="460"/>
      <c r="CA5" s="398" t="s">
        <v>43</v>
      </c>
      <c r="CB5" s="292" t="s">
        <v>44</v>
      </c>
      <c r="CC5" s="298" t="s">
        <v>45</v>
      </c>
      <c r="CD5" s="300" t="s">
        <v>83</v>
      </c>
      <c r="CE5" s="292" t="s">
        <v>47</v>
      </c>
      <c r="CF5" s="292" t="s">
        <v>48</v>
      </c>
      <c r="CG5" s="292" t="s">
        <v>49</v>
      </c>
      <c r="CH5" s="292" t="s">
        <v>50</v>
      </c>
      <c r="CI5" s="292" t="s">
        <v>51</v>
      </c>
      <c r="CJ5" s="298" t="s">
        <v>45</v>
      </c>
      <c r="CK5" s="460"/>
      <c r="CL5" s="398" t="s">
        <v>43</v>
      </c>
      <c r="CM5" s="292" t="s">
        <v>44</v>
      </c>
      <c r="CN5" s="298" t="s">
        <v>45</v>
      </c>
      <c r="CO5" s="300" t="s">
        <v>83</v>
      </c>
      <c r="CP5" s="292" t="s">
        <v>47</v>
      </c>
      <c r="CQ5" s="292" t="s">
        <v>48</v>
      </c>
      <c r="CR5" s="292" t="s">
        <v>49</v>
      </c>
      <c r="CS5" s="292" t="s">
        <v>50</v>
      </c>
      <c r="CT5" s="292" t="s">
        <v>51</v>
      </c>
      <c r="CU5" s="298" t="s">
        <v>45</v>
      </c>
      <c r="CV5" s="460"/>
      <c r="CW5" s="398" t="s">
        <v>43</v>
      </c>
      <c r="CX5" s="292" t="s">
        <v>44</v>
      </c>
      <c r="CY5" s="298" t="s">
        <v>45</v>
      </c>
      <c r="CZ5" s="300" t="s">
        <v>83</v>
      </c>
      <c r="DA5" s="292" t="s">
        <v>47</v>
      </c>
      <c r="DB5" s="292" t="s">
        <v>48</v>
      </c>
      <c r="DC5" s="292" t="s">
        <v>49</v>
      </c>
      <c r="DD5" s="292" t="s">
        <v>50</v>
      </c>
      <c r="DE5" s="292" t="s">
        <v>51</v>
      </c>
      <c r="DF5" s="298" t="s">
        <v>45</v>
      </c>
      <c r="DG5" s="460"/>
      <c r="DH5" s="398" t="s">
        <v>43</v>
      </c>
      <c r="DI5" s="292" t="s">
        <v>44</v>
      </c>
      <c r="DJ5" s="298" t="s">
        <v>45</v>
      </c>
      <c r="DK5" s="300" t="s">
        <v>83</v>
      </c>
      <c r="DL5" s="292" t="s">
        <v>47</v>
      </c>
      <c r="DM5" s="292" t="s">
        <v>48</v>
      </c>
      <c r="DN5" s="292" t="s">
        <v>49</v>
      </c>
      <c r="DO5" s="292" t="s">
        <v>50</v>
      </c>
      <c r="DP5" s="292" t="s">
        <v>51</v>
      </c>
      <c r="DQ5" s="298" t="s">
        <v>45</v>
      </c>
      <c r="DR5" s="460"/>
      <c r="DS5" s="398" t="s">
        <v>43</v>
      </c>
      <c r="DT5" s="292" t="s">
        <v>44</v>
      </c>
      <c r="DU5" s="298" t="s">
        <v>45</v>
      </c>
      <c r="DV5" s="300" t="s">
        <v>83</v>
      </c>
      <c r="DW5" s="292" t="s">
        <v>47</v>
      </c>
      <c r="DX5" s="292" t="s">
        <v>48</v>
      </c>
      <c r="DY5" s="292" t="s">
        <v>49</v>
      </c>
      <c r="DZ5" s="292" t="s">
        <v>50</v>
      </c>
      <c r="EA5" s="292" t="s">
        <v>51</v>
      </c>
      <c r="EB5" s="298" t="s">
        <v>45</v>
      </c>
      <c r="EC5" s="460"/>
      <c r="ED5" s="398" t="s">
        <v>43</v>
      </c>
      <c r="EE5" s="292" t="s">
        <v>44</v>
      </c>
      <c r="EF5" s="298" t="s">
        <v>45</v>
      </c>
      <c r="EG5" s="300" t="s">
        <v>83</v>
      </c>
      <c r="EH5" s="292" t="s">
        <v>47</v>
      </c>
      <c r="EI5" s="292" t="s">
        <v>48</v>
      </c>
      <c r="EJ5" s="292" t="s">
        <v>49</v>
      </c>
      <c r="EK5" s="292" t="s">
        <v>50</v>
      </c>
      <c r="EL5" s="292" t="s">
        <v>51</v>
      </c>
      <c r="EM5" s="298" t="s">
        <v>45</v>
      </c>
      <c r="EN5" s="460"/>
      <c r="EO5" s="398" t="s">
        <v>43</v>
      </c>
      <c r="EP5" s="292" t="s">
        <v>44</v>
      </c>
      <c r="EQ5" s="298" t="s">
        <v>45</v>
      </c>
      <c r="ER5" s="300" t="s">
        <v>83</v>
      </c>
      <c r="ES5" s="292" t="s">
        <v>47</v>
      </c>
      <c r="ET5" s="292" t="s">
        <v>48</v>
      </c>
      <c r="EU5" s="292" t="s">
        <v>49</v>
      </c>
      <c r="EV5" s="292" t="s">
        <v>50</v>
      </c>
      <c r="EW5" s="292" t="s">
        <v>51</v>
      </c>
      <c r="EX5" s="298" t="s">
        <v>45</v>
      </c>
      <c r="EY5" s="460"/>
    </row>
    <row r="6" spans="1:155" ht="19.5" customHeight="1" x14ac:dyDescent="0.2">
      <c r="A6" s="293" t="s">
        <v>4</v>
      </c>
      <c r="B6" s="302">
        <v>0</v>
      </c>
      <c r="C6" s="303">
        <v>0</v>
      </c>
      <c r="D6" s="304">
        <v>0</v>
      </c>
      <c r="E6" s="305">
        <v>0</v>
      </c>
      <c r="F6" s="306">
        <v>1143</v>
      </c>
      <c r="G6" s="306">
        <v>1215</v>
      </c>
      <c r="H6" s="306">
        <v>648</v>
      </c>
      <c r="I6" s="306">
        <v>553</v>
      </c>
      <c r="J6" s="306">
        <v>423</v>
      </c>
      <c r="K6" s="307">
        <v>3982</v>
      </c>
      <c r="L6" s="308">
        <v>3982</v>
      </c>
      <c r="M6" s="302">
        <v>0</v>
      </c>
      <c r="N6" s="306">
        <v>2</v>
      </c>
      <c r="O6" s="303">
        <v>2</v>
      </c>
      <c r="P6" s="305">
        <v>0</v>
      </c>
      <c r="Q6" s="306">
        <v>13</v>
      </c>
      <c r="R6" s="306">
        <v>32</v>
      </c>
      <c r="S6" s="306">
        <v>61</v>
      </c>
      <c r="T6" s="306">
        <v>125</v>
      </c>
      <c r="U6" s="306">
        <v>210</v>
      </c>
      <c r="V6" s="303">
        <v>441</v>
      </c>
      <c r="W6" s="308">
        <v>443</v>
      </c>
      <c r="X6" s="302">
        <v>191</v>
      </c>
      <c r="Y6" s="306">
        <v>411</v>
      </c>
      <c r="Z6" s="303">
        <v>602</v>
      </c>
      <c r="AA6" s="305">
        <v>0</v>
      </c>
      <c r="AB6" s="306">
        <v>791</v>
      </c>
      <c r="AC6" s="306">
        <v>1106</v>
      </c>
      <c r="AD6" s="306">
        <v>617</v>
      </c>
      <c r="AE6" s="306">
        <v>559</v>
      </c>
      <c r="AF6" s="306">
        <v>413</v>
      </c>
      <c r="AG6" s="303">
        <v>3486</v>
      </c>
      <c r="AH6" s="308">
        <v>4088</v>
      </c>
      <c r="AI6" s="302">
        <v>19</v>
      </c>
      <c r="AJ6" s="306">
        <v>46</v>
      </c>
      <c r="AK6" s="303">
        <v>65</v>
      </c>
      <c r="AL6" s="305">
        <v>0</v>
      </c>
      <c r="AM6" s="306">
        <v>84</v>
      </c>
      <c r="AN6" s="306">
        <v>143</v>
      </c>
      <c r="AO6" s="306">
        <v>99</v>
      </c>
      <c r="AP6" s="306">
        <v>74</v>
      </c>
      <c r="AQ6" s="306">
        <v>48</v>
      </c>
      <c r="AR6" s="303">
        <v>448</v>
      </c>
      <c r="AS6" s="308">
        <v>513</v>
      </c>
      <c r="AT6" s="302">
        <v>296</v>
      </c>
      <c r="AU6" s="306">
        <v>323</v>
      </c>
      <c r="AV6" s="303">
        <v>619</v>
      </c>
      <c r="AW6" s="305">
        <v>0</v>
      </c>
      <c r="AX6" s="306">
        <v>1172</v>
      </c>
      <c r="AY6" s="306">
        <v>1496</v>
      </c>
      <c r="AZ6" s="306">
        <v>1235</v>
      </c>
      <c r="BA6" s="306">
        <v>1287</v>
      </c>
      <c r="BB6" s="306">
        <v>992</v>
      </c>
      <c r="BC6" s="307">
        <v>6182</v>
      </c>
      <c r="BD6" s="308">
        <v>6801</v>
      </c>
      <c r="BE6" s="302">
        <v>0</v>
      </c>
      <c r="BF6" s="306">
        <v>0</v>
      </c>
      <c r="BG6" s="303">
        <v>0</v>
      </c>
      <c r="BH6" s="305">
        <v>0</v>
      </c>
      <c r="BI6" s="306">
        <v>1264</v>
      </c>
      <c r="BJ6" s="306">
        <v>1173</v>
      </c>
      <c r="BK6" s="306">
        <v>536</v>
      </c>
      <c r="BL6" s="306">
        <v>345</v>
      </c>
      <c r="BM6" s="306">
        <v>139</v>
      </c>
      <c r="BN6" s="303">
        <v>3457</v>
      </c>
      <c r="BO6" s="308">
        <v>3457</v>
      </c>
      <c r="BP6" s="302">
        <v>111</v>
      </c>
      <c r="BQ6" s="306">
        <v>155</v>
      </c>
      <c r="BR6" s="303">
        <v>266</v>
      </c>
      <c r="BS6" s="305">
        <v>0</v>
      </c>
      <c r="BT6" s="306">
        <v>308</v>
      </c>
      <c r="BU6" s="306">
        <v>454</v>
      </c>
      <c r="BV6" s="306">
        <v>258</v>
      </c>
      <c r="BW6" s="306">
        <v>186</v>
      </c>
      <c r="BX6" s="306">
        <v>68</v>
      </c>
      <c r="BY6" s="303">
        <v>1274</v>
      </c>
      <c r="BZ6" s="308">
        <v>1540</v>
      </c>
      <c r="CA6" s="302">
        <v>3</v>
      </c>
      <c r="CB6" s="306">
        <v>13</v>
      </c>
      <c r="CC6" s="303">
        <v>16</v>
      </c>
      <c r="CD6" s="305">
        <v>0</v>
      </c>
      <c r="CE6" s="306">
        <v>117</v>
      </c>
      <c r="CF6" s="306">
        <v>184</v>
      </c>
      <c r="CG6" s="306">
        <v>235</v>
      </c>
      <c r="CH6" s="306">
        <v>174</v>
      </c>
      <c r="CI6" s="306">
        <v>88</v>
      </c>
      <c r="CJ6" s="303">
        <v>798</v>
      </c>
      <c r="CK6" s="308">
        <v>814</v>
      </c>
      <c r="CL6" s="302">
        <v>0</v>
      </c>
      <c r="CM6" s="306">
        <v>3</v>
      </c>
      <c r="CN6" s="303">
        <v>3</v>
      </c>
      <c r="CO6" s="305">
        <v>0</v>
      </c>
      <c r="CP6" s="306">
        <v>19</v>
      </c>
      <c r="CQ6" s="306">
        <v>42</v>
      </c>
      <c r="CR6" s="306">
        <v>38</v>
      </c>
      <c r="CS6" s="306">
        <v>43</v>
      </c>
      <c r="CT6" s="306">
        <v>32</v>
      </c>
      <c r="CU6" s="303">
        <v>174</v>
      </c>
      <c r="CV6" s="308">
        <v>177</v>
      </c>
      <c r="CW6" s="302">
        <v>0</v>
      </c>
      <c r="CX6" s="306">
        <v>0</v>
      </c>
      <c r="CY6" s="303">
        <v>0</v>
      </c>
      <c r="CZ6" s="305">
        <v>0</v>
      </c>
      <c r="DA6" s="306">
        <v>0</v>
      </c>
      <c r="DB6" s="306">
        <v>0</v>
      </c>
      <c r="DC6" s="306">
        <v>0</v>
      </c>
      <c r="DD6" s="306">
        <v>0</v>
      </c>
      <c r="DE6" s="306">
        <v>0</v>
      </c>
      <c r="DF6" s="303">
        <v>0</v>
      </c>
      <c r="DG6" s="308">
        <v>0</v>
      </c>
      <c r="DH6" s="302">
        <v>0</v>
      </c>
      <c r="DI6" s="306">
        <v>0</v>
      </c>
      <c r="DJ6" s="303">
        <v>0</v>
      </c>
      <c r="DK6" s="305">
        <v>0</v>
      </c>
      <c r="DL6" s="306">
        <v>0</v>
      </c>
      <c r="DM6" s="306">
        <v>0</v>
      </c>
      <c r="DN6" s="306">
        <v>0</v>
      </c>
      <c r="DO6" s="306">
        <v>0</v>
      </c>
      <c r="DP6" s="306">
        <v>0</v>
      </c>
      <c r="DQ6" s="303">
        <v>0</v>
      </c>
      <c r="DR6" s="308">
        <v>0</v>
      </c>
      <c r="DS6" s="302">
        <v>520</v>
      </c>
      <c r="DT6" s="306">
        <v>1129</v>
      </c>
      <c r="DU6" s="303">
        <v>1649</v>
      </c>
      <c r="DV6" s="305">
        <v>0</v>
      </c>
      <c r="DW6" s="306">
        <v>1500</v>
      </c>
      <c r="DX6" s="306">
        <v>2586</v>
      </c>
      <c r="DY6" s="306">
        <v>1466</v>
      </c>
      <c r="DZ6" s="306">
        <v>1183</v>
      </c>
      <c r="EA6" s="306">
        <v>734</v>
      </c>
      <c r="EB6" s="303">
        <v>7469</v>
      </c>
      <c r="EC6" s="308">
        <v>9118</v>
      </c>
      <c r="ED6" s="302">
        <v>208</v>
      </c>
      <c r="EE6" s="306">
        <v>188</v>
      </c>
      <c r="EF6" s="303">
        <v>396</v>
      </c>
      <c r="EG6" s="305">
        <v>0</v>
      </c>
      <c r="EH6" s="306">
        <v>574</v>
      </c>
      <c r="EI6" s="306">
        <v>619</v>
      </c>
      <c r="EJ6" s="306">
        <v>530</v>
      </c>
      <c r="EK6" s="306">
        <v>582</v>
      </c>
      <c r="EL6" s="306">
        <v>396</v>
      </c>
      <c r="EM6" s="303">
        <v>2701</v>
      </c>
      <c r="EN6" s="308">
        <v>3097</v>
      </c>
      <c r="EO6" s="302">
        <v>766</v>
      </c>
      <c r="EP6" s="306">
        <v>1465</v>
      </c>
      <c r="EQ6" s="303">
        <v>2231</v>
      </c>
      <c r="ER6" s="305">
        <v>0</v>
      </c>
      <c r="ES6" s="306">
        <v>3525</v>
      </c>
      <c r="ET6" s="306">
        <v>3750</v>
      </c>
      <c r="EU6" s="306">
        <v>1814</v>
      </c>
      <c r="EV6" s="306">
        <v>1328</v>
      </c>
      <c r="EW6" s="306">
        <v>786</v>
      </c>
      <c r="EX6" s="303">
        <v>11203</v>
      </c>
      <c r="EY6" s="308">
        <v>13434</v>
      </c>
    </row>
    <row r="7" spans="1:155" ht="19.5" customHeight="1" x14ac:dyDescent="0.2">
      <c r="A7" s="294" t="s">
        <v>5</v>
      </c>
      <c r="B7" s="309">
        <v>0</v>
      </c>
      <c r="C7" s="310">
        <v>0</v>
      </c>
      <c r="D7" s="311">
        <v>0</v>
      </c>
      <c r="E7" s="312">
        <v>0</v>
      </c>
      <c r="F7" s="313">
        <v>464</v>
      </c>
      <c r="G7" s="313">
        <v>671</v>
      </c>
      <c r="H7" s="313">
        <v>286</v>
      </c>
      <c r="I7" s="313">
        <v>225</v>
      </c>
      <c r="J7" s="313">
        <v>198</v>
      </c>
      <c r="K7" s="314">
        <v>1844</v>
      </c>
      <c r="L7" s="315">
        <v>1844</v>
      </c>
      <c r="M7" s="309">
        <v>0</v>
      </c>
      <c r="N7" s="313">
        <v>1</v>
      </c>
      <c r="O7" s="310">
        <v>1</v>
      </c>
      <c r="P7" s="312">
        <v>0</v>
      </c>
      <c r="Q7" s="313">
        <v>1</v>
      </c>
      <c r="R7" s="313">
        <v>13</v>
      </c>
      <c r="S7" s="313">
        <v>20</v>
      </c>
      <c r="T7" s="313">
        <v>54</v>
      </c>
      <c r="U7" s="313">
        <v>84</v>
      </c>
      <c r="V7" s="310">
        <v>172</v>
      </c>
      <c r="W7" s="315">
        <v>173</v>
      </c>
      <c r="X7" s="309">
        <v>86</v>
      </c>
      <c r="Y7" s="313">
        <v>225</v>
      </c>
      <c r="Z7" s="310">
        <v>311</v>
      </c>
      <c r="AA7" s="312">
        <v>0</v>
      </c>
      <c r="AB7" s="313">
        <v>314</v>
      </c>
      <c r="AC7" s="313">
        <v>616</v>
      </c>
      <c r="AD7" s="313">
        <v>296</v>
      </c>
      <c r="AE7" s="313">
        <v>250</v>
      </c>
      <c r="AF7" s="313">
        <v>199</v>
      </c>
      <c r="AG7" s="310">
        <v>1675</v>
      </c>
      <c r="AH7" s="315">
        <v>1986</v>
      </c>
      <c r="AI7" s="309">
        <v>11</v>
      </c>
      <c r="AJ7" s="313">
        <v>24</v>
      </c>
      <c r="AK7" s="310">
        <v>35</v>
      </c>
      <c r="AL7" s="312">
        <v>0</v>
      </c>
      <c r="AM7" s="313">
        <v>26</v>
      </c>
      <c r="AN7" s="313">
        <v>68</v>
      </c>
      <c r="AO7" s="313">
        <v>36</v>
      </c>
      <c r="AP7" s="313">
        <v>33</v>
      </c>
      <c r="AQ7" s="313">
        <v>18</v>
      </c>
      <c r="AR7" s="310">
        <v>181</v>
      </c>
      <c r="AS7" s="315">
        <v>216</v>
      </c>
      <c r="AT7" s="309">
        <v>129</v>
      </c>
      <c r="AU7" s="313">
        <v>166</v>
      </c>
      <c r="AV7" s="310">
        <v>295</v>
      </c>
      <c r="AW7" s="312">
        <v>0</v>
      </c>
      <c r="AX7" s="313">
        <v>475</v>
      </c>
      <c r="AY7" s="313">
        <v>742</v>
      </c>
      <c r="AZ7" s="313">
        <v>551</v>
      </c>
      <c r="BA7" s="313">
        <v>528</v>
      </c>
      <c r="BB7" s="313">
        <v>428</v>
      </c>
      <c r="BC7" s="314">
        <v>2724</v>
      </c>
      <c r="BD7" s="315">
        <v>3019</v>
      </c>
      <c r="BE7" s="309">
        <v>0</v>
      </c>
      <c r="BF7" s="313">
        <v>0</v>
      </c>
      <c r="BG7" s="310">
        <v>0</v>
      </c>
      <c r="BH7" s="312">
        <v>0</v>
      </c>
      <c r="BI7" s="313">
        <v>425</v>
      </c>
      <c r="BJ7" s="313">
        <v>516</v>
      </c>
      <c r="BK7" s="313">
        <v>220</v>
      </c>
      <c r="BL7" s="313">
        <v>120</v>
      </c>
      <c r="BM7" s="313">
        <v>66</v>
      </c>
      <c r="BN7" s="310">
        <v>1347</v>
      </c>
      <c r="BO7" s="315">
        <v>1347</v>
      </c>
      <c r="BP7" s="309">
        <v>66</v>
      </c>
      <c r="BQ7" s="313">
        <v>86</v>
      </c>
      <c r="BR7" s="310">
        <v>152</v>
      </c>
      <c r="BS7" s="312">
        <v>0</v>
      </c>
      <c r="BT7" s="313">
        <v>110</v>
      </c>
      <c r="BU7" s="313">
        <v>245</v>
      </c>
      <c r="BV7" s="313">
        <v>120</v>
      </c>
      <c r="BW7" s="313">
        <v>83</v>
      </c>
      <c r="BX7" s="313">
        <v>32</v>
      </c>
      <c r="BY7" s="310">
        <v>590</v>
      </c>
      <c r="BZ7" s="315">
        <v>742</v>
      </c>
      <c r="CA7" s="309">
        <v>0</v>
      </c>
      <c r="CB7" s="313">
        <v>6</v>
      </c>
      <c r="CC7" s="310">
        <v>6</v>
      </c>
      <c r="CD7" s="312">
        <v>0</v>
      </c>
      <c r="CE7" s="313">
        <v>38</v>
      </c>
      <c r="CF7" s="313">
        <v>75</v>
      </c>
      <c r="CG7" s="313">
        <v>89</v>
      </c>
      <c r="CH7" s="313">
        <v>62</v>
      </c>
      <c r="CI7" s="313">
        <v>36</v>
      </c>
      <c r="CJ7" s="310">
        <v>300</v>
      </c>
      <c r="CK7" s="315">
        <v>306</v>
      </c>
      <c r="CL7" s="309">
        <v>0</v>
      </c>
      <c r="CM7" s="313">
        <v>3</v>
      </c>
      <c r="CN7" s="310">
        <v>3</v>
      </c>
      <c r="CO7" s="312">
        <v>0</v>
      </c>
      <c r="CP7" s="313">
        <v>11</v>
      </c>
      <c r="CQ7" s="313">
        <v>23</v>
      </c>
      <c r="CR7" s="313">
        <v>19</v>
      </c>
      <c r="CS7" s="313">
        <v>25</v>
      </c>
      <c r="CT7" s="313">
        <v>24</v>
      </c>
      <c r="CU7" s="310">
        <v>102</v>
      </c>
      <c r="CV7" s="315">
        <v>105</v>
      </c>
      <c r="CW7" s="309">
        <v>0</v>
      </c>
      <c r="CX7" s="313">
        <v>0</v>
      </c>
      <c r="CY7" s="310">
        <v>0</v>
      </c>
      <c r="CZ7" s="312">
        <v>0</v>
      </c>
      <c r="DA7" s="313">
        <v>0</v>
      </c>
      <c r="DB7" s="313">
        <v>0</v>
      </c>
      <c r="DC7" s="313">
        <v>0</v>
      </c>
      <c r="DD7" s="313">
        <v>0</v>
      </c>
      <c r="DE7" s="313">
        <v>0</v>
      </c>
      <c r="DF7" s="310">
        <v>0</v>
      </c>
      <c r="DG7" s="315">
        <v>0</v>
      </c>
      <c r="DH7" s="309">
        <v>0</v>
      </c>
      <c r="DI7" s="313">
        <v>0</v>
      </c>
      <c r="DJ7" s="310">
        <v>0</v>
      </c>
      <c r="DK7" s="312">
        <v>0</v>
      </c>
      <c r="DL7" s="313">
        <v>0</v>
      </c>
      <c r="DM7" s="313">
        <v>0</v>
      </c>
      <c r="DN7" s="313">
        <v>0</v>
      </c>
      <c r="DO7" s="313">
        <v>0</v>
      </c>
      <c r="DP7" s="313">
        <v>0</v>
      </c>
      <c r="DQ7" s="310">
        <v>0</v>
      </c>
      <c r="DR7" s="315">
        <v>0</v>
      </c>
      <c r="DS7" s="309">
        <v>172</v>
      </c>
      <c r="DT7" s="313">
        <v>519</v>
      </c>
      <c r="DU7" s="310">
        <v>691</v>
      </c>
      <c r="DV7" s="312">
        <v>0</v>
      </c>
      <c r="DW7" s="313">
        <v>457</v>
      </c>
      <c r="DX7" s="313">
        <v>1227</v>
      </c>
      <c r="DY7" s="313">
        <v>618</v>
      </c>
      <c r="DZ7" s="313">
        <v>506</v>
      </c>
      <c r="EA7" s="313">
        <v>327</v>
      </c>
      <c r="EB7" s="310">
        <v>3135</v>
      </c>
      <c r="EC7" s="315">
        <v>3826</v>
      </c>
      <c r="ED7" s="309">
        <v>93</v>
      </c>
      <c r="EE7" s="313">
        <v>90</v>
      </c>
      <c r="EF7" s="310">
        <v>183</v>
      </c>
      <c r="EG7" s="312">
        <v>0</v>
      </c>
      <c r="EH7" s="313">
        <v>249</v>
      </c>
      <c r="EI7" s="313">
        <v>329</v>
      </c>
      <c r="EJ7" s="313">
        <v>246</v>
      </c>
      <c r="EK7" s="313">
        <v>245</v>
      </c>
      <c r="EL7" s="313">
        <v>174</v>
      </c>
      <c r="EM7" s="310">
        <v>1243</v>
      </c>
      <c r="EN7" s="315">
        <v>1426</v>
      </c>
      <c r="EO7" s="309">
        <v>305</v>
      </c>
      <c r="EP7" s="313">
        <v>720</v>
      </c>
      <c r="EQ7" s="310">
        <v>1025</v>
      </c>
      <c r="ER7" s="312">
        <v>0</v>
      </c>
      <c r="ES7" s="313">
        <v>1266</v>
      </c>
      <c r="ET7" s="313">
        <v>1843</v>
      </c>
      <c r="EU7" s="313">
        <v>778</v>
      </c>
      <c r="EV7" s="313">
        <v>558</v>
      </c>
      <c r="EW7" s="313">
        <v>361</v>
      </c>
      <c r="EX7" s="310">
        <v>4806</v>
      </c>
      <c r="EY7" s="315">
        <v>5831</v>
      </c>
    </row>
    <row r="8" spans="1:155" ht="19.5" customHeight="1" x14ac:dyDescent="0.2">
      <c r="A8" s="294" t="s">
        <v>6</v>
      </c>
      <c r="B8" s="309">
        <v>0</v>
      </c>
      <c r="C8" s="310">
        <v>0</v>
      </c>
      <c r="D8" s="311">
        <v>0</v>
      </c>
      <c r="E8" s="312">
        <v>0</v>
      </c>
      <c r="F8" s="313">
        <v>225</v>
      </c>
      <c r="G8" s="313">
        <v>163</v>
      </c>
      <c r="H8" s="313">
        <v>106</v>
      </c>
      <c r="I8" s="313">
        <v>110</v>
      </c>
      <c r="J8" s="313">
        <v>64</v>
      </c>
      <c r="K8" s="314">
        <v>668</v>
      </c>
      <c r="L8" s="315">
        <v>668</v>
      </c>
      <c r="M8" s="309">
        <v>0</v>
      </c>
      <c r="N8" s="313">
        <v>1</v>
      </c>
      <c r="O8" s="310">
        <v>1</v>
      </c>
      <c r="P8" s="312">
        <v>0</v>
      </c>
      <c r="Q8" s="313">
        <v>1</v>
      </c>
      <c r="R8" s="313">
        <v>4</v>
      </c>
      <c r="S8" s="313">
        <v>15</v>
      </c>
      <c r="T8" s="313">
        <v>22</v>
      </c>
      <c r="U8" s="313">
        <v>31</v>
      </c>
      <c r="V8" s="310">
        <v>73</v>
      </c>
      <c r="W8" s="315">
        <v>74</v>
      </c>
      <c r="X8" s="309">
        <v>30</v>
      </c>
      <c r="Y8" s="313">
        <v>69</v>
      </c>
      <c r="Z8" s="310">
        <v>99</v>
      </c>
      <c r="AA8" s="312">
        <v>0</v>
      </c>
      <c r="AB8" s="313">
        <v>168</v>
      </c>
      <c r="AC8" s="313">
        <v>153</v>
      </c>
      <c r="AD8" s="313">
        <v>99</v>
      </c>
      <c r="AE8" s="313">
        <v>94</v>
      </c>
      <c r="AF8" s="313">
        <v>61</v>
      </c>
      <c r="AG8" s="310">
        <v>575</v>
      </c>
      <c r="AH8" s="315">
        <v>674</v>
      </c>
      <c r="AI8" s="309">
        <v>1</v>
      </c>
      <c r="AJ8" s="313">
        <v>4</v>
      </c>
      <c r="AK8" s="310">
        <v>5</v>
      </c>
      <c r="AL8" s="312">
        <v>0</v>
      </c>
      <c r="AM8" s="313">
        <v>20</v>
      </c>
      <c r="AN8" s="313">
        <v>20</v>
      </c>
      <c r="AO8" s="313">
        <v>12</v>
      </c>
      <c r="AP8" s="313">
        <v>10</v>
      </c>
      <c r="AQ8" s="313">
        <v>4</v>
      </c>
      <c r="AR8" s="310">
        <v>66</v>
      </c>
      <c r="AS8" s="315">
        <v>71</v>
      </c>
      <c r="AT8" s="309">
        <v>47</v>
      </c>
      <c r="AU8" s="313">
        <v>55</v>
      </c>
      <c r="AV8" s="310">
        <v>102</v>
      </c>
      <c r="AW8" s="312">
        <v>0</v>
      </c>
      <c r="AX8" s="313">
        <v>222</v>
      </c>
      <c r="AY8" s="313">
        <v>257</v>
      </c>
      <c r="AZ8" s="313">
        <v>228</v>
      </c>
      <c r="BA8" s="313">
        <v>250</v>
      </c>
      <c r="BB8" s="313">
        <v>185</v>
      </c>
      <c r="BC8" s="314">
        <v>1142</v>
      </c>
      <c r="BD8" s="315">
        <v>1244</v>
      </c>
      <c r="BE8" s="309">
        <v>0</v>
      </c>
      <c r="BF8" s="313">
        <v>0</v>
      </c>
      <c r="BG8" s="310">
        <v>0</v>
      </c>
      <c r="BH8" s="312">
        <v>0</v>
      </c>
      <c r="BI8" s="313">
        <v>250</v>
      </c>
      <c r="BJ8" s="313">
        <v>164</v>
      </c>
      <c r="BK8" s="313">
        <v>84</v>
      </c>
      <c r="BL8" s="313">
        <v>67</v>
      </c>
      <c r="BM8" s="313">
        <v>21</v>
      </c>
      <c r="BN8" s="310">
        <v>586</v>
      </c>
      <c r="BO8" s="315">
        <v>586</v>
      </c>
      <c r="BP8" s="309">
        <v>6</v>
      </c>
      <c r="BQ8" s="313">
        <v>8</v>
      </c>
      <c r="BR8" s="310">
        <v>14</v>
      </c>
      <c r="BS8" s="312">
        <v>0</v>
      </c>
      <c r="BT8" s="313">
        <v>46</v>
      </c>
      <c r="BU8" s="313">
        <v>53</v>
      </c>
      <c r="BV8" s="313">
        <v>23</v>
      </c>
      <c r="BW8" s="313">
        <v>34</v>
      </c>
      <c r="BX8" s="313">
        <v>9</v>
      </c>
      <c r="BY8" s="310">
        <v>165</v>
      </c>
      <c r="BZ8" s="315">
        <v>179</v>
      </c>
      <c r="CA8" s="309">
        <v>0</v>
      </c>
      <c r="CB8" s="313">
        <v>0</v>
      </c>
      <c r="CC8" s="310">
        <v>0</v>
      </c>
      <c r="CD8" s="312">
        <v>0</v>
      </c>
      <c r="CE8" s="313">
        <v>16</v>
      </c>
      <c r="CF8" s="313">
        <v>24</v>
      </c>
      <c r="CG8" s="313">
        <v>34</v>
      </c>
      <c r="CH8" s="313">
        <v>27</v>
      </c>
      <c r="CI8" s="313">
        <v>16</v>
      </c>
      <c r="CJ8" s="310">
        <v>117</v>
      </c>
      <c r="CK8" s="315">
        <v>117</v>
      </c>
      <c r="CL8" s="309">
        <v>0</v>
      </c>
      <c r="CM8" s="313">
        <v>0</v>
      </c>
      <c r="CN8" s="310">
        <v>0</v>
      </c>
      <c r="CO8" s="312">
        <v>0</v>
      </c>
      <c r="CP8" s="313">
        <v>4</v>
      </c>
      <c r="CQ8" s="313">
        <v>3</v>
      </c>
      <c r="CR8" s="313">
        <v>6</v>
      </c>
      <c r="CS8" s="313">
        <v>6</v>
      </c>
      <c r="CT8" s="313">
        <v>3</v>
      </c>
      <c r="CU8" s="310">
        <v>22</v>
      </c>
      <c r="CV8" s="315">
        <v>22</v>
      </c>
      <c r="CW8" s="309">
        <v>0</v>
      </c>
      <c r="CX8" s="313">
        <v>0</v>
      </c>
      <c r="CY8" s="310">
        <v>0</v>
      </c>
      <c r="CZ8" s="312">
        <v>0</v>
      </c>
      <c r="DA8" s="313">
        <v>0</v>
      </c>
      <c r="DB8" s="313">
        <v>0</v>
      </c>
      <c r="DC8" s="313">
        <v>0</v>
      </c>
      <c r="DD8" s="313">
        <v>0</v>
      </c>
      <c r="DE8" s="313">
        <v>0</v>
      </c>
      <c r="DF8" s="310">
        <v>0</v>
      </c>
      <c r="DG8" s="315">
        <v>0</v>
      </c>
      <c r="DH8" s="309">
        <v>0</v>
      </c>
      <c r="DI8" s="313">
        <v>0</v>
      </c>
      <c r="DJ8" s="310">
        <v>0</v>
      </c>
      <c r="DK8" s="312">
        <v>0</v>
      </c>
      <c r="DL8" s="313">
        <v>0</v>
      </c>
      <c r="DM8" s="313">
        <v>0</v>
      </c>
      <c r="DN8" s="313">
        <v>0</v>
      </c>
      <c r="DO8" s="313">
        <v>0</v>
      </c>
      <c r="DP8" s="313">
        <v>0</v>
      </c>
      <c r="DQ8" s="310">
        <v>0</v>
      </c>
      <c r="DR8" s="315">
        <v>0</v>
      </c>
      <c r="DS8" s="309">
        <v>94</v>
      </c>
      <c r="DT8" s="313">
        <v>143</v>
      </c>
      <c r="DU8" s="310">
        <v>237</v>
      </c>
      <c r="DV8" s="312">
        <v>0</v>
      </c>
      <c r="DW8" s="313">
        <v>312</v>
      </c>
      <c r="DX8" s="313">
        <v>378</v>
      </c>
      <c r="DY8" s="313">
        <v>231</v>
      </c>
      <c r="DZ8" s="313">
        <v>194</v>
      </c>
      <c r="EA8" s="313">
        <v>110</v>
      </c>
      <c r="EB8" s="310">
        <v>1225</v>
      </c>
      <c r="EC8" s="315">
        <v>1462</v>
      </c>
      <c r="ED8" s="309">
        <v>30</v>
      </c>
      <c r="EE8" s="313">
        <v>24</v>
      </c>
      <c r="EF8" s="310">
        <v>54</v>
      </c>
      <c r="EG8" s="312">
        <v>0</v>
      </c>
      <c r="EH8" s="313">
        <v>88</v>
      </c>
      <c r="EI8" s="313">
        <v>92</v>
      </c>
      <c r="EJ8" s="313">
        <v>94</v>
      </c>
      <c r="EK8" s="313">
        <v>104</v>
      </c>
      <c r="EL8" s="313">
        <v>81</v>
      </c>
      <c r="EM8" s="310">
        <v>459</v>
      </c>
      <c r="EN8" s="315">
        <v>513</v>
      </c>
      <c r="EO8" s="309">
        <v>118</v>
      </c>
      <c r="EP8" s="313">
        <v>192</v>
      </c>
      <c r="EQ8" s="310">
        <v>310</v>
      </c>
      <c r="ER8" s="312">
        <v>0</v>
      </c>
      <c r="ES8" s="313">
        <v>698</v>
      </c>
      <c r="ET8" s="313">
        <v>544</v>
      </c>
      <c r="EU8" s="313">
        <v>295</v>
      </c>
      <c r="EV8" s="313">
        <v>242</v>
      </c>
      <c r="EW8" s="313">
        <v>121</v>
      </c>
      <c r="EX8" s="310">
        <v>1900</v>
      </c>
      <c r="EY8" s="315">
        <v>2210</v>
      </c>
    </row>
    <row r="9" spans="1:155" ht="19.5" customHeight="1" x14ac:dyDescent="0.2">
      <c r="A9" s="294" t="s">
        <v>14</v>
      </c>
      <c r="B9" s="309">
        <v>0</v>
      </c>
      <c r="C9" s="310">
        <v>0</v>
      </c>
      <c r="D9" s="311">
        <v>0</v>
      </c>
      <c r="E9" s="312">
        <v>0</v>
      </c>
      <c r="F9" s="313">
        <v>56</v>
      </c>
      <c r="G9" s="313">
        <v>53</v>
      </c>
      <c r="H9" s="313">
        <v>40</v>
      </c>
      <c r="I9" s="313">
        <v>34</v>
      </c>
      <c r="J9" s="313">
        <v>19</v>
      </c>
      <c r="K9" s="314">
        <v>202</v>
      </c>
      <c r="L9" s="315">
        <v>202</v>
      </c>
      <c r="M9" s="309">
        <v>0</v>
      </c>
      <c r="N9" s="313">
        <v>0</v>
      </c>
      <c r="O9" s="310">
        <v>0</v>
      </c>
      <c r="P9" s="312">
        <v>0</v>
      </c>
      <c r="Q9" s="313">
        <v>1</v>
      </c>
      <c r="R9" s="313">
        <v>0</v>
      </c>
      <c r="S9" s="313">
        <v>3</v>
      </c>
      <c r="T9" s="313">
        <v>10</v>
      </c>
      <c r="U9" s="313">
        <v>14</v>
      </c>
      <c r="V9" s="310">
        <v>28</v>
      </c>
      <c r="W9" s="315">
        <v>28</v>
      </c>
      <c r="X9" s="309">
        <v>6</v>
      </c>
      <c r="Y9" s="313">
        <v>24</v>
      </c>
      <c r="Z9" s="310">
        <v>30</v>
      </c>
      <c r="AA9" s="312">
        <v>0</v>
      </c>
      <c r="AB9" s="313">
        <v>38</v>
      </c>
      <c r="AC9" s="313">
        <v>49</v>
      </c>
      <c r="AD9" s="313">
        <v>38</v>
      </c>
      <c r="AE9" s="313">
        <v>42</v>
      </c>
      <c r="AF9" s="313">
        <v>21</v>
      </c>
      <c r="AG9" s="310">
        <v>188</v>
      </c>
      <c r="AH9" s="315">
        <v>218</v>
      </c>
      <c r="AI9" s="309">
        <v>0</v>
      </c>
      <c r="AJ9" s="313">
        <v>3</v>
      </c>
      <c r="AK9" s="310">
        <v>3</v>
      </c>
      <c r="AL9" s="312">
        <v>0</v>
      </c>
      <c r="AM9" s="313">
        <v>1</v>
      </c>
      <c r="AN9" s="313">
        <v>5</v>
      </c>
      <c r="AO9" s="313">
        <v>6</v>
      </c>
      <c r="AP9" s="313">
        <v>3</v>
      </c>
      <c r="AQ9" s="313">
        <v>1</v>
      </c>
      <c r="AR9" s="310">
        <v>16</v>
      </c>
      <c r="AS9" s="315">
        <v>19</v>
      </c>
      <c r="AT9" s="309">
        <v>17</v>
      </c>
      <c r="AU9" s="313">
        <v>21</v>
      </c>
      <c r="AV9" s="310">
        <v>38</v>
      </c>
      <c r="AW9" s="312">
        <v>0</v>
      </c>
      <c r="AX9" s="313">
        <v>64</v>
      </c>
      <c r="AY9" s="313">
        <v>67</v>
      </c>
      <c r="AZ9" s="313">
        <v>72</v>
      </c>
      <c r="BA9" s="313">
        <v>82</v>
      </c>
      <c r="BB9" s="313">
        <v>49</v>
      </c>
      <c r="BC9" s="314">
        <v>334</v>
      </c>
      <c r="BD9" s="315">
        <v>372</v>
      </c>
      <c r="BE9" s="309">
        <v>0</v>
      </c>
      <c r="BF9" s="313">
        <v>0</v>
      </c>
      <c r="BG9" s="310">
        <v>0</v>
      </c>
      <c r="BH9" s="312">
        <v>0</v>
      </c>
      <c r="BI9" s="313">
        <v>80</v>
      </c>
      <c r="BJ9" s="313">
        <v>76</v>
      </c>
      <c r="BK9" s="313">
        <v>47</v>
      </c>
      <c r="BL9" s="313">
        <v>33</v>
      </c>
      <c r="BM9" s="313">
        <v>13</v>
      </c>
      <c r="BN9" s="310">
        <v>249</v>
      </c>
      <c r="BO9" s="315">
        <v>249</v>
      </c>
      <c r="BP9" s="309">
        <v>3</v>
      </c>
      <c r="BQ9" s="313">
        <v>6</v>
      </c>
      <c r="BR9" s="310">
        <v>9</v>
      </c>
      <c r="BS9" s="312">
        <v>0</v>
      </c>
      <c r="BT9" s="313">
        <v>8</v>
      </c>
      <c r="BU9" s="313">
        <v>17</v>
      </c>
      <c r="BV9" s="313">
        <v>9</v>
      </c>
      <c r="BW9" s="313">
        <v>13</v>
      </c>
      <c r="BX9" s="313">
        <v>3</v>
      </c>
      <c r="BY9" s="310">
        <v>50</v>
      </c>
      <c r="BZ9" s="315">
        <v>59</v>
      </c>
      <c r="CA9" s="309">
        <v>0</v>
      </c>
      <c r="CB9" s="313">
        <v>2</v>
      </c>
      <c r="CC9" s="310">
        <v>2</v>
      </c>
      <c r="CD9" s="312">
        <v>0</v>
      </c>
      <c r="CE9" s="313">
        <v>8</v>
      </c>
      <c r="CF9" s="313">
        <v>15</v>
      </c>
      <c r="CG9" s="313">
        <v>15</v>
      </c>
      <c r="CH9" s="313">
        <v>19</v>
      </c>
      <c r="CI9" s="313">
        <v>7</v>
      </c>
      <c r="CJ9" s="310">
        <v>64</v>
      </c>
      <c r="CK9" s="315">
        <v>66</v>
      </c>
      <c r="CL9" s="309">
        <v>0</v>
      </c>
      <c r="CM9" s="313">
        <v>0</v>
      </c>
      <c r="CN9" s="310">
        <v>0</v>
      </c>
      <c r="CO9" s="312">
        <v>0</v>
      </c>
      <c r="CP9" s="313">
        <v>0</v>
      </c>
      <c r="CQ9" s="313">
        <v>1</v>
      </c>
      <c r="CR9" s="313">
        <v>1</v>
      </c>
      <c r="CS9" s="313">
        <v>2</v>
      </c>
      <c r="CT9" s="313">
        <v>0</v>
      </c>
      <c r="CU9" s="310">
        <v>4</v>
      </c>
      <c r="CV9" s="315">
        <v>4</v>
      </c>
      <c r="CW9" s="309">
        <v>0</v>
      </c>
      <c r="CX9" s="313">
        <v>0</v>
      </c>
      <c r="CY9" s="310">
        <v>0</v>
      </c>
      <c r="CZ9" s="312">
        <v>0</v>
      </c>
      <c r="DA9" s="313">
        <v>0</v>
      </c>
      <c r="DB9" s="313">
        <v>0</v>
      </c>
      <c r="DC9" s="313">
        <v>0</v>
      </c>
      <c r="DD9" s="313">
        <v>0</v>
      </c>
      <c r="DE9" s="313">
        <v>0</v>
      </c>
      <c r="DF9" s="310">
        <v>0</v>
      </c>
      <c r="DG9" s="315">
        <v>0</v>
      </c>
      <c r="DH9" s="309">
        <v>0</v>
      </c>
      <c r="DI9" s="313">
        <v>0</v>
      </c>
      <c r="DJ9" s="310">
        <v>0</v>
      </c>
      <c r="DK9" s="312">
        <v>0</v>
      </c>
      <c r="DL9" s="313">
        <v>0</v>
      </c>
      <c r="DM9" s="313">
        <v>0</v>
      </c>
      <c r="DN9" s="313">
        <v>0</v>
      </c>
      <c r="DO9" s="313">
        <v>0</v>
      </c>
      <c r="DP9" s="313">
        <v>0</v>
      </c>
      <c r="DQ9" s="310">
        <v>0</v>
      </c>
      <c r="DR9" s="315">
        <v>0</v>
      </c>
      <c r="DS9" s="309">
        <v>25</v>
      </c>
      <c r="DT9" s="313">
        <v>73</v>
      </c>
      <c r="DU9" s="310">
        <v>98</v>
      </c>
      <c r="DV9" s="312">
        <v>0</v>
      </c>
      <c r="DW9" s="313">
        <v>73</v>
      </c>
      <c r="DX9" s="313">
        <v>147</v>
      </c>
      <c r="DY9" s="313">
        <v>104</v>
      </c>
      <c r="DZ9" s="313">
        <v>96</v>
      </c>
      <c r="EA9" s="313">
        <v>47</v>
      </c>
      <c r="EB9" s="310">
        <v>467</v>
      </c>
      <c r="EC9" s="315">
        <v>565</v>
      </c>
      <c r="ED9" s="309">
        <v>10</v>
      </c>
      <c r="EE9" s="313">
        <v>15</v>
      </c>
      <c r="EF9" s="310">
        <v>25</v>
      </c>
      <c r="EG9" s="312">
        <v>0</v>
      </c>
      <c r="EH9" s="313">
        <v>24</v>
      </c>
      <c r="EI9" s="313">
        <v>29</v>
      </c>
      <c r="EJ9" s="313">
        <v>29</v>
      </c>
      <c r="EK9" s="313">
        <v>30</v>
      </c>
      <c r="EL9" s="313">
        <v>15</v>
      </c>
      <c r="EM9" s="310">
        <v>127</v>
      </c>
      <c r="EN9" s="315">
        <v>152</v>
      </c>
      <c r="EO9" s="309">
        <v>36</v>
      </c>
      <c r="EP9" s="313">
        <v>88</v>
      </c>
      <c r="EQ9" s="310">
        <v>124</v>
      </c>
      <c r="ER9" s="312">
        <v>0</v>
      </c>
      <c r="ES9" s="313">
        <v>189</v>
      </c>
      <c r="ET9" s="313">
        <v>209</v>
      </c>
      <c r="EU9" s="313">
        <v>121</v>
      </c>
      <c r="EV9" s="313">
        <v>113</v>
      </c>
      <c r="EW9" s="313">
        <v>49</v>
      </c>
      <c r="EX9" s="310">
        <v>681</v>
      </c>
      <c r="EY9" s="315">
        <v>805</v>
      </c>
    </row>
    <row r="10" spans="1:155" ht="19.5" customHeight="1" x14ac:dyDescent="0.2">
      <c r="A10" s="294" t="s">
        <v>7</v>
      </c>
      <c r="B10" s="309">
        <v>0</v>
      </c>
      <c r="C10" s="310">
        <v>0</v>
      </c>
      <c r="D10" s="311">
        <v>0</v>
      </c>
      <c r="E10" s="312">
        <v>0</v>
      </c>
      <c r="F10" s="313">
        <v>48</v>
      </c>
      <c r="G10" s="313">
        <v>35</v>
      </c>
      <c r="H10" s="313">
        <v>19</v>
      </c>
      <c r="I10" s="313">
        <v>11</v>
      </c>
      <c r="J10" s="313">
        <v>11</v>
      </c>
      <c r="K10" s="314">
        <v>124</v>
      </c>
      <c r="L10" s="315">
        <v>124</v>
      </c>
      <c r="M10" s="309">
        <v>0</v>
      </c>
      <c r="N10" s="313">
        <v>0</v>
      </c>
      <c r="O10" s="310">
        <v>0</v>
      </c>
      <c r="P10" s="312">
        <v>0</v>
      </c>
      <c r="Q10" s="313">
        <v>3</v>
      </c>
      <c r="R10" s="313">
        <v>2</v>
      </c>
      <c r="S10" s="313">
        <v>1</v>
      </c>
      <c r="T10" s="313">
        <v>3</v>
      </c>
      <c r="U10" s="313">
        <v>6</v>
      </c>
      <c r="V10" s="310">
        <v>15</v>
      </c>
      <c r="W10" s="315">
        <v>15</v>
      </c>
      <c r="X10" s="309">
        <v>0</v>
      </c>
      <c r="Y10" s="313">
        <v>2</v>
      </c>
      <c r="Z10" s="310">
        <v>2</v>
      </c>
      <c r="AA10" s="312">
        <v>0</v>
      </c>
      <c r="AB10" s="313">
        <v>26</v>
      </c>
      <c r="AC10" s="313">
        <v>35</v>
      </c>
      <c r="AD10" s="313">
        <v>10</v>
      </c>
      <c r="AE10" s="313">
        <v>12</v>
      </c>
      <c r="AF10" s="313">
        <v>11</v>
      </c>
      <c r="AG10" s="310">
        <v>94</v>
      </c>
      <c r="AH10" s="315">
        <v>96</v>
      </c>
      <c r="AI10" s="309">
        <v>0</v>
      </c>
      <c r="AJ10" s="313">
        <v>0</v>
      </c>
      <c r="AK10" s="310">
        <v>0</v>
      </c>
      <c r="AL10" s="312">
        <v>0</v>
      </c>
      <c r="AM10" s="313">
        <v>6</v>
      </c>
      <c r="AN10" s="313">
        <v>7</v>
      </c>
      <c r="AO10" s="313">
        <v>2</v>
      </c>
      <c r="AP10" s="313">
        <v>4</v>
      </c>
      <c r="AQ10" s="313">
        <v>1</v>
      </c>
      <c r="AR10" s="310">
        <v>20</v>
      </c>
      <c r="AS10" s="315">
        <v>20</v>
      </c>
      <c r="AT10" s="309">
        <v>14</v>
      </c>
      <c r="AU10" s="313">
        <v>5</v>
      </c>
      <c r="AV10" s="310">
        <v>19</v>
      </c>
      <c r="AW10" s="312">
        <v>0</v>
      </c>
      <c r="AX10" s="313">
        <v>57</v>
      </c>
      <c r="AY10" s="313">
        <v>49</v>
      </c>
      <c r="AZ10" s="313">
        <v>34</v>
      </c>
      <c r="BA10" s="313">
        <v>36</v>
      </c>
      <c r="BB10" s="313">
        <v>29</v>
      </c>
      <c r="BC10" s="314">
        <v>205</v>
      </c>
      <c r="BD10" s="315">
        <v>224</v>
      </c>
      <c r="BE10" s="309">
        <v>0</v>
      </c>
      <c r="BF10" s="313">
        <v>0</v>
      </c>
      <c r="BG10" s="310">
        <v>0</v>
      </c>
      <c r="BH10" s="312">
        <v>0</v>
      </c>
      <c r="BI10" s="313">
        <v>65</v>
      </c>
      <c r="BJ10" s="313">
        <v>40</v>
      </c>
      <c r="BK10" s="313">
        <v>15</v>
      </c>
      <c r="BL10" s="313">
        <v>7</v>
      </c>
      <c r="BM10" s="313">
        <v>3</v>
      </c>
      <c r="BN10" s="310">
        <v>130</v>
      </c>
      <c r="BO10" s="315">
        <v>130</v>
      </c>
      <c r="BP10" s="309">
        <v>0</v>
      </c>
      <c r="BQ10" s="313">
        <v>3</v>
      </c>
      <c r="BR10" s="310">
        <v>3</v>
      </c>
      <c r="BS10" s="312">
        <v>0</v>
      </c>
      <c r="BT10" s="313">
        <v>18</v>
      </c>
      <c r="BU10" s="313">
        <v>13</v>
      </c>
      <c r="BV10" s="313">
        <v>8</v>
      </c>
      <c r="BW10" s="313">
        <v>3</v>
      </c>
      <c r="BX10" s="313">
        <v>3</v>
      </c>
      <c r="BY10" s="310">
        <v>45</v>
      </c>
      <c r="BZ10" s="315">
        <v>48</v>
      </c>
      <c r="CA10" s="309">
        <v>0</v>
      </c>
      <c r="CB10" s="313">
        <v>0</v>
      </c>
      <c r="CC10" s="310">
        <v>0</v>
      </c>
      <c r="CD10" s="312">
        <v>0</v>
      </c>
      <c r="CE10" s="313">
        <v>8</v>
      </c>
      <c r="CF10" s="313">
        <v>7</v>
      </c>
      <c r="CG10" s="313">
        <v>11</v>
      </c>
      <c r="CH10" s="313">
        <v>6</v>
      </c>
      <c r="CI10" s="313">
        <v>3</v>
      </c>
      <c r="CJ10" s="310">
        <v>35</v>
      </c>
      <c r="CK10" s="315">
        <v>35</v>
      </c>
      <c r="CL10" s="309">
        <v>0</v>
      </c>
      <c r="CM10" s="313">
        <v>0</v>
      </c>
      <c r="CN10" s="310">
        <v>0</v>
      </c>
      <c r="CO10" s="312">
        <v>0</v>
      </c>
      <c r="CP10" s="313">
        <v>1</v>
      </c>
      <c r="CQ10" s="313">
        <v>1</v>
      </c>
      <c r="CR10" s="313">
        <v>1</v>
      </c>
      <c r="CS10" s="313">
        <v>0</v>
      </c>
      <c r="CT10" s="313">
        <v>1</v>
      </c>
      <c r="CU10" s="310">
        <v>4</v>
      </c>
      <c r="CV10" s="315">
        <v>4</v>
      </c>
      <c r="CW10" s="309">
        <v>0</v>
      </c>
      <c r="CX10" s="313">
        <v>0</v>
      </c>
      <c r="CY10" s="310">
        <v>0</v>
      </c>
      <c r="CZ10" s="312">
        <v>0</v>
      </c>
      <c r="DA10" s="313">
        <v>0</v>
      </c>
      <c r="DB10" s="313">
        <v>0</v>
      </c>
      <c r="DC10" s="313">
        <v>0</v>
      </c>
      <c r="DD10" s="313">
        <v>0</v>
      </c>
      <c r="DE10" s="313">
        <v>0</v>
      </c>
      <c r="DF10" s="310">
        <v>0</v>
      </c>
      <c r="DG10" s="315">
        <v>0</v>
      </c>
      <c r="DH10" s="309">
        <v>0</v>
      </c>
      <c r="DI10" s="313">
        <v>0</v>
      </c>
      <c r="DJ10" s="310">
        <v>0</v>
      </c>
      <c r="DK10" s="312">
        <v>0</v>
      </c>
      <c r="DL10" s="313">
        <v>0</v>
      </c>
      <c r="DM10" s="313">
        <v>0</v>
      </c>
      <c r="DN10" s="313">
        <v>0</v>
      </c>
      <c r="DO10" s="313">
        <v>0</v>
      </c>
      <c r="DP10" s="313">
        <v>0</v>
      </c>
      <c r="DQ10" s="310">
        <v>0</v>
      </c>
      <c r="DR10" s="315">
        <v>0</v>
      </c>
      <c r="DS10" s="309">
        <v>13</v>
      </c>
      <c r="DT10" s="313">
        <v>21</v>
      </c>
      <c r="DU10" s="310">
        <v>34</v>
      </c>
      <c r="DV10" s="312">
        <v>0</v>
      </c>
      <c r="DW10" s="313">
        <v>76</v>
      </c>
      <c r="DX10" s="313">
        <v>98</v>
      </c>
      <c r="DY10" s="313">
        <v>49</v>
      </c>
      <c r="DZ10" s="313">
        <v>29</v>
      </c>
      <c r="EA10" s="313">
        <v>22</v>
      </c>
      <c r="EB10" s="310">
        <v>274</v>
      </c>
      <c r="EC10" s="315">
        <v>308</v>
      </c>
      <c r="ED10" s="309">
        <v>12</v>
      </c>
      <c r="EE10" s="313">
        <v>6</v>
      </c>
      <c r="EF10" s="310">
        <v>18</v>
      </c>
      <c r="EG10" s="312">
        <v>0</v>
      </c>
      <c r="EH10" s="313">
        <v>30</v>
      </c>
      <c r="EI10" s="313">
        <v>18</v>
      </c>
      <c r="EJ10" s="313">
        <v>21</v>
      </c>
      <c r="EK10" s="313">
        <v>25</v>
      </c>
      <c r="EL10" s="313">
        <v>13</v>
      </c>
      <c r="EM10" s="310">
        <v>107</v>
      </c>
      <c r="EN10" s="315">
        <v>125</v>
      </c>
      <c r="EO10" s="309">
        <v>13</v>
      </c>
      <c r="EP10" s="313">
        <v>22</v>
      </c>
      <c r="EQ10" s="310">
        <v>35</v>
      </c>
      <c r="ER10" s="312">
        <v>0</v>
      </c>
      <c r="ES10" s="313">
        <v>162</v>
      </c>
      <c r="ET10" s="313">
        <v>136</v>
      </c>
      <c r="EU10" s="313">
        <v>56</v>
      </c>
      <c r="EV10" s="313">
        <v>29</v>
      </c>
      <c r="EW10" s="313">
        <v>21</v>
      </c>
      <c r="EX10" s="310">
        <v>404</v>
      </c>
      <c r="EY10" s="315">
        <v>439</v>
      </c>
    </row>
    <row r="11" spans="1:155" ht="19.5" customHeight="1" x14ac:dyDescent="0.2">
      <c r="A11" s="294" t="s">
        <v>8</v>
      </c>
      <c r="B11" s="309">
        <v>0</v>
      </c>
      <c r="C11" s="310">
        <v>0</v>
      </c>
      <c r="D11" s="311">
        <v>0</v>
      </c>
      <c r="E11" s="312">
        <v>0</v>
      </c>
      <c r="F11" s="313">
        <v>17</v>
      </c>
      <c r="G11" s="313">
        <v>24</v>
      </c>
      <c r="H11" s="313">
        <v>6</v>
      </c>
      <c r="I11" s="313">
        <v>9</v>
      </c>
      <c r="J11" s="313">
        <v>4</v>
      </c>
      <c r="K11" s="314">
        <v>60</v>
      </c>
      <c r="L11" s="315">
        <v>60</v>
      </c>
      <c r="M11" s="309">
        <v>0</v>
      </c>
      <c r="N11" s="313">
        <v>0</v>
      </c>
      <c r="O11" s="310">
        <v>0</v>
      </c>
      <c r="P11" s="312">
        <v>0</v>
      </c>
      <c r="Q11" s="313">
        <v>0</v>
      </c>
      <c r="R11" s="313">
        <v>0</v>
      </c>
      <c r="S11" s="313">
        <v>2</v>
      </c>
      <c r="T11" s="313">
        <v>8</v>
      </c>
      <c r="U11" s="313">
        <v>3</v>
      </c>
      <c r="V11" s="310">
        <v>13</v>
      </c>
      <c r="W11" s="315">
        <v>13</v>
      </c>
      <c r="X11" s="309">
        <v>3</v>
      </c>
      <c r="Y11" s="313">
        <v>1</v>
      </c>
      <c r="Z11" s="310">
        <v>4</v>
      </c>
      <c r="AA11" s="312">
        <v>0</v>
      </c>
      <c r="AB11" s="313">
        <v>11</v>
      </c>
      <c r="AC11" s="313">
        <v>13</v>
      </c>
      <c r="AD11" s="313">
        <v>7</v>
      </c>
      <c r="AE11" s="313">
        <v>12</v>
      </c>
      <c r="AF11" s="313">
        <v>6</v>
      </c>
      <c r="AG11" s="310">
        <v>49</v>
      </c>
      <c r="AH11" s="315">
        <v>53</v>
      </c>
      <c r="AI11" s="309">
        <v>0</v>
      </c>
      <c r="AJ11" s="313">
        <v>1</v>
      </c>
      <c r="AK11" s="310">
        <v>1</v>
      </c>
      <c r="AL11" s="312">
        <v>0</v>
      </c>
      <c r="AM11" s="313">
        <v>0</v>
      </c>
      <c r="AN11" s="313">
        <v>4</v>
      </c>
      <c r="AO11" s="313">
        <v>6</v>
      </c>
      <c r="AP11" s="313">
        <v>4</v>
      </c>
      <c r="AQ11" s="313">
        <v>2</v>
      </c>
      <c r="AR11" s="310">
        <v>16</v>
      </c>
      <c r="AS11" s="315">
        <v>17</v>
      </c>
      <c r="AT11" s="309">
        <v>4</v>
      </c>
      <c r="AU11" s="313">
        <v>2</v>
      </c>
      <c r="AV11" s="310">
        <v>6</v>
      </c>
      <c r="AW11" s="312">
        <v>0</v>
      </c>
      <c r="AX11" s="313">
        <v>13</v>
      </c>
      <c r="AY11" s="313">
        <v>24</v>
      </c>
      <c r="AZ11" s="313">
        <v>20</v>
      </c>
      <c r="BA11" s="313">
        <v>29</v>
      </c>
      <c r="BB11" s="313">
        <v>15</v>
      </c>
      <c r="BC11" s="314">
        <v>101</v>
      </c>
      <c r="BD11" s="315">
        <v>107</v>
      </c>
      <c r="BE11" s="309">
        <v>0</v>
      </c>
      <c r="BF11" s="313">
        <v>0</v>
      </c>
      <c r="BG11" s="310">
        <v>0</v>
      </c>
      <c r="BH11" s="312">
        <v>0</v>
      </c>
      <c r="BI11" s="313">
        <v>21</v>
      </c>
      <c r="BJ11" s="313">
        <v>29</v>
      </c>
      <c r="BK11" s="313">
        <v>8</v>
      </c>
      <c r="BL11" s="313">
        <v>8</v>
      </c>
      <c r="BM11" s="313">
        <v>2</v>
      </c>
      <c r="BN11" s="310">
        <v>68</v>
      </c>
      <c r="BO11" s="315">
        <v>68</v>
      </c>
      <c r="BP11" s="309">
        <v>1</v>
      </c>
      <c r="BQ11" s="313">
        <v>4</v>
      </c>
      <c r="BR11" s="310">
        <v>5</v>
      </c>
      <c r="BS11" s="312">
        <v>0</v>
      </c>
      <c r="BT11" s="313">
        <v>16</v>
      </c>
      <c r="BU11" s="313">
        <v>10</v>
      </c>
      <c r="BV11" s="313">
        <v>5</v>
      </c>
      <c r="BW11" s="313">
        <v>4</v>
      </c>
      <c r="BX11" s="313">
        <v>2</v>
      </c>
      <c r="BY11" s="310">
        <v>37</v>
      </c>
      <c r="BZ11" s="315">
        <v>42</v>
      </c>
      <c r="CA11" s="309">
        <v>0</v>
      </c>
      <c r="CB11" s="313">
        <v>0</v>
      </c>
      <c r="CC11" s="310">
        <v>0</v>
      </c>
      <c r="CD11" s="312">
        <v>0</v>
      </c>
      <c r="CE11" s="313">
        <v>3</v>
      </c>
      <c r="CF11" s="313">
        <v>7</v>
      </c>
      <c r="CG11" s="313">
        <v>2</v>
      </c>
      <c r="CH11" s="313">
        <v>7</v>
      </c>
      <c r="CI11" s="313">
        <v>0</v>
      </c>
      <c r="CJ11" s="310">
        <v>19</v>
      </c>
      <c r="CK11" s="315">
        <v>19</v>
      </c>
      <c r="CL11" s="309">
        <v>0</v>
      </c>
      <c r="CM11" s="313">
        <v>0</v>
      </c>
      <c r="CN11" s="310">
        <v>0</v>
      </c>
      <c r="CO11" s="312">
        <v>0</v>
      </c>
      <c r="CP11" s="313">
        <v>0</v>
      </c>
      <c r="CQ11" s="313">
        <v>0</v>
      </c>
      <c r="CR11" s="313">
        <v>0</v>
      </c>
      <c r="CS11" s="313">
        <v>0</v>
      </c>
      <c r="CT11" s="313">
        <v>0</v>
      </c>
      <c r="CU11" s="310">
        <v>0</v>
      </c>
      <c r="CV11" s="315">
        <v>0</v>
      </c>
      <c r="CW11" s="309">
        <v>0</v>
      </c>
      <c r="CX11" s="313">
        <v>0</v>
      </c>
      <c r="CY11" s="310">
        <v>0</v>
      </c>
      <c r="CZ11" s="312">
        <v>0</v>
      </c>
      <c r="DA11" s="313">
        <v>0</v>
      </c>
      <c r="DB11" s="313">
        <v>0</v>
      </c>
      <c r="DC11" s="313">
        <v>0</v>
      </c>
      <c r="DD11" s="313">
        <v>0</v>
      </c>
      <c r="DE11" s="313">
        <v>0</v>
      </c>
      <c r="DF11" s="310">
        <v>0</v>
      </c>
      <c r="DG11" s="315">
        <v>0</v>
      </c>
      <c r="DH11" s="309">
        <v>0</v>
      </c>
      <c r="DI11" s="313">
        <v>0</v>
      </c>
      <c r="DJ11" s="310">
        <v>0</v>
      </c>
      <c r="DK11" s="312">
        <v>0</v>
      </c>
      <c r="DL11" s="313">
        <v>0</v>
      </c>
      <c r="DM11" s="313">
        <v>0</v>
      </c>
      <c r="DN11" s="313">
        <v>0</v>
      </c>
      <c r="DO11" s="313">
        <v>0</v>
      </c>
      <c r="DP11" s="313">
        <v>0</v>
      </c>
      <c r="DQ11" s="310">
        <v>0</v>
      </c>
      <c r="DR11" s="315">
        <v>0</v>
      </c>
      <c r="DS11" s="309">
        <v>12</v>
      </c>
      <c r="DT11" s="313">
        <v>15</v>
      </c>
      <c r="DU11" s="310">
        <v>27</v>
      </c>
      <c r="DV11" s="312">
        <v>0</v>
      </c>
      <c r="DW11" s="313">
        <v>47</v>
      </c>
      <c r="DX11" s="313">
        <v>60</v>
      </c>
      <c r="DY11" s="313">
        <v>26</v>
      </c>
      <c r="DZ11" s="313">
        <v>27</v>
      </c>
      <c r="EA11" s="313">
        <v>8</v>
      </c>
      <c r="EB11" s="310">
        <v>168</v>
      </c>
      <c r="EC11" s="315">
        <v>195</v>
      </c>
      <c r="ED11" s="309">
        <v>5</v>
      </c>
      <c r="EE11" s="313">
        <v>0</v>
      </c>
      <c r="EF11" s="310">
        <v>5</v>
      </c>
      <c r="EG11" s="312">
        <v>0</v>
      </c>
      <c r="EH11" s="313">
        <v>9</v>
      </c>
      <c r="EI11" s="313">
        <v>9</v>
      </c>
      <c r="EJ11" s="313">
        <v>10</v>
      </c>
      <c r="EK11" s="313">
        <v>8</v>
      </c>
      <c r="EL11" s="313">
        <v>9</v>
      </c>
      <c r="EM11" s="310">
        <v>45</v>
      </c>
      <c r="EN11" s="315">
        <v>50</v>
      </c>
      <c r="EO11" s="309">
        <v>13</v>
      </c>
      <c r="EP11" s="313">
        <v>18</v>
      </c>
      <c r="EQ11" s="310">
        <v>31</v>
      </c>
      <c r="ER11" s="312">
        <v>0</v>
      </c>
      <c r="ES11" s="313">
        <v>87</v>
      </c>
      <c r="ET11" s="313">
        <v>81</v>
      </c>
      <c r="EU11" s="313">
        <v>30</v>
      </c>
      <c r="EV11" s="313">
        <v>29</v>
      </c>
      <c r="EW11" s="313">
        <v>8</v>
      </c>
      <c r="EX11" s="310">
        <v>235</v>
      </c>
      <c r="EY11" s="315">
        <v>266</v>
      </c>
    </row>
    <row r="12" spans="1:155" ht="19.5" customHeight="1" x14ac:dyDescent="0.2">
      <c r="A12" s="294" t="s">
        <v>9</v>
      </c>
      <c r="B12" s="309">
        <v>0</v>
      </c>
      <c r="C12" s="310">
        <v>0</v>
      </c>
      <c r="D12" s="311">
        <v>0</v>
      </c>
      <c r="E12" s="312">
        <v>0</v>
      </c>
      <c r="F12" s="313">
        <v>64</v>
      </c>
      <c r="G12" s="313">
        <v>50</v>
      </c>
      <c r="H12" s="313">
        <v>39</v>
      </c>
      <c r="I12" s="313">
        <v>42</v>
      </c>
      <c r="J12" s="313">
        <v>30</v>
      </c>
      <c r="K12" s="314">
        <v>225</v>
      </c>
      <c r="L12" s="315">
        <v>225</v>
      </c>
      <c r="M12" s="309">
        <v>0</v>
      </c>
      <c r="N12" s="313">
        <v>0</v>
      </c>
      <c r="O12" s="310">
        <v>0</v>
      </c>
      <c r="P12" s="312">
        <v>0</v>
      </c>
      <c r="Q12" s="313">
        <v>4</v>
      </c>
      <c r="R12" s="313">
        <v>0</v>
      </c>
      <c r="S12" s="313">
        <v>4</v>
      </c>
      <c r="T12" s="313">
        <v>3</v>
      </c>
      <c r="U12" s="313">
        <v>18</v>
      </c>
      <c r="V12" s="310">
        <v>29</v>
      </c>
      <c r="W12" s="315">
        <v>29</v>
      </c>
      <c r="X12" s="309">
        <v>8</v>
      </c>
      <c r="Y12" s="313">
        <v>10</v>
      </c>
      <c r="Z12" s="310">
        <v>18</v>
      </c>
      <c r="AA12" s="312">
        <v>0</v>
      </c>
      <c r="AB12" s="313">
        <v>40</v>
      </c>
      <c r="AC12" s="313">
        <v>34</v>
      </c>
      <c r="AD12" s="313">
        <v>24</v>
      </c>
      <c r="AE12" s="313">
        <v>30</v>
      </c>
      <c r="AF12" s="313">
        <v>20</v>
      </c>
      <c r="AG12" s="310">
        <v>148</v>
      </c>
      <c r="AH12" s="315">
        <v>166</v>
      </c>
      <c r="AI12" s="309">
        <v>1</v>
      </c>
      <c r="AJ12" s="313">
        <v>0</v>
      </c>
      <c r="AK12" s="310">
        <v>1</v>
      </c>
      <c r="AL12" s="312">
        <v>0</v>
      </c>
      <c r="AM12" s="313">
        <v>7</v>
      </c>
      <c r="AN12" s="313">
        <v>11</v>
      </c>
      <c r="AO12" s="313">
        <v>6</v>
      </c>
      <c r="AP12" s="313">
        <v>6</v>
      </c>
      <c r="AQ12" s="313">
        <v>7</v>
      </c>
      <c r="AR12" s="310">
        <v>37</v>
      </c>
      <c r="AS12" s="315">
        <v>38</v>
      </c>
      <c r="AT12" s="309">
        <v>15</v>
      </c>
      <c r="AU12" s="313">
        <v>5</v>
      </c>
      <c r="AV12" s="310">
        <v>20</v>
      </c>
      <c r="AW12" s="312">
        <v>0</v>
      </c>
      <c r="AX12" s="313">
        <v>48</v>
      </c>
      <c r="AY12" s="313">
        <v>65</v>
      </c>
      <c r="AZ12" s="313">
        <v>57</v>
      </c>
      <c r="BA12" s="313">
        <v>66</v>
      </c>
      <c r="BB12" s="313">
        <v>53</v>
      </c>
      <c r="BC12" s="314">
        <v>289</v>
      </c>
      <c r="BD12" s="315">
        <v>309</v>
      </c>
      <c r="BE12" s="309">
        <v>0</v>
      </c>
      <c r="BF12" s="313">
        <v>0</v>
      </c>
      <c r="BG12" s="310">
        <v>0</v>
      </c>
      <c r="BH12" s="312">
        <v>0</v>
      </c>
      <c r="BI12" s="313">
        <v>48</v>
      </c>
      <c r="BJ12" s="313">
        <v>44</v>
      </c>
      <c r="BK12" s="313">
        <v>27</v>
      </c>
      <c r="BL12" s="313">
        <v>16</v>
      </c>
      <c r="BM12" s="313">
        <v>5</v>
      </c>
      <c r="BN12" s="310">
        <v>140</v>
      </c>
      <c r="BO12" s="315">
        <v>140</v>
      </c>
      <c r="BP12" s="309">
        <v>3</v>
      </c>
      <c r="BQ12" s="313">
        <v>7</v>
      </c>
      <c r="BR12" s="310">
        <v>10</v>
      </c>
      <c r="BS12" s="312">
        <v>0</v>
      </c>
      <c r="BT12" s="313">
        <v>11</v>
      </c>
      <c r="BU12" s="313">
        <v>16</v>
      </c>
      <c r="BV12" s="313">
        <v>8</v>
      </c>
      <c r="BW12" s="313">
        <v>7</v>
      </c>
      <c r="BX12" s="313">
        <v>1</v>
      </c>
      <c r="BY12" s="310">
        <v>43</v>
      </c>
      <c r="BZ12" s="315">
        <v>53</v>
      </c>
      <c r="CA12" s="309">
        <v>0</v>
      </c>
      <c r="CB12" s="313">
        <v>0</v>
      </c>
      <c r="CC12" s="310">
        <v>0</v>
      </c>
      <c r="CD12" s="312">
        <v>0</v>
      </c>
      <c r="CE12" s="313">
        <v>3</v>
      </c>
      <c r="CF12" s="313">
        <v>13</v>
      </c>
      <c r="CG12" s="313">
        <v>9</v>
      </c>
      <c r="CH12" s="313">
        <v>9</v>
      </c>
      <c r="CI12" s="313">
        <v>9</v>
      </c>
      <c r="CJ12" s="310">
        <v>43</v>
      </c>
      <c r="CK12" s="315">
        <v>43</v>
      </c>
      <c r="CL12" s="309">
        <v>0</v>
      </c>
      <c r="CM12" s="313">
        <v>0</v>
      </c>
      <c r="CN12" s="310">
        <v>0</v>
      </c>
      <c r="CO12" s="312">
        <v>0</v>
      </c>
      <c r="CP12" s="313">
        <v>1</v>
      </c>
      <c r="CQ12" s="313">
        <v>1</v>
      </c>
      <c r="CR12" s="313">
        <v>4</v>
      </c>
      <c r="CS12" s="313">
        <v>1</v>
      </c>
      <c r="CT12" s="313">
        <v>2</v>
      </c>
      <c r="CU12" s="310">
        <v>9</v>
      </c>
      <c r="CV12" s="315">
        <v>9</v>
      </c>
      <c r="CW12" s="309">
        <v>0</v>
      </c>
      <c r="CX12" s="313">
        <v>0</v>
      </c>
      <c r="CY12" s="310">
        <v>0</v>
      </c>
      <c r="CZ12" s="312">
        <v>0</v>
      </c>
      <c r="DA12" s="313">
        <v>0</v>
      </c>
      <c r="DB12" s="313">
        <v>0</v>
      </c>
      <c r="DC12" s="313">
        <v>0</v>
      </c>
      <c r="DD12" s="313">
        <v>0</v>
      </c>
      <c r="DE12" s="313">
        <v>0</v>
      </c>
      <c r="DF12" s="310">
        <v>0</v>
      </c>
      <c r="DG12" s="315">
        <v>0</v>
      </c>
      <c r="DH12" s="309">
        <v>0</v>
      </c>
      <c r="DI12" s="313">
        <v>0</v>
      </c>
      <c r="DJ12" s="310">
        <v>0</v>
      </c>
      <c r="DK12" s="312">
        <v>0</v>
      </c>
      <c r="DL12" s="313">
        <v>0</v>
      </c>
      <c r="DM12" s="313">
        <v>0</v>
      </c>
      <c r="DN12" s="313">
        <v>0</v>
      </c>
      <c r="DO12" s="313">
        <v>0</v>
      </c>
      <c r="DP12" s="313">
        <v>0</v>
      </c>
      <c r="DQ12" s="310">
        <v>0</v>
      </c>
      <c r="DR12" s="315">
        <v>0</v>
      </c>
      <c r="DS12" s="309">
        <v>28</v>
      </c>
      <c r="DT12" s="313">
        <v>51</v>
      </c>
      <c r="DU12" s="310">
        <v>79</v>
      </c>
      <c r="DV12" s="312">
        <v>0</v>
      </c>
      <c r="DW12" s="313">
        <v>80</v>
      </c>
      <c r="DX12" s="313">
        <v>98</v>
      </c>
      <c r="DY12" s="313">
        <v>75</v>
      </c>
      <c r="DZ12" s="313">
        <v>54</v>
      </c>
      <c r="EA12" s="313">
        <v>43</v>
      </c>
      <c r="EB12" s="310">
        <v>350</v>
      </c>
      <c r="EC12" s="315">
        <v>429</v>
      </c>
      <c r="ED12" s="309">
        <v>14</v>
      </c>
      <c r="EE12" s="313">
        <v>6</v>
      </c>
      <c r="EF12" s="310">
        <v>20</v>
      </c>
      <c r="EG12" s="312">
        <v>0</v>
      </c>
      <c r="EH12" s="313">
        <v>24</v>
      </c>
      <c r="EI12" s="313">
        <v>23</v>
      </c>
      <c r="EJ12" s="313">
        <v>17</v>
      </c>
      <c r="EK12" s="313">
        <v>28</v>
      </c>
      <c r="EL12" s="313">
        <v>15</v>
      </c>
      <c r="EM12" s="310">
        <v>107</v>
      </c>
      <c r="EN12" s="315">
        <v>127</v>
      </c>
      <c r="EO12" s="309">
        <v>36</v>
      </c>
      <c r="EP12" s="313">
        <v>56</v>
      </c>
      <c r="EQ12" s="310">
        <v>92</v>
      </c>
      <c r="ER12" s="312">
        <v>0</v>
      </c>
      <c r="ES12" s="313">
        <v>161</v>
      </c>
      <c r="ET12" s="313">
        <v>138</v>
      </c>
      <c r="EU12" s="313">
        <v>90</v>
      </c>
      <c r="EV12" s="313">
        <v>62</v>
      </c>
      <c r="EW12" s="313">
        <v>47</v>
      </c>
      <c r="EX12" s="310">
        <v>498</v>
      </c>
      <c r="EY12" s="315">
        <v>590</v>
      </c>
    </row>
    <row r="13" spans="1:155" ht="19.5" customHeight="1" x14ac:dyDescent="0.2">
      <c r="A13" s="294" t="s">
        <v>10</v>
      </c>
      <c r="B13" s="309">
        <v>0</v>
      </c>
      <c r="C13" s="310">
        <v>0</v>
      </c>
      <c r="D13" s="311">
        <v>0</v>
      </c>
      <c r="E13" s="312">
        <v>0</v>
      </c>
      <c r="F13" s="313">
        <v>86</v>
      </c>
      <c r="G13" s="313">
        <v>45</v>
      </c>
      <c r="H13" s="313">
        <v>31</v>
      </c>
      <c r="I13" s="313">
        <v>32</v>
      </c>
      <c r="J13" s="313">
        <v>21</v>
      </c>
      <c r="K13" s="314">
        <v>215</v>
      </c>
      <c r="L13" s="315">
        <v>215</v>
      </c>
      <c r="M13" s="309">
        <v>0</v>
      </c>
      <c r="N13" s="313">
        <v>0</v>
      </c>
      <c r="O13" s="310">
        <v>0</v>
      </c>
      <c r="P13" s="312">
        <v>0</v>
      </c>
      <c r="Q13" s="313">
        <v>2</v>
      </c>
      <c r="R13" s="313">
        <v>3</v>
      </c>
      <c r="S13" s="313">
        <v>0</v>
      </c>
      <c r="T13" s="313">
        <v>2</v>
      </c>
      <c r="U13" s="313">
        <v>10</v>
      </c>
      <c r="V13" s="310">
        <v>17</v>
      </c>
      <c r="W13" s="315">
        <v>17</v>
      </c>
      <c r="X13" s="309">
        <v>12</v>
      </c>
      <c r="Y13" s="313">
        <v>23</v>
      </c>
      <c r="Z13" s="310">
        <v>35</v>
      </c>
      <c r="AA13" s="312">
        <v>0</v>
      </c>
      <c r="AB13" s="313">
        <v>46</v>
      </c>
      <c r="AC13" s="313">
        <v>40</v>
      </c>
      <c r="AD13" s="313">
        <v>21</v>
      </c>
      <c r="AE13" s="313">
        <v>20</v>
      </c>
      <c r="AF13" s="313">
        <v>12</v>
      </c>
      <c r="AG13" s="310">
        <v>139</v>
      </c>
      <c r="AH13" s="315">
        <v>174</v>
      </c>
      <c r="AI13" s="309">
        <v>2</v>
      </c>
      <c r="AJ13" s="313">
        <v>7</v>
      </c>
      <c r="AK13" s="310">
        <v>9</v>
      </c>
      <c r="AL13" s="312">
        <v>0</v>
      </c>
      <c r="AM13" s="313">
        <v>4</v>
      </c>
      <c r="AN13" s="313">
        <v>6</v>
      </c>
      <c r="AO13" s="313">
        <v>6</v>
      </c>
      <c r="AP13" s="313">
        <v>6</v>
      </c>
      <c r="AQ13" s="313">
        <v>2</v>
      </c>
      <c r="AR13" s="310">
        <v>24</v>
      </c>
      <c r="AS13" s="315">
        <v>33</v>
      </c>
      <c r="AT13" s="309">
        <v>16</v>
      </c>
      <c r="AU13" s="313">
        <v>27</v>
      </c>
      <c r="AV13" s="310">
        <v>43</v>
      </c>
      <c r="AW13" s="312">
        <v>0</v>
      </c>
      <c r="AX13" s="313">
        <v>99</v>
      </c>
      <c r="AY13" s="313">
        <v>84</v>
      </c>
      <c r="AZ13" s="313">
        <v>68</v>
      </c>
      <c r="BA13" s="313">
        <v>70</v>
      </c>
      <c r="BB13" s="313">
        <v>68</v>
      </c>
      <c r="BC13" s="314">
        <v>389</v>
      </c>
      <c r="BD13" s="315">
        <v>432</v>
      </c>
      <c r="BE13" s="309">
        <v>0</v>
      </c>
      <c r="BF13" s="313">
        <v>0</v>
      </c>
      <c r="BG13" s="310">
        <v>0</v>
      </c>
      <c r="BH13" s="312">
        <v>0</v>
      </c>
      <c r="BI13" s="313">
        <v>116</v>
      </c>
      <c r="BJ13" s="313">
        <v>71</v>
      </c>
      <c r="BK13" s="313">
        <v>24</v>
      </c>
      <c r="BL13" s="313">
        <v>15</v>
      </c>
      <c r="BM13" s="313">
        <v>4</v>
      </c>
      <c r="BN13" s="310">
        <v>230</v>
      </c>
      <c r="BO13" s="315">
        <v>230</v>
      </c>
      <c r="BP13" s="309">
        <v>7</v>
      </c>
      <c r="BQ13" s="313">
        <v>2</v>
      </c>
      <c r="BR13" s="310">
        <v>9</v>
      </c>
      <c r="BS13" s="312">
        <v>0</v>
      </c>
      <c r="BT13" s="313">
        <v>15</v>
      </c>
      <c r="BU13" s="313">
        <v>7</v>
      </c>
      <c r="BV13" s="313">
        <v>6</v>
      </c>
      <c r="BW13" s="313">
        <v>4</v>
      </c>
      <c r="BX13" s="313">
        <v>1</v>
      </c>
      <c r="BY13" s="310">
        <v>33</v>
      </c>
      <c r="BZ13" s="315">
        <v>42</v>
      </c>
      <c r="CA13" s="309">
        <v>3</v>
      </c>
      <c r="CB13" s="313">
        <v>1</v>
      </c>
      <c r="CC13" s="310">
        <v>4</v>
      </c>
      <c r="CD13" s="312">
        <v>0</v>
      </c>
      <c r="CE13" s="313">
        <v>10</v>
      </c>
      <c r="CF13" s="313">
        <v>7</v>
      </c>
      <c r="CG13" s="313">
        <v>14</v>
      </c>
      <c r="CH13" s="313">
        <v>8</v>
      </c>
      <c r="CI13" s="313">
        <v>2</v>
      </c>
      <c r="CJ13" s="310">
        <v>41</v>
      </c>
      <c r="CK13" s="315">
        <v>45</v>
      </c>
      <c r="CL13" s="309">
        <v>0</v>
      </c>
      <c r="CM13" s="313">
        <v>0</v>
      </c>
      <c r="CN13" s="310">
        <v>0</v>
      </c>
      <c r="CO13" s="312">
        <v>0</v>
      </c>
      <c r="CP13" s="313">
        <v>1</v>
      </c>
      <c r="CQ13" s="313">
        <v>5</v>
      </c>
      <c r="CR13" s="313">
        <v>1</v>
      </c>
      <c r="CS13" s="313">
        <v>1</v>
      </c>
      <c r="CT13" s="313">
        <v>0</v>
      </c>
      <c r="CU13" s="310">
        <v>8</v>
      </c>
      <c r="CV13" s="315">
        <v>8</v>
      </c>
      <c r="CW13" s="309">
        <v>0</v>
      </c>
      <c r="CX13" s="313">
        <v>0</v>
      </c>
      <c r="CY13" s="310">
        <v>0</v>
      </c>
      <c r="CZ13" s="312">
        <v>0</v>
      </c>
      <c r="DA13" s="313">
        <v>0</v>
      </c>
      <c r="DB13" s="313">
        <v>0</v>
      </c>
      <c r="DC13" s="313">
        <v>0</v>
      </c>
      <c r="DD13" s="313">
        <v>0</v>
      </c>
      <c r="DE13" s="313">
        <v>0</v>
      </c>
      <c r="DF13" s="310">
        <v>0</v>
      </c>
      <c r="DG13" s="315">
        <v>0</v>
      </c>
      <c r="DH13" s="309">
        <v>0</v>
      </c>
      <c r="DI13" s="313">
        <v>0</v>
      </c>
      <c r="DJ13" s="310">
        <v>0</v>
      </c>
      <c r="DK13" s="312">
        <v>0</v>
      </c>
      <c r="DL13" s="313">
        <v>0</v>
      </c>
      <c r="DM13" s="313">
        <v>0</v>
      </c>
      <c r="DN13" s="313">
        <v>0</v>
      </c>
      <c r="DO13" s="313">
        <v>0</v>
      </c>
      <c r="DP13" s="313">
        <v>0</v>
      </c>
      <c r="DQ13" s="310">
        <v>0</v>
      </c>
      <c r="DR13" s="315">
        <v>0</v>
      </c>
      <c r="DS13" s="309">
        <v>51</v>
      </c>
      <c r="DT13" s="313">
        <v>84</v>
      </c>
      <c r="DU13" s="310">
        <v>135</v>
      </c>
      <c r="DV13" s="312">
        <v>0</v>
      </c>
      <c r="DW13" s="313">
        <v>133</v>
      </c>
      <c r="DX13" s="313">
        <v>106</v>
      </c>
      <c r="DY13" s="313">
        <v>55</v>
      </c>
      <c r="DZ13" s="313">
        <v>61</v>
      </c>
      <c r="EA13" s="313">
        <v>32</v>
      </c>
      <c r="EB13" s="310">
        <v>387</v>
      </c>
      <c r="EC13" s="315">
        <v>522</v>
      </c>
      <c r="ED13" s="309">
        <v>7</v>
      </c>
      <c r="EE13" s="313">
        <v>10</v>
      </c>
      <c r="EF13" s="310">
        <v>17</v>
      </c>
      <c r="EG13" s="312">
        <v>0</v>
      </c>
      <c r="EH13" s="313">
        <v>36</v>
      </c>
      <c r="EI13" s="313">
        <v>25</v>
      </c>
      <c r="EJ13" s="313">
        <v>23</v>
      </c>
      <c r="EK13" s="313">
        <v>24</v>
      </c>
      <c r="EL13" s="313">
        <v>24</v>
      </c>
      <c r="EM13" s="310">
        <v>132</v>
      </c>
      <c r="EN13" s="315">
        <v>149</v>
      </c>
      <c r="EO13" s="309">
        <v>70</v>
      </c>
      <c r="EP13" s="313">
        <v>97</v>
      </c>
      <c r="EQ13" s="310">
        <v>167</v>
      </c>
      <c r="ER13" s="312">
        <v>0</v>
      </c>
      <c r="ES13" s="313">
        <v>240</v>
      </c>
      <c r="ET13" s="313">
        <v>136</v>
      </c>
      <c r="EU13" s="313">
        <v>64</v>
      </c>
      <c r="EV13" s="313">
        <v>59</v>
      </c>
      <c r="EW13" s="313">
        <v>34</v>
      </c>
      <c r="EX13" s="310">
        <v>533</v>
      </c>
      <c r="EY13" s="315">
        <v>700</v>
      </c>
    </row>
    <row r="14" spans="1:155" ht="19.5" customHeight="1" x14ac:dyDescent="0.2">
      <c r="A14" s="294" t="s">
        <v>11</v>
      </c>
      <c r="B14" s="309">
        <v>0</v>
      </c>
      <c r="C14" s="310">
        <v>0</v>
      </c>
      <c r="D14" s="311">
        <v>0</v>
      </c>
      <c r="E14" s="312">
        <v>0</v>
      </c>
      <c r="F14" s="313">
        <v>20</v>
      </c>
      <c r="G14" s="313">
        <v>5</v>
      </c>
      <c r="H14" s="313">
        <v>12</v>
      </c>
      <c r="I14" s="313">
        <v>7</v>
      </c>
      <c r="J14" s="313">
        <v>10</v>
      </c>
      <c r="K14" s="314">
        <v>54</v>
      </c>
      <c r="L14" s="315">
        <v>54</v>
      </c>
      <c r="M14" s="309">
        <v>0</v>
      </c>
      <c r="N14" s="313">
        <v>0</v>
      </c>
      <c r="O14" s="310">
        <v>0</v>
      </c>
      <c r="P14" s="312">
        <v>0</v>
      </c>
      <c r="Q14" s="313">
        <v>0</v>
      </c>
      <c r="R14" s="313">
        <v>1</v>
      </c>
      <c r="S14" s="313">
        <v>2</v>
      </c>
      <c r="T14" s="313">
        <v>3</v>
      </c>
      <c r="U14" s="313">
        <v>4</v>
      </c>
      <c r="V14" s="310">
        <v>10</v>
      </c>
      <c r="W14" s="315">
        <v>10</v>
      </c>
      <c r="X14" s="309">
        <v>6</v>
      </c>
      <c r="Y14" s="313">
        <v>3</v>
      </c>
      <c r="Z14" s="310">
        <v>9</v>
      </c>
      <c r="AA14" s="312">
        <v>0</v>
      </c>
      <c r="AB14" s="313">
        <v>22</v>
      </c>
      <c r="AC14" s="313">
        <v>7</v>
      </c>
      <c r="AD14" s="313">
        <v>11</v>
      </c>
      <c r="AE14" s="313">
        <v>8</v>
      </c>
      <c r="AF14" s="313">
        <v>10</v>
      </c>
      <c r="AG14" s="310">
        <v>58</v>
      </c>
      <c r="AH14" s="315">
        <v>67</v>
      </c>
      <c r="AI14" s="309">
        <v>0</v>
      </c>
      <c r="AJ14" s="313">
        <v>1</v>
      </c>
      <c r="AK14" s="310">
        <v>1</v>
      </c>
      <c r="AL14" s="312">
        <v>0</v>
      </c>
      <c r="AM14" s="313">
        <v>4</v>
      </c>
      <c r="AN14" s="313">
        <v>1</v>
      </c>
      <c r="AO14" s="313">
        <v>2</v>
      </c>
      <c r="AP14" s="313">
        <v>0</v>
      </c>
      <c r="AQ14" s="313">
        <v>1</v>
      </c>
      <c r="AR14" s="310">
        <v>8</v>
      </c>
      <c r="AS14" s="315">
        <v>9</v>
      </c>
      <c r="AT14" s="309">
        <v>5</v>
      </c>
      <c r="AU14" s="313">
        <v>1</v>
      </c>
      <c r="AV14" s="310">
        <v>6</v>
      </c>
      <c r="AW14" s="312">
        <v>0</v>
      </c>
      <c r="AX14" s="313">
        <v>23</v>
      </c>
      <c r="AY14" s="313">
        <v>11</v>
      </c>
      <c r="AZ14" s="313">
        <v>28</v>
      </c>
      <c r="BA14" s="313">
        <v>20</v>
      </c>
      <c r="BB14" s="313">
        <v>19</v>
      </c>
      <c r="BC14" s="314">
        <v>101</v>
      </c>
      <c r="BD14" s="315">
        <v>107</v>
      </c>
      <c r="BE14" s="309">
        <v>0</v>
      </c>
      <c r="BF14" s="313">
        <v>0</v>
      </c>
      <c r="BG14" s="310">
        <v>0</v>
      </c>
      <c r="BH14" s="312">
        <v>0</v>
      </c>
      <c r="BI14" s="313">
        <v>26</v>
      </c>
      <c r="BJ14" s="313">
        <v>12</v>
      </c>
      <c r="BK14" s="313">
        <v>11</v>
      </c>
      <c r="BL14" s="313">
        <v>7</v>
      </c>
      <c r="BM14" s="313">
        <v>4</v>
      </c>
      <c r="BN14" s="310">
        <v>60</v>
      </c>
      <c r="BO14" s="315">
        <v>60</v>
      </c>
      <c r="BP14" s="309">
        <v>1</v>
      </c>
      <c r="BQ14" s="313">
        <v>4</v>
      </c>
      <c r="BR14" s="310">
        <v>5</v>
      </c>
      <c r="BS14" s="312">
        <v>0</v>
      </c>
      <c r="BT14" s="313">
        <v>10</v>
      </c>
      <c r="BU14" s="313">
        <v>4</v>
      </c>
      <c r="BV14" s="313">
        <v>10</v>
      </c>
      <c r="BW14" s="313">
        <v>4</v>
      </c>
      <c r="BX14" s="313">
        <v>3</v>
      </c>
      <c r="BY14" s="310">
        <v>31</v>
      </c>
      <c r="BZ14" s="315">
        <v>36</v>
      </c>
      <c r="CA14" s="309">
        <v>0</v>
      </c>
      <c r="CB14" s="313">
        <v>0</v>
      </c>
      <c r="CC14" s="310">
        <v>0</v>
      </c>
      <c r="CD14" s="312">
        <v>0</v>
      </c>
      <c r="CE14" s="313">
        <v>3</v>
      </c>
      <c r="CF14" s="313">
        <v>3</v>
      </c>
      <c r="CG14" s="313">
        <v>2</v>
      </c>
      <c r="CH14" s="313">
        <v>2</v>
      </c>
      <c r="CI14" s="313">
        <v>2</v>
      </c>
      <c r="CJ14" s="310">
        <v>12</v>
      </c>
      <c r="CK14" s="315">
        <v>12</v>
      </c>
      <c r="CL14" s="309">
        <v>0</v>
      </c>
      <c r="CM14" s="313">
        <v>0</v>
      </c>
      <c r="CN14" s="310">
        <v>0</v>
      </c>
      <c r="CO14" s="312">
        <v>0</v>
      </c>
      <c r="CP14" s="313">
        <v>0</v>
      </c>
      <c r="CQ14" s="313">
        <v>0</v>
      </c>
      <c r="CR14" s="313">
        <v>3</v>
      </c>
      <c r="CS14" s="313">
        <v>2</v>
      </c>
      <c r="CT14" s="313">
        <v>0</v>
      </c>
      <c r="CU14" s="310">
        <v>5</v>
      </c>
      <c r="CV14" s="315">
        <v>5</v>
      </c>
      <c r="CW14" s="309">
        <v>0</v>
      </c>
      <c r="CX14" s="313">
        <v>0</v>
      </c>
      <c r="CY14" s="310">
        <v>0</v>
      </c>
      <c r="CZ14" s="312">
        <v>0</v>
      </c>
      <c r="DA14" s="313">
        <v>0</v>
      </c>
      <c r="DB14" s="313">
        <v>0</v>
      </c>
      <c r="DC14" s="313">
        <v>0</v>
      </c>
      <c r="DD14" s="313">
        <v>0</v>
      </c>
      <c r="DE14" s="313">
        <v>0</v>
      </c>
      <c r="DF14" s="310">
        <v>0</v>
      </c>
      <c r="DG14" s="315">
        <v>0</v>
      </c>
      <c r="DH14" s="309">
        <v>0</v>
      </c>
      <c r="DI14" s="313">
        <v>0</v>
      </c>
      <c r="DJ14" s="310">
        <v>0</v>
      </c>
      <c r="DK14" s="312">
        <v>0</v>
      </c>
      <c r="DL14" s="313">
        <v>0</v>
      </c>
      <c r="DM14" s="313">
        <v>0</v>
      </c>
      <c r="DN14" s="313">
        <v>0</v>
      </c>
      <c r="DO14" s="313">
        <v>0</v>
      </c>
      <c r="DP14" s="313">
        <v>0</v>
      </c>
      <c r="DQ14" s="310">
        <v>0</v>
      </c>
      <c r="DR14" s="315">
        <v>0</v>
      </c>
      <c r="DS14" s="309">
        <v>14</v>
      </c>
      <c r="DT14" s="313">
        <v>18</v>
      </c>
      <c r="DU14" s="310">
        <v>32</v>
      </c>
      <c r="DV14" s="312">
        <v>0</v>
      </c>
      <c r="DW14" s="313">
        <v>55</v>
      </c>
      <c r="DX14" s="313">
        <v>30</v>
      </c>
      <c r="DY14" s="313">
        <v>33</v>
      </c>
      <c r="DZ14" s="313">
        <v>20</v>
      </c>
      <c r="EA14" s="313">
        <v>18</v>
      </c>
      <c r="EB14" s="310">
        <v>156</v>
      </c>
      <c r="EC14" s="315">
        <v>188</v>
      </c>
      <c r="ED14" s="309">
        <v>4</v>
      </c>
      <c r="EE14" s="313">
        <v>4</v>
      </c>
      <c r="EF14" s="310">
        <v>8</v>
      </c>
      <c r="EG14" s="312">
        <v>0</v>
      </c>
      <c r="EH14" s="313">
        <v>16</v>
      </c>
      <c r="EI14" s="313">
        <v>7</v>
      </c>
      <c r="EJ14" s="313">
        <v>13</v>
      </c>
      <c r="EK14" s="313">
        <v>16</v>
      </c>
      <c r="EL14" s="313">
        <v>6</v>
      </c>
      <c r="EM14" s="310">
        <v>58</v>
      </c>
      <c r="EN14" s="315">
        <v>66</v>
      </c>
      <c r="EO14" s="309">
        <v>18</v>
      </c>
      <c r="EP14" s="313">
        <v>22</v>
      </c>
      <c r="EQ14" s="310">
        <v>40</v>
      </c>
      <c r="ER14" s="312">
        <v>0</v>
      </c>
      <c r="ES14" s="313">
        <v>92</v>
      </c>
      <c r="ET14" s="313">
        <v>34</v>
      </c>
      <c r="EU14" s="313">
        <v>37</v>
      </c>
      <c r="EV14" s="313">
        <v>22</v>
      </c>
      <c r="EW14" s="313">
        <v>17</v>
      </c>
      <c r="EX14" s="310">
        <v>202</v>
      </c>
      <c r="EY14" s="315">
        <v>242</v>
      </c>
    </row>
    <row r="15" spans="1:155" ht="19.5" customHeight="1" x14ac:dyDescent="0.2">
      <c r="A15" s="294" t="s">
        <v>12</v>
      </c>
      <c r="B15" s="309">
        <v>0</v>
      </c>
      <c r="C15" s="310">
        <v>0</v>
      </c>
      <c r="D15" s="311">
        <v>0</v>
      </c>
      <c r="E15" s="312">
        <v>0</v>
      </c>
      <c r="F15" s="313">
        <v>28</v>
      </c>
      <c r="G15" s="313">
        <v>22</v>
      </c>
      <c r="H15" s="313">
        <v>18</v>
      </c>
      <c r="I15" s="313">
        <v>16</v>
      </c>
      <c r="J15" s="313">
        <v>12</v>
      </c>
      <c r="K15" s="314">
        <v>96</v>
      </c>
      <c r="L15" s="315">
        <v>96</v>
      </c>
      <c r="M15" s="309">
        <v>0</v>
      </c>
      <c r="N15" s="313">
        <v>0</v>
      </c>
      <c r="O15" s="310">
        <v>0</v>
      </c>
      <c r="P15" s="312">
        <v>0</v>
      </c>
      <c r="Q15" s="313">
        <v>0</v>
      </c>
      <c r="R15" s="313">
        <v>2</v>
      </c>
      <c r="S15" s="313">
        <v>1</v>
      </c>
      <c r="T15" s="313">
        <v>2</v>
      </c>
      <c r="U15" s="313">
        <v>11</v>
      </c>
      <c r="V15" s="310">
        <v>16</v>
      </c>
      <c r="W15" s="315">
        <v>16</v>
      </c>
      <c r="X15" s="309">
        <v>11</v>
      </c>
      <c r="Y15" s="313">
        <v>12</v>
      </c>
      <c r="Z15" s="310">
        <v>23</v>
      </c>
      <c r="AA15" s="312">
        <v>0</v>
      </c>
      <c r="AB15" s="313">
        <v>19</v>
      </c>
      <c r="AC15" s="313">
        <v>15</v>
      </c>
      <c r="AD15" s="313">
        <v>15</v>
      </c>
      <c r="AE15" s="313">
        <v>12</v>
      </c>
      <c r="AF15" s="313">
        <v>16</v>
      </c>
      <c r="AG15" s="310">
        <v>77</v>
      </c>
      <c r="AH15" s="315">
        <v>100</v>
      </c>
      <c r="AI15" s="309">
        <v>0</v>
      </c>
      <c r="AJ15" s="313">
        <v>0</v>
      </c>
      <c r="AK15" s="310">
        <v>0</v>
      </c>
      <c r="AL15" s="312">
        <v>0</v>
      </c>
      <c r="AM15" s="313">
        <v>0</v>
      </c>
      <c r="AN15" s="313">
        <v>2</v>
      </c>
      <c r="AO15" s="313">
        <v>2</v>
      </c>
      <c r="AP15" s="313">
        <v>0</v>
      </c>
      <c r="AQ15" s="313">
        <v>2</v>
      </c>
      <c r="AR15" s="310">
        <v>6</v>
      </c>
      <c r="AS15" s="315">
        <v>6</v>
      </c>
      <c r="AT15" s="309">
        <v>9</v>
      </c>
      <c r="AU15" s="313">
        <v>5</v>
      </c>
      <c r="AV15" s="310">
        <v>14</v>
      </c>
      <c r="AW15" s="312">
        <v>0</v>
      </c>
      <c r="AX15" s="313">
        <v>19</v>
      </c>
      <c r="AY15" s="313">
        <v>16</v>
      </c>
      <c r="AZ15" s="313">
        <v>27</v>
      </c>
      <c r="BA15" s="313">
        <v>25</v>
      </c>
      <c r="BB15" s="313">
        <v>22</v>
      </c>
      <c r="BC15" s="314">
        <v>109</v>
      </c>
      <c r="BD15" s="315">
        <v>123</v>
      </c>
      <c r="BE15" s="309">
        <v>0</v>
      </c>
      <c r="BF15" s="313">
        <v>0</v>
      </c>
      <c r="BG15" s="310">
        <v>0</v>
      </c>
      <c r="BH15" s="312">
        <v>0</v>
      </c>
      <c r="BI15" s="313">
        <v>37</v>
      </c>
      <c r="BJ15" s="313">
        <v>16</v>
      </c>
      <c r="BK15" s="313">
        <v>13</v>
      </c>
      <c r="BL15" s="313">
        <v>12</v>
      </c>
      <c r="BM15" s="313">
        <v>7</v>
      </c>
      <c r="BN15" s="310">
        <v>85</v>
      </c>
      <c r="BO15" s="315">
        <v>85</v>
      </c>
      <c r="BP15" s="309">
        <v>7</v>
      </c>
      <c r="BQ15" s="313">
        <v>8</v>
      </c>
      <c r="BR15" s="310">
        <v>15</v>
      </c>
      <c r="BS15" s="312">
        <v>0</v>
      </c>
      <c r="BT15" s="313">
        <v>12</v>
      </c>
      <c r="BU15" s="313">
        <v>11</v>
      </c>
      <c r="BV15" s="313">
        <v>14</v>
      </c>
      <c r="BW15" s="313">
        <v>4</v>
      </c>
      <c r="BX15" s="313">
        <v>1</v>
      </c>
      <c r="BY15" s="310">
        <v>42</v>
      </c>
      <c r="BZ15" s="315">
        <v>57</v>
      </c>
      <c r="CA15" s="309">
        <v>0</v>
      </c>
      <c r="CB15" s="313">
        <v>1</v>
      </c>
      <c r="CC15" s="310">
        <v>1</v>
      </c>
      <c r="CD15" s="312">
        <v>0</v>
      </c>
      <c r="CE15" s="313">
        <v>9</v>
      </c>
      <c r="CF15" s="313">
        <v>3</v>
      </c>
      <c r="CG15" s="313">
        <v>11</v>
      </c>
      <c r="CH15" s="313">
        <v>4</v>
      </c>
      <c r="CI15" s="313">
        <v>3</v>
      </c>
      <c r="CJ15" s="310">
        <v>30</v>
      </c>
      <c r="CK15" s="315">
        <v>31</v>
      </c>
      <c r="CL15" s="309">
        <v>0</v>
      </c>
      <c r="CM15" s="313">
        <v>0</v>
      </c>
      <c r="CN15" s="310">
        <v>0</v>
      </c>
      <c r="CO15" s="312">
        <v>0</v>
      </c>
      <c r="CP15" s="313">
        <v>0</v>
      </c>
      <c r="CQ15" s="313">
        <v>0</v>
      </c>
      <c r="CR15" s="313">
        <v>0</v>
      </c>
      <c r="CS15" s="313">
        <v>0</v>
      </c>
      <c r="CT15" s="313">
        <v>1</v>
      </c>
      <c r="CU15" s="310">
        <v>1</v>
      </c>
      <c r="CV15" s="315">
        <v>1</v>
      </c>
      <c r="CW15" s="309">
        <v>0</v>
      </c>
      <c r="CX15" s="313">
        <v>0</v>
      </c>
      <c r="CY15" s="310">
        <v>0</v>
      </c>
      <c r="CZ15" s="312">
        <v>0</v>
      </c>
      <c r="DA15" s="313">
        <v>0</v>
      </c>
      <c r="DB15" s="313">
        <v>0</v>
      </c>
      <c r="DC15" s="313">
        <v>0</v>
      </c>
      <c r="DD15" s="313">
        <v>0</v>
      </c>
      <c r="DE15" s="313">
        <v>0</v>
      </c>
      <c r="DF15" s="310">
        <v>0</v>
      </c>
      <c r="DG15" s="315">
        <v>0</v>
      </c>
      <c r="DH15" s="309">
        <v>0</v>
      </c>
      <c r="DI15" s="313">
        <v>0</v>
      </c>
      <c r="DJ15" s="310">
        <v>0</v>
      </c>
      <c r="DK15" s="312">
        <v>0</v>
      </c>
      <c r="DL15" s="313">
        <v>0</v>
      </c>
      <c r="DM15" s="313">
        <v>0</v>
      </c>
      <c r="DN15" s="313">
        <v>0</v>
      </c>
      <c r="DO15" s="313">
        <v>0</v>
      </c>
      <c r="DP15" s="313">
        <v>0</v>
      </c>
      <c r="DQ15" s="310">
        <v>0</v>
      </c>
      <c r="DR15" s="315">
        <v>0</v>
      </c>
      <c r="DS15" s="309">
        <v>26</v>
      </c>
      <c r="DT15" s="313">
        <v>41</v>
      </c>
      <c r="DU15" s="310">
        <v>67</v>
      </c>
      <c r="DV15" s="312">
        <v>0</v>
      </c>
      <c r="DW15" s="313">
        <v>29</v>
      </c>
      <c r="DX15" s="313">
        <v>57</v>
      </c>
      <c r="DY15" s="313">
        <v>43</v>
      </c>
      <c r="DZ15" s="313">
        <v>33</v>
      </c>
      <c r="EA15" s="313">
        <v>26</v>
      </c>
      <c r="EB15" s="310">
        <v>188</v>
      </c>
      <c r="EC15" s="315">
        <v>255</v>
      </c>
      <c r="ED15" s="309">
        <v>4</v>
      </c>
      <c r="EE15" s="313">
        <v>4</v>
      </c>
      <c r="EF15" s="310">
        <v>8</v>
      </c>
      <c r="EG15" s="312">
        <v>0</v>
      </c>
      <c r="EH15" s="313">
        <v>5</v>
      </c>
      <c r="EI15" s="313">
        <v>5</v>
      </c>
      <c r="EJ15" s="313">
        <v>11</v>
      </c>
      <c r="EK15" s="313">
        <v>12</v>
      </c>
      <c r="EL15" s="313">
        <v>10</v>
      </c>
      <c r="EM15" s="310">
        <v>43</v>
      </c>
      <c r="EN15" s="315">
        <v>51</v>
      </c>
      <c r="EO15" s="309">
        <v>38</v>
      </c>
      <c r="EP15" s="313">
        <v>49</v>
      </c>
      <c r="EQ15" s="310">
        <v>87</v>
      </c>
      <c r="ER15" s="312">
        <v>0</v>
      </c>
      <c r="ES15" s="313">
        <v>90</v>
      </c>
      <c r="ET15" s="313">
        <v>73</v>
      </c>
      <c r="EU15" s="313">
        <v>54</v>
      </c>
      <c r="EV15" s="313">
        <v>32</v>
      </c>
      <c r="EW15" s="313">
        <v>26</v>
      </c>
      <c r="EX15" s="310">
        <v>275</v>
      </c>
      <c r="EY15" s="315">
        <v>362</v>
      </c>
    </row>
    <row r="16" spans="1:155" ht="19.5" customHeight="1" x14ac:dyDescent="0.2">
      <c r="A16" s="294" t="s">
        <v>13</v>
      </c>
      <c r="B16" s="309">
        <v>0</v>
      </c>
      <c r="C16" s="310">
        <v>0</v>
      </c>
      <c r="D16" s="311">
        <v>0</v>
      </c>
      <c r="E16" s="312">
        <v>0</v>
      </c>
      <c r="F16" s="313">
        <v>10</v>
      </c>
      <c r="G16" s="313">
        <v>23</v>
      </c>
      <c r="H16" s="313">
        <v>16</v>
      </c>
      <c r="I16" s="313">
        <v>12</v>
      </c>
      <c r="J16" s="313">
        <v>8</v>
      </c>
      <c r="K16" s="314">
        <v>69</v>
      </c>
      <c r="L16" s="315">
        <v>69</v>
      </c>
      <c r="M16" s="309">
        <v>0</v>
      </c>
      <c r="N16" s="313">
        <v>0</v>
      </c>
      <c r="O16" s="310">
        <v>0</v>
      </c>
      <c r="P16" s="312">
        <v>0</v>
      </c>
      <c r="Q16" s="313">
        <v>0</v>
      </c>
      <c r="R16" s="313">
        <v>1</v>
      </c>
      <c r="S16" s="313">
        <v>1</v>
      </c>
      <c r="T16" s="313">
        <v>3</v>
      </c>
      <c r="U16" s="313">
        <v>0</v>
      </c>
      <c r="V16" s="310">
        <v>5</v>
      </c>
      <c r="W16" s="315">
        <v>5</v>
      </c>
      <c r="X16" s="309">
        <v>2</v>
      </c>
      <c r="Y16" s="313">
        <v>2</v>
      </c>
      <c r="Z16" s="310">
        <v>4</v>
      </c>
      <c r="AA16" s="312">
        <v>0</v>
      </c>
      <c r="AB16" s="313">
        <v>7</v>
      </c>
      <c r="AC16" s="313">
        <v>15</v>
      </c>
      <c r="AD16" s="313">
        <v>11</v>
      </c>
      <c r="AE16" s="313">
        <v>12</v>
      </c>
      <c r="AF16" s="313">
        <v>7</v>
      </c>
      <c r="AG16" s="310">
        <v>52</v>
      </c>
      <c r="AH16" s="315">
        <v>56</v>
      </c>
      <c r="AI16" s="309">
        <v>0</v>
      </c>
      <c r="AJ16" s="313">
        <v>0</v>
      </c>
      <c r="AK16" s="310">
        <v>0</v>
      </c>
      <c r="AL16" s="312">
        <v>0</v>
      </c>
      <c r="AM16" s="313">
        <v>1</v>
      </c>
      <c r="AN16" s="313">
        <v>4</v>
      </c>
      <c r="AO16" s="313">
        <v>4</v>
      </c>
      <c r="AP16" s="313">
        <v>1</v>
      </c>
      <c r="AQ16" s="313">
        <v>2</v>
      </c>
      <c r="AR16" s="310">
        <v>12</v>
      </c>
      <c r="AS16" s="315">
        <v>12</v>
      </c>
      <c r="AT16" s="309">
        <v>7</v>
      </c>
      <c r="AU16" s="313">
        <v>8</v>
      </c>
      <c r="AV16" s="310">
        <v>15</v>
      </c>
      <c r="AW16" s="312">
        <v>0</v>
      </c>
      <c r="AX16" s="313">
        <v>15</v>
      </c>
      <c r="AY16" s="313">
        <v>21</v>
      </c>
      <c r="AZ16" s="313">
        <v>18</v>
      </c>
      <c r="BA16" s="313">
        <v>19</v>
      </c>
      <c r="BB16" s="313">
        <v>12</v>
      </c>
      <c r="BC16" s="314">
        <v>85</v>
      </c>
      <c r="BD16" s="315">
        <v>100</v>
      </c>
      <c r="BE16" s="309">
        <v>0</v>
      </c>
      <c r="BF16" s="313">
        <v>0</v>
      </c>
      <c r="BG16" s="310">
        <v>0</v>
      </c>
      <c r="BH16" s="312">
        <v>0</v>
      </c>
      <c r="BI16" s="313">
        <v>9</v>
      </c>
      <c r="BJ16" s="313">
        <v>19</v>
      </c>
      <c r="BK16" s="313">
        <v>10</v>
      </c>
      <c r="BL16" s="313">
        <v>8</v>
      </c>
      <c r="BM16" s="313">
        <v>0</v>
      </c>
      <c r="BN16" s="310">
        <v>46</v>
      </c>
      <c r="BO16" s="315">
        <v>46</v>
      </c>
      <c r="BP16" s="309">
        <v>1</v>
      </c>
      <c r="BQ16" s="313">
        <v>0</v>
      </c>
      <c r="BR16" s="310">
        <v>1</v>
      </c>
      <c r="BS16" s="312">
        <v>0</v>
      </c>
      <c r="BT16" s="313">
        <v>2</v>
      </c>
      <c r="BU16" s="313">
        <v>3</v>
      </c>
      <c r="BV16" s="313">
        <v>5</v>
      </c>
      <c r="BW16" s="313">
        <v>2</v>
      </c>
      <c r="BX16" s="313">
        <v>0</v>
      </c>
      <c r="BY16" s="310">
        <v>12</v>
      </c>
      <c r="BZ16" s="315">
        <v>13</v>
      </c>
      <c r="CA16" s="309">
        <v>0</v>
      </c>
      <c r="CB16" s="313">
        <v>0</v>
      </c>
      <c r="CC16" s="310">
        <v>0</v>
      </c>
      <c r="CD16" s="312">
        <v>0</v>
      </c>
      <c r="CE16" s="313">
        <v>1</v>
      </c>
      <c r="CF16" s="313">
        <v>2</v>
      </c>
      <c r="CG16" s="313">
        <v>5</v>
      </c>
      <c r="CH16" s="313">
        <v>2</v>
      </c>
      <c r="CI16" s="313">
        <v>1</v>
      </c>
      <c r="CJ16" s="310">
        <v>11</v>
      </c>
      <c r="CK16" s="315">
        <v>11</v>
      </c>
      <c r="CL16" s="309">
        <v>0</v>
      </c>
      <c r="CM16" s="313">
        <v>0</v>
      </c>
      <c r="CN16" s="310">
        <v>0</v>
      </c>
      <c r="CO16" s="312">
        <v>0</v>
      </c>
      <c r="CP16" s="313">
        <v>0</v>
      </c>
      <c r="CQ16" s="313">
        <v>1</v>
      </c>
      <c r="CR16" s="313">
        <v>0</v>
      </c>
      <c r="CS16" s="313">
        <v>1</v>
      </c>
      <c r="CT16" s="313">
        <v>0</v>
      </c>
      <c r="CU16" s="310">
        <v>2</v>
      </c>
      <c r="CV16" s="315">
        <v>2</v>
      </c>
      <c r="CW16" s="309">
        <v>0</v>
      </c>
      <c r="CX16" s="313">
        <v>0</v>
      </c>
      <c r="CY16" s="310">
        <v>0</v>
      </c>
      <c r="CZ16" s="312">
        <v>0</v>
      </c>
      <c r="DA16" s="313">
        <v>0</v>
      </c>
      <c r="DB16" s="313">
        <v>0</v>
      </c>
      <c r="DC16" s="313">
        <v>0</v>
      </c>
      <c r="DD16" s="313">
        <v>0</v>
      </c>
      <c r="DE16" s="313">
        <v>0</v>
      </c>
      <c r="DF16" s="310">
        <v>0</v>
      </c>
      <c r="DG16" s="315">
        <v>0</v>
      </c>
      <c r="DH16" s="309">
        <v>0</v>
      </c>
      <c r="DI16" s="313">
        <v>0</v>
      </c>
      <c r="DJ16" s="310">
        <v>0</v>
      </c>
      <c r="DK16" s="312">
        <v>0</v>
      </c>
      <c r="DL16" s="313">
        <v>0</v>
      </c>
      <c r="DM16" s="313">
        <v>0</v>
      </c>
      <c r="DN16" s="313">
        <v>0</v>
      </c>
      <c r="DO16" s="313">
        <v>0</v>
      </c>
      <c r="DP16" s="313">
        <v>0</v>
      </c>
      <c r="DQ16" s="310">
        <v>0</v>
      </c>
      <c r="DR16" s="315">
        <v>0</v>
      </c>
      <c r="DS16" s="309">
        <v>6</v>
      </c>
      <c r="DT16" s="313">
        <v>18</v>
      </c>
      <c r="DU16" s="310">
        <v>24</v>
      </c>
      <c r="DV16" s="312">
        <v>0</v>
      </c>
      <c r="DW16" s="313">
        <v>10</v>
      </c>
      <c r="DX16" s="313">
        <v>36</v>
      </c>
      <c r="DY16" s="313">
        <v>22</v>
      </c>
      <c r="DZ16" s="313">
        <v>19</v>
      </c>
      <c r="EA16" s="313">
        <v>12</v>
      </c>
      <c r="EB16" s="310">
        <v>99</v>
      </c>
      <c r="EC16" s="315">
        <v>123</v>
      </c>
      <c r="ED16" s="309">
        <v>5</v>
      </c>
      <c r="EE16" s="313">
        <v>3</v>
      </c>
      <c r="EF16" s="310">
        <v>8</v>
      </c>
      <c r="EG16" s="312">
        <v>0</v>
      </c>
      <c r="EH16" s="313">
        <v>13</v>
      </c>
      <c r="EI16" s="313">
        <v>12</v>
      </c>
      <c r="EJ16" s="313">
        <v>8</v>
      </c>
      <c r="EK16" s="313">
        <v>5</v>
      </c>
      <c r="EL16" s="313">
        <v>5</v>
      </c>
      <c r="EM16" s="310">
        <v>43</v>
      </c>
      <c r="EN16" s="315">
        <v>51</v>
      </c>
      <c r="EO16" s="309">
        <v>9</v>
      </c>
      <c r="EP16" s="313">
        <v>18</v>
      </c>
      <c r="EQ16" s="310">
        <v>27</v>
      </c>
      <c r="ER16" s="312">
        <v>0</v>
      </c>
      <c r="ES16" s="313">
        <v>30</v>
      </c>
      <c r="ET16" s="313">
        <v>54</v>
      </c>
      <c r="EU16" s="313">
        <v>35</v>
      </c>
      <c r="EV16" s="313">
        <v>22</v>
      </c>
      <c r="EW16" s="313">
        <v>13</v>
      </c>
      <c r="EX16" s="310">
        <v>154</v>
      </c>
      <c r="EY16" s="315">
        <v>181</v>
      </c>
    </row>
    <row r="17" spans="1:155" ht="19.5" customHeight="1" x14ac:dyDescent="0.2">
      <c r="A17" s="294" t="s">
        <v>15</v>
      </c>
      <c r="B17" s="309">
        <v>0</v>
      </c>
      <c r="C17" s="310">
        <v>0</v>
      </c>
      <c r="D17" s="311">
        <v>0</v>
      </c>
      <c r="E17" s="312">
        <v>0</v>
      </c>
      <c r="F17" s="313">
        <v>6</v>
      </c>
      <c r="G17" s="313">
        <v>4</v>
      </c>
      <c r="H17" s="313">
        <v>0</v>
      </c>
      <c r="I17" s="313">
        <v>3</v>
      </c>
      <c r="J17" s="313">
        <v>3</v>
      </c>
      <c r="K17" s="314">
        <v>16</v>
      </c>
      <c r="L17" s="315">
        <v>16</v>
      </c>
      <c r="M17" s="309">
        <v>0</v>
      </c>
      <c r="N17" s="313">
        <v>0</v>
      </c>
      <c r="O17" s="310">
        <v>0</v>
      </c>
      <c r="P17" s="312">
        <v>0</v>
      </c>
      <c r="Q17" s="313">
        <v>0</v>
      </c>
      <c r="R17" s="313">
        <v>0</v>
      </c>
      <c r="S17" s="313">
        <v>0</v>
      </c>
      <c r="T17" s="313">
        <v>1</v>
      </c>
      <c r="U17" s="313">
        <v>4</v>
      </c>
      <c r="V17" s="310">
        <v>5</v>
      </c>
      <c r="W17" s="315">
        <v>5</v>
      </c>
      <c r="X17" s="309">
        <v>0</v>
      </c>
      <c r="Y17" s="313">
        <v>0</v>
      </c>
      <c r="Z17" s="310">
        <v>0</v>
      </c>
      <c r="AA17" s="312">
        <v>0</v>
      </c>
      <c r="AB17" s="313">
        <v>0</v>
      </c>
      <c r="AC17" s="313">
        <v>1</v>
      </c>
      <c r="AD17" s="313">
        <v>2</v>
      </c>
      <c r="AE17" s="313">
        <v>7</v>
      </c>
      <c r="AF17" s="313">
        <v>3</v>
      </c>
      <c r="AG17" s="310">
        <v>13</v>
      </c>
      <c r="AH17" s="315">
        <v>13</v>
      </c>
      <c r="AI17" s="309">
        <v>0</v>
      </c>
      <c r="AJ17" s="313">
        <v>0</v>
      </c>
      <c r="AK17" s="310">
        <v>0</v>
      </c>
      <c r="AL17" s="312">
        <v>0</v>
      </c>
      <c r="AM17" s="313">
        <v>1</v>
      </c>
      <c r="AN17" s="313">
        <v>0</v>
      </c>
      <c r="AO17" s="313">
        <v>0</v>
      </c>
      <c r="AP17" s="313">
        <v>2</v>
      </c>
      <c r="AQ17" s="313">
        <v>1</v>
      </c>
      <c r="AR17" s="310">
        <v>4</v>
      </c>
      <c r="AS17" s="315">
        <v>4</v>
      </c>
      <c r="AT17" s="309">
        <v>1</v>
      </c>
      <c r="AU17" s="313">
        <v>2</v>
      </c>
      <c r="AV17" s="310">
        <v>3</v>
      </c>
      <c r="AW17" s="312">
        <v>0</v>
      </c>
      <c r="AX17" s="313">
        <v>4</v>
      </c>
      <c r="AY17" s="313">
        <v>4</v>
      </c>
      <c r="AZ17" s="313">
        <v>6</v>
      </c>
      <c r="BA17" s="313">
        <v>3</v>
      </c>
      <c r="BB17" s="313">
        <v>1</v>
      </c>
      <c r="BC17" s="314">
        <v>18</v>
      </c>
      <c r="BD17" s="315">
        <v>21</v>
      </c>
      <c r="BE17" s="309">
        <v>0</v>
      </c>
      <c r="BF17" s="313">
        <v>0</v>
      </c>
      <c r="BG17" s="310">
        <v>0</v>
      </c>
      <c r="BH17" s="312">
        <v>0</v>
      </c>
      <c r="BI17" s="313">
        <v>2</v>
      </c>
      <c r="BJ17" s="313">
        <v>2</v>
      </c>
      <c r="BK17" s="313">
        <v>2</v>
      </c>
      <c r="BL17" s="313">
        <v>4</v>
      </c>
      <c r="BM17" s="313">
        <v>0</v>
      </c>
      <c r="BN17" s="310">
        <v>10</v>
      </c>
      <c r="BO17" s="315">
        <v>10</v>
      </c>
      <c r="BP17" s="309">
        <v>0</v>
      </c>
      <c r="BQ17" s="313">
        <v>1</v>
      </c>
      <c r="BR17" s="310">
        <v>1</v>
      </c>
      <c r="BS17" s="312">
        <v>0</v>
      </c>
      <c r="BT17" s="313">
        <v>2</v>
      </c>
      <c r="BU17" s="313">
        <v>1</v>
      </c>
      <c r="BV17" s="313">
        <v>2</v>
      </c>
      <c r="BW17" s="313">
        <v>0</v>
      </c>
      <c r="BX17" s="313">
        <v>1</v>
      </c>
      <c r="BY17" s="310">
        <v>6</v>
      </c>
      <c r="BZ17" s="315">
        <v>7</v>
      </c>
      <c r="CA17" s="309">
        <v>0</v>
      </c>
      <c r="CB17" s="313">
        <v>0</v>
      </c>
      <c r="CC17" s="310">
        <v>0</v>
      </c>
      <c r="CD17" s="312">
        <v>0</v>
      </c>
      <c r="CE17" s="313">
        <v>0</v>
      </c>
      <c r="CF17" s="313">
        <v>1</v>
      </c>
      <c r="CG17" s="313">
        <v>1</v>
      </c>
      <c r="CH17" s="313">
        <v>4</v>
      </c>
      <c r="CI17" s="313">
        <v>1</v>
      </c>
      <c r="CJ17" s="310">
        <v>7</v>
      </c>
      <c r="CK17" s="315">
        <v>7</v>
      </c>
      <c r="CL17" s="309">
        <v>0</v>
      </c>
      <c r="CM17" s="313">
        <v>0</v>
      </c>
      <c r="CN17" s="310">
        <v>0</v>
      </c>
      <c r="CO17" s="312">
        <v>0</v>
      </c>
      <c r="CP17" s="313">
        <v>0</v>
      </c>
      <c r="CQ17" s="313">
        <v>0</v>
      </c>
      <c r="CR17" s="313">
        <v>0</v>
      </c>
      <c r="CS17" s="313">
        <v>0</v>
      </c>
      <c r="CT17" s="313">
        <v>0</v>
      </c>
      <c r="CU17" s="310">
        <v>0</v>
      </c>
      <c r="CV17" s="315">
        <v>0</v>
      </c>
      <c r="CW17" s="309">
        <v>0</v>
      </c>
      <c r="CX17" s="313">
        <v>0</v>
      </c>
      <c r="CY17" s="310">
        <v>0</v>
      </c>
      <c r="CZ17" s="312">
        <v>0</v>
      </c>
      <c r="DA17" s="313">
        <v>0</v>
      </c>
      <c r="DB17" s="313">
        <v>0</v>
      </c>
      <c r="DC17" s="313">
        <v>0</v>
      </c>
      <c r="DD17" s="313">
        <v>0</v>
      </c>
      <c r="DE17" s="313">
        <v>0</v>
      </c>
      <c r="DF17" s="310">
        <v>0</v>
      </c>
      <c r="DG17" s="315">
        <v>0</v>
      </c>
      <c r="DH17" s="309">
        <v>0</v>
      </c>
      <c r="DI17" s="313">
        <v>0</v>
      </c>
      <c r="DJ17" s="310">
        <v>0</v>
      </c>
      <c r="DK17" s="312">
        <v>0</v>
      </c>
      <c r="DL17" s="313">
        <v>0</v>
      </c>
      <c r="DM17" s="313">
        <v>0</v>
      </c>
      <c r="DN17" s="313">
        <v>0</v>
      </c>
      <c r="DO17" s="313">
        <v>0</v>
      </c>
      <c r="DP17" s="313">
        <v>0</v>
      </c>
      <c r="DQ17" s="310">
        <v>0</v>
      </c>
      <c r="DR17" s="315">
        <v>0</v>
      </c>
      <c r="DS17" s="309">
        <v>0</v>
      </c>
      <c r="DT17" s="313">
        <v>3</v>
      </c>
      <c r="DU17" s="310">
        <v>3</v>
      </c>
      <c r="DV17" s="312">
        <v>0</v>
      </c>
      <c r="DW17" s="313">
        <v>7</v>
      </c>
      <c r="DX17" s="313">
        <v>9</v>
      </c>
      <c r="DY17" s="313">
        <v>5</v>
      </c>
      <c r="DZ17" s="313">
        <v>11</v>
      </c>
      <c r="EA17" s="313">
        <v>5</v>
      </c>
      <c r="EB17" s="310">
        <v>37</v>
      </c>
      <c r="EC17" s="315">
        <v>40</v>
      </c>
      <c r="ED17" s="309">
        <v>1</v>
      </c>
      <c r="EE17" s="313">
        <v>3</v>
      </c>
      <c r="EF17" s="310">
        <v>4</v>
      </c>
      <c r="EG17" s="312">
        <v>0</v>
      </c>
      <c r="EH17" s="313">
        <v>5</v>
      </c>
      <c r="EI17" s="313">
        <v>2</v>
      </c>
      <c r="EJ17" s="313">
        <v>3</v>
      </c>
      <c r="EK17" s="313">
        <v>0</v>
      </c>
      <c r="EL17" s="313">
        <v>0</v>
      </c>
      <c r="EM17" s="310">
        <v>10</v>
      </c>
      <c r="EN17" s="315">
        <v>14</v>
      </c>
      <c r="EO17" s="309">
        <v>0</v>
      </c>
      <c r="EP17" s="313">
        <v>3</v>
      </c>
      <c r="EQ17" s="310">
        <v>3</v>
      </c>
      <c r="ER17" s="312">
        <v>0</v>
      </c>
      <c r="ES17" s="313">
        <v>15</v>
      </c>
      <c r="ET17" s="313">
        <v>14</v>
      </c>
      <c r="EU17" s="313">
        <v>6</v>
      </c>
      <c r="EV17" s="313">
        <v>12</v>
      </c>
      <c r="EW17" s="313">
        <v>5</v>
      </c>
      <c r="EX17" s="310">
        <v>52</v>
      </c>
      <c r="EY17" s="315">
        <v>55</v>
      </c>
    </row>
    <row r="18" spans="1:155" ht="19.5" customHeight="1" x14ac:dyDescent="0.2">
      <c r="A18" s="294" t="s">
        <v>16</v>
      </c>
      <c r="B18" s="309">
        <v>0</v>
      </c>
      <c r="C18" s="310">
        <v>0</v>
      </c>
      <c r="D18" s="311">
        <v>0</v>
      </c>
      <c r="E18" s="312">
        <v>0</v>
      </c>
      <c r="F18" s="313">
        <v>8</v>
      </c>
      <c r="G18" s="313">
        <v>13</v>
      </c>
      <c r="H18" s="313">
        <v>10</v>
      </c>
      <c r="I18" s="313">
        <v>4</v>
      </c>
      <c r="J18" s="313">
        <v>6</v>
      </c>
      <c r="K18" s="314">
        <v>41</v>
      </c>
      <c r="L18" s="315">
        <v>41</v>
      </c>
      <c r="M18" s="309">
        <v>0</v>
      </c>
      <c r="N18" s="313">
        <v>0</v>
      </c>
      <c r="O18" s="310">
        <v>0</v>
      </c>
      <c r="P18" s="312">
        <v>0</v>
      </c>
      <c r="Q18" s="313">
        <v>0</v>
      </c>
      <c r="R18" s="313">
        <v>1</v>
      </c>
      <c r="S18" s="313">
        <v>1</v>
      </c>
      <c r="T18" s="313">
        <v>1</v>
      </c>
      <c r="U18" s="313">
        <v>1</v>
      </c>
      <c r="V18" s="310">
        <v>4</v>
      </c>
      <c r="W18" s="315">
        <v>4</v>
      </c>
      <c r="X18" s="309">
        <v>2</v>
      </c>
      <c r="Y18" s="313">
        <v>1</v>
      </c>
      <c r="Z18" s="310">
        <v>3</v>
      </c>
      <c r="AA18" s="312">
        <v>0</v>
      </c>
      <c r="AB18" s="313">
        <v>9</v>
      </c>
      <c r="AC18" s="313">
        <v>16</v>
      </c>
      <c r="AD18" s="313">
        <v>12</v>
      </c>
      <c r="AE18" s="313">
        <v>3</v>
      </c>
      <c r="AF18" s="313">
        <v>3</v>
      </c>
      <c r="AG18" s="310">
        <v>43</v>
      </c>
      <c r="AH18" s="315">
        <v>46</v>
      </c>
      <c r="AI18" s="309">
        <v>0</v>
      </c>
      <c r="AJ18" s="313">
        <v>0</v>
      </c>
      <c r="AK18" s="310">
        <v>0</v>
      </c>
      <c r="AL18" s="312">
        <v>0</v>
      </c>
      <c r="AM18" s="313">
        <v>0</v>
      </c>
      <c r="AN18" s="313">
        <v>0</v>
      </c>
      <c r="AO18" s="313">
        <v>2</v>
      </c>
      <c r="AP18" s="313">
        <v>0</v>
      </c>
      <c r="AQ18" s="313">
        <v>0</v>
      </c>
      <c r="AR18" s="310">
        <v>2</v>
      </c>
      <c r="AS18" s="315">
        <v>2</v>
      </c>
      <c r="AT18" s="309">
        <v>5</v>
      </c>
      <c r="AU18" s="313">
        <v>0</v>
      </c>
      <c r="AV18" s="310">
        <v>5</v>
      </c>
      <c r="AW18" s="312">
        <v>0</v>
      </c>
      <c r="AX18" s="313">
        <v>13</v>
      </c>
      <c r="AY18" s="313">
        <v>12</v>
      </c>
      <c r="AZ18" s="313">
        <v>8</v>
      </c>
      <c r="BA18" s="313">
        <v>11</v>
      </c>
      <c r="BB18" s="313">
        <v>11</v>
      </c>
      <c r="BC18" s="314">
        <v>55</v>
      </c>
      <c r="BD18" s="315">
        <v>60</v>
      </c>
      <c r="BE18" s="309">
        <v>0</v>
      </c>
      <c r="BF18" s="313">
        <v>0</v>
      </c>
      <c r="BG18" s="310">
        <v>0</v>
      </c>
      <c r="BH18" s="312">
        <v>0</v>
      </c>
      <c r="BI18" s="313">
        <v>20</v>
      </c>
      <c r="BJ18" s="313">
        <v>19</v>
      </c>
      <c r="BK18" s="313">
        <v>8</v>
      </c>
      <c r="BL18" s="313">
        <v>4</v>
      </c>
      <c r="BM18" s="313">
        <v>1</v>
      </c>
      <c r="BN18" s="310">
        <v>52</v>
      </c>
      <c r="BO18" s="315">
        <v>52</v>
      </c>
      <c r="BP18" s="309">
        <v>7</v>
      </c>
      <c r="BQ18" s="313">
        <v>3</v>
      </c>
      <c r="BR18" s="310">
        <v>10</v>
      </c>
      <c r="BS18" s="312">
        <v>0</v>
      </c>
      <c r="BT18" s="313">
        <v>9</v>
      </c>
      <c r="BU18" s="313">
        <v>14</v>
      </c>
      <c r="BV18" s="313">
        <v>6</v>
      </c>
      <c r="BW18" s="313">
        <v>1</v>
      </c>
      <c r="BX18" s="313">
        <v>1</v>
      </c>
      <c r="BY18" s="310">
        <v>31</v>
      </c>
      <c r="BZ18" s="315">
        <v>41</v>
      </c>
      <c r="CA18" s="309">
        <v>0</v>
      </c>
      <c r="CB18" s="313">
        <v>0</v>
      </c>
      <c r="CC18" s="310">
        <v>0</v>
      </c>
      <c r="CD18" s="312">
        <v>0</v>
      </c>
      <c r="CE18" s="313">
        <v>2</v>
      </c>
      <c r="CF18" s="313">
        <v>4</v>
      </c>
      <c r="CG18" s="313">
        <v>5</v>
      </c>
      <c r="CH18" s="313">
        <v>1</v>
      </c>
      <c r="CI18" s="313">
        <v>1</v>
      </c>
      <c r="CJ18" s="310">
        <v>13</v>
      </c>
      <c r="CK18" s="315">
        <v>13</v>
      </c>
      <c r="CL18" s="309">
        <v>0</v>
      </c>
      <c r="CM18" s="313">
        <v>0</v>
      </c>
      <c r="CN18" s="310">
        <v>0</v>
      </c>
      <c r="CO18" s="312">
        <v>0</v>
      </c>
      <c r="CP18" s="313">
        <v>0</v>
      </c>
      <c r="CQ18" s="313">
        <v>0</v>
      </c>
      <c r="CR18" s="313">
        <v>0</v>
      </c>
      <c r="CS18" s="313">
        <v>1</v>
      </c>
      <c r="CT18" s="313">
        <v>0</v>
      </c>
      <c r="CU18" s="310">
        <v>1</v>
      </c>
      <c r="CV18" s="315">
        <v>1</v>
      </c>
      <c r="CW18" s="309">
        <v>0</v>
      </c>
      <c r="CX18" s="313">
        <v>0</v>
      </c>
      <c r="CY18" s="310">
        <v>0</v>
      </c>
      <c r="CZ18" s="312">
        <v>0</v>
      </c>
      <c r="DA18" s="313">
        <v>0</v>
      </c>
      <c r="DB18" s="313">
        <v>0</v>
      </c>
      <c r="DC18" s="313">
        <v>0</v>
      </c>
      <c r="DD18" s="313">
        <v>0</v>
      </c>
      <c r="DE18" s="313">
        <v>0</v>
      </c>
      <c r="DF18" s="310">
        <v>0</v>
      </c>
      <c r="DG18" s="315">
        <v>0</v>
      </c>
      <c r="DH18" s="309">
        <v>0</v>
      </c>
      <c r="DI18" s="313">
        <v>0</v>
      </c>
      <c r="DJ18" s="310">
        <v>0</v>
      </c>
      <c r="DK18" s="312">
        <v>0</v>
      </c>
      <c r="DL18" s="313">
        <v>0</v>
      </c>
      <c r="DM18" s="313">
        <v>0</v>
      </c>
      <c r="DN18" s="313">
        <v>0</v>
      </c>
      <c r="DO18" s="313">
        <v>0</v>
      </c>
      <c r="DP18" s="313">
        <v>0</v>
      </c>
      <c r="DQ18" s="310">
        <v>0</v>
      </c>
      <c r="DR18" s="315">
        <v>0</v>
      </c>
      <c r="DS18" s="309">
        <v>7</v>
      </c>
      <c r="DT18" s="313">
        <v>11</v>
      </c>
      <c r="DU18" s="310">
        <v>18</v>
      </c>
      <c r="DV18" s="312">
        <v>0</v>
      </c>
      <c r="DW18" s="313">
        <v>21</v>
      </c>
      <c r="DX18" s="313">
        <v>45</v>
      </c>
      <c r="DY18" s="313">
        <v>27</v>
      </c>
      <c r="DZ18" s="313">
        <v>8</v>
      </c>
      <c r="EA18" s="313">
        <v>8</v>
      </c>
      <c r="EB18" s="310">
        <v>109</v>
      </c>
      <c r="EC18" s="315">
        <v>127</v>
      </c>
      <c r="ED18" s="309">
        <v>5</v>
      </c>
      <c r="EE18" s="313">
        <v>0</v>
      </c>
      <c r="EF18" s="310">
        <v>5</v>
      </c>
      <c r="EG18" s="312">
        <v>0</v>
      </c>
      <c r="EH18" s="313">
        <v>12</v>
      </c>
      <c r="EI18" s="313">
        <v>9</v>
      </c>
      <c r="EJ18" s="313">
        <v>3</v>
      </c>
      <c r="EK18" s="313">
        <v>8</v>
      </c>
      <c r="EL18" s="313">
        <v>7</v>
      </c>
      <c r="EM18" s="310">
        <v>39</v>
      </c>
      <c r="EN18" s="315">
        <v>44</v>
      </c>
      <c r="EO18" s="309">
        <v>14</v>
      </c>
      <c r="EP18" s="313">
        <v>15</v>
      </c>
      <c r="EQ18" s="310">
        <v>29</v>
      </c>
      <c r="ER18" s="312">
        <v>0</v>
      </c>
      <c r="ES18" s="313">
        <v>47</v>
      </c>
      <c r="ET18" s="313">
        <v>61</v>
      </c>
      <c r="EU18" s="313">
        <v>30</v>
      </c>
      <c r="EV18" s="313">
        <v>9</v>
      </c>
      <c r="EW18" s="313">
        <v>7</v>
      </c>
      <c r="EX18" s="310">
        <v>154</v>
      </c>
      <c r="EY18" s="315">
        <v>183</v>
      </c>
    </row>
    <row r="19" spans="1:155" ht="19.5" customHeight="1" x14ac:dyDescent="0.2">
      <c r="A19" s="294" t="s">
        <v>17</v>
      </c>
      <c r="B19" s="309">
        <v>0</v>
      </c>
      <c r="C19" s="310">
        <v>0</v>
      </c>
      <c r="D19" s="311">
        <v>0</v>
      </c>
      <c r="E19" s="312">
        <v>0</v>
      </c>
      <c r="F19" s="313">
        <v>10</v>
      </c>
      <c r="G19" s="313">
        <v>16</v>
      </c>
      <c r="H19" s="313">
        <v>12</v>
      </c>
      <c r="I19" s="313">
        <v>4</v>
      </c>
      <c r="J19" s="313">
        <v>7</v>
      </c>
      <c r="K19" s="314">
        <v>49</v>
      </c>
      <c r="L19" s="315">
        <v>49</v>
      </c>
      <c r="M19" s="309">
        <v>0</v>
      </c>
      <c r="N19" s="313">
        <v>0</v>
      </c>
      <c r="O19" s="310">
        <v>0</v>
      </c>
      <c r="P19" s="312">
        <v>0</v>
      </c>
      <c r="Q19" s="313">
        <v>0</v>
      </c>
      <c r="R19" s="313">
        <v>3</v>
      </c>
      <c r="S19" s="313">
        <v>1</v>
      </c>
      <c r="T19" s="313">
        <v>2</v>
      </c>
      <c r="U19" s="313">
        <v>5</v>
      </c>
      <c r="V19" s="310">
        <v>11</v>
      </c>
      <c r="W19" s="315">
        <v>11</v>
      </c>
      <c r="X19" s="309">
        <v>5</v>
      </c>
      <c r="Y19" s="313">
        <v>8</v>
      </c>
      <c r="Z19" s="310">
        <v>13</v>
      </c>
      <c r="AA19" s="312">
        <v>0</v>
      </c>
      <c r="AB19" s="313">
        <v>10</v>
      </c>
      <c r="AC19" s="313">
        <v>16</v>
      </c>
      <c r="AD19" s="313">
        <v>13</v>
      </c>
      <c r="AE19" s="313">
        <v>7</v>
      </c>
      <c r="AF19" s="313">
        <v>7</v>
      </c>
      <c r="AG19" s="310">
        <v>53</v>
      </c>
      <c r="AH19" s="315">
        <v>66</v>
      </c>
      <c r="AI19" s="309">
        <v>0</v>
      </c>
      <c r="AJ19" s="313">
        <v>0</v>
      </c>
      <c r="AK19" s="310">
        <v>0</v>
      </c>
      <c r="AL19" s="312">
        <v>0</v>
      </c>
      <c r="AM19" s="313">
        <v>0</v>
      </c>
      <c r="AN19" s="313">
        <v>1</v>
      </c>
      <c r="AO19" s="313">
        <v>3</v>
      </c>
      <c r="AP19" s="313">
        <v>1</v>
      </c>
      <c r="AQ19" s="313">
        <v>0</v>
      </c>
      <c r="AR19" s="310">
        <v>5</v>
      </c>
      <c r="AS19" s="315">
        <v>5</v>
      </c>
      <c r="AT19" s="309">
        <v>3</v>
      </c>
      <c r="AU19" s="313">
        <v>6</v>
      </c>
      <c r="AV19" s="310">
        <v>9</v>
      </c>
      <c r="AW19" s="312">
        <v>0</v>
      </c>
      <c r="AX19" s="313">
        <v>20</v>
      </c>
      <c r="AY19" s="313">
        <v>25</v>
      </c>
      <c r="AZ19" s="313">
        <v>20</v>
      </c>
      <c r="BA19" s="313">
        <v>29</v>
      </c>
      <c r="BB19" s="313">
        <v>18</v>
      </c>
      <c r="BC19" s="314">
        <v>112</v>
      </c>
      <c r="BD19" s="315">
        <v>121</v>
      </c>
      <c r="BE19" s="309">
        <v>0</v>
      </c>
      <c r="BF19" s="313">
        <v>0</v>
      </c>
      <c r="BG19" s="310">
        <v>0</v>
      </c>
      <c r="BH19" s="312">
        <v>0</v>
      </c>
      <c r="BI19" s="313">
        <v>21</v>
      </c>
      <c r="BJ19" s="313">
        <v>34</v>
      </c>
      <c r="BK19" s="313">
        <v>17</v>
      </c>
      <c r="BL19" s="313">
        <v>7</v>
      </c>
      <c r="BM19" s="313">
        <v>1</v>
      </c>
      <c r="BN19" s="310">
        <v>80</v>
      </c>
      <c r="BO19" s="315">
        <v>80</v>
      </c>
      <c r="BP19" s="309">
        <v>0</v>
      </c>
      <c r="BQ19" s="313">
        <v>5</v>
      </c>
      <c r="BR19" s="310">
        <v>5</v>
      </c>
      <c r="BS19" s="312">
        <v>0</v>
      </c>
      <c r="BT19" s="313">
        <v>9</v>
      </c>
      <c r="BU19" s="313">
        <v>6</v>
      </c>
      <c r="BV19" s="313">
        <v>9</v>
      </c>
      <c r="BW19" s="313">
        <v>3</v>
      </c>
      <c r="BX19" s="313">
        <v>0</v>
      </c>
      <c r="BY19" s="310">
        <v>27</v>
      </c>
      <c r="BZ19" s="315">
        <v>32</v>
      </c>
      <c r="CA19" s="309">
        <v>0</v>
      </c>
      <c r="CB19" s="313">
        <v>1</v>
      </c>
      <c r="CC19" s="310">
        <v>1</v>
      </c>
      <c r="CD19" s="312">
        <v>0</v>
      </c>
      <c r="CE19" s="313">
        <v>2</v>
      </c>
      <c r="CF19" s="313">
        <v>6</v>
      </c>
      <c r="CG19" s="313">
        <v>5</v>
      </c>
      <c r="CH19" s="313">
        <v>5</v>
      </c>
      <c r="CI19" s="313">
        <v>0</v>
      </c>
      <c r="CJ19" s="310">
        <v>18</v>
      </c>
      <c r="CK19" s="315">
        <v>19</v>
      </c>
      <c r="CL19" s="309">
        <v>0</v>
      </c>
      <c r="CM19" s="313">
        <v>0</v>
      </c>
      <c r="CN19" s="310">
        <v>0</v>
      </c>
      <c r="CO19" s="312">
        <v>0</v>
      </c>
      <c r="CP19" s="313">
        <v>0</v>
      </c>
      <c r="CQ19" s="313">
        <v>1</v>
      </c>
      <c r="CR19" s="313">
        <v>2</v>
      </c>
      <c r="CS19" s="313">
        <v>1</v>
      </c>
      <c r="CT19" s="313">
        <v>0</v>
      </c>
      <c r="CU19" s="310">
        <v>4</v>
      </c>
      <c r="CV19" s="315">
        <v>4</v>
      </c>
      <c r="CW19" s="309">
        <v>0</v>
      </c>
      <c r="CX19" s="313">
        <v>0</v>
      </c>
      <c r="CY19" s="310">
        <v>0</v>
      </c>
      <c r="CZ19" s="312">
        <v>0</v>
      </c>
      <c r="DA19" s="313">
        <v>0</v>
      </c>
      <c r="DB19" s="313">
        <v>0</v>
      </c>
      <c r="DC19" s="313">
        <v>0</v>
      </c>
      <c r="DD19" s="313">
        <v>0</v>
      </c>
      <c r="DE19" s="313">
        <v>0</v>
      </c>
      <c r="DF19" s="310">
        <v>0</v>
      </c>
      <c r="DG19" s="315">
        <v>0</v>
      </c>
      <c r="DH19" s="309">
        <v>0</v>
      </c>
      <c r="DI19" s="313">
        <v>0</v>
      </c>
      <c r="DJ19" s="310">
        <v>0</v>
      </c>
      <c r="DK19" s="312">
        <v>0</v>
      </c>
      <c r="DL19" s="313">
        <v>0</v>
      </c>
      <c r="DM19" s="313">
        <v>0</v>
      </c>
      <c r="DN19" s="313">
        <v>0</v>
      </c>
      <c r="DO19" s="313">
        <v>0</v>
      </c>
      <c r="DP19" s="313">
        <v>0</v>
      </c>
      <c r="DQ19" s="310">
        <v>0</v>
      </c>
      <c r="DR19" s="315">
        <v>0</v>
      </c>
      <c r="DS19" s="309">
        <v>15</v>
      </c>
      <c r="DT19" s="313">
        <v>18</v>
      </c>
      <c r="DU19" s="310">
        <v>33</v>
      </c>
      <c r="DV19" s="312">
        <v>0</v>
      </c>
      <c r="DW19" s="313">
        <v>28</v>
      </c>
      <c r="DX19" s="313">
        <v>62</v>
      </c>
      <c r="DY19" s="313">
        <v>38</v>
      </c>
      <c r="DZ19" s="313">
        <v>24</v>
      </c>
      <c r="EA19" s="313">
        <v>11</v>
      </c>
      <c r="EB19" s="310">
        <v>163</v>
      </c>
      <c r="EC19" s="315">
        <v>196</v>
      </c>
      <c r="ED19" s="309">
        <v>2</v>
      </c>
      <c r="EE19" s="313">
        <v>4</v>
      </c>
      <c r="EF19" s="310">
        <v>6</v>
      </c>
      <c r="EG19" s="312">
        <v>0</v>
      </c>
      <c r="EH19" s="313">
        <v>10</v>
      </c>
      <c r="EI19" s="313">
        <v>8</v>
      </c>
      <c r="EJ19" s="313">
        <v>6</v>
      </c>
      <c r="EK19" s="313">
        <v>16</v>
      </c>
      <c r="EL19" s="313">
        <v>7</v>
      </c>
      <c r="EM19" s="310">
        <v>47</v>
      </c>
      <c r="EN19" s="315">
        <v>53</v>
      </c>
      <c r="EO19" s="309">
        <v>18</v>
      </c>
      <c r="EP19" s="313">
        <v>25</v>
      </c>
      <c r="EQ19" s="310">
        <v>43</v>
      </c>
      <c r="ER19" s="312">
        <v>0</v>
      </c>
      <c r="ES19" s="313">
        <v>60</v>
      </c>
      <c r="ET19" s="313">
        <v>83</v>
      </c>
      <c r="EU19" s="313">
        <v>49</v>
      </c>
      <c r="EV19" s="313">
        <v>26</v>
      </c>
      <c r="EW19" s="313">
        <v>13</v>
      </c>
      <c r="EX19" s="310">
        <v>231</v>
      </c>
      <c r="EY19" s="315">
        <v>274</v>
      </c>
    </row>
    <row r="20" spans="1:155" ht="19.5" customHeight="1" x14ac:dyDescent="0.2">
      <c r="A20" s="294" t="s">
        <v>18</v>
      </c>
      <c r="B20" s="309">
        <v>0</v>
      </c>
      <c r="C20" s="310">
        <v>0</v>
      </c>
      <c r="D20" s="311">
        <v>0</v>
      </c>
      <c r="E20" s="312">
        <v>0</v>
      </c>
      <c r="F20" s="313">
        <v>20</v>
      </c>
      <c r="G20" s="313">
        <v>37</v>
      </c>
      <c r="H20" s="313">
        <v>18</v>
      </c>
      <c r="I20" s="313">
        <v>12</v>
      </c>
      <c r="J20" s="313">
        <v>11</v>
      </c>
      <c r="K20" s="314">
        <v>98</v>
      </c>
      <c r="L20" s="315">
        <v>98</v>
      </c>
      <c r="M20" s="309">
        <v>0</v>
      </c>
      <c r="N20" s="313">
        <v>0</v>
      </c>
      <c r="O20" s="310">
        <v>0</v>
      </c>
      <c r="P20" s="312">
        <v>0</v>
      </c>
      <c r="Q20" s="313">
        <v>0</v>
      </c>
      <c r="R20" s="313">
        <v>2</v>
      </c>
      <c r="S20" s="313">
        <v>2</v>
      </c>
      <c r="T20" s="313">
        <v>5</v>
      </c>
      <c r="U20" s="313">
        <v>4</v>
      </c>
      <c r="V20" s="310">
        <v>13</v>
      </c>
      <c r="W20" s="315">
        <v>13</v>
      </c>
      <c r="X20" s="309">
        <v>6</v>
      </c>
      <c r="Y20" s="313">
        <v>7</v>
      </c>
      <c r="Z20" s="310">
        <v>13</v>
      </c>
      <c r="AA20" s="312">
        <v>0</v>
      </c>
      <c r="AB20" s="313">
        <v>14</v>
      </c>
      <c r="AC20" s="313">
        <v>36</v>
      </c>
      <c r="AD20" s="313">
        <v>14</v>
      </c>
      <c r="AE20" s="313">
        <v>18</v>
      </c>
      <c r="AF20" s="313">
        <v>6</v>
      </c>
      <c r="AG20" s="310">
        <v>88</v>
      </c>
      <c r="AH20" s="315">
        <v>101</v>
      </c>
      <c r="AI20" s="309">
        <v>1</v>
      </c>
      <c r="AJ20" s="313">
        <v>1</v>
      </c>
      <c r="AK20" s="310">
        <v>2</v>
      </c>
      <c r="AL20" s="312">
        <v>0</v>
      </c>
      <c r="AM20" s="313">
        <v>3</v>
      </c>
      <c r="AN20" s="313">
        <v>3</v>
      </c>
      <c r="AO20" s="313">
        <v>1</v>
      </c>
      <c r="AP20" s="313">
        <v>0</v>
      </c>
      <c r="AQ20" s="313">
        <v>1</v>
      </c>
      <c r="AR20" s="310">
        <v>8</v>
      </c>
      <c r="AS20" s="315">
        <v>10</v>
      </c>
      <c r="AT20" s="309">
        <v>5</v>
      </c>
      <c r="AU20" s="313">
        <v>3</v>
      </c>
      <c r="AV20" s="310">
        <v>8</v>
      </c>
      <c r="AW20" s="312">
        <v>0</v>
      </c>
      <c r="AX20" s="313">
        <v>24</v>
      </c>
      <c r="AY20" s="313">
        <v>36</v>
      </c>
      <c r="AZ20" s="313">
        <v>22</v>
      </c>
      <c r="BA20" s="313">
        <v>28</v>
      </c>
      <c r="BB20" s="313">
        <v>28</v>
      </c>
      <c r="BC20" s="314">
        <v>138</v>
      </c>
      <c r="BD20" s="315">
        <v>146</v>
      </c>
      <c r="BE20" s="309">
        <v>0</v>
      </c>
      <c r="BF20" s="313">
        <v>0</v>
      </c>
      <c r="BG20" s="310">
        <v>0</v>
      </c>
      <c r="BH20" s="312">
        <v>0</v>
      </c>
      <c r="BI20" s="313">
        <v>28</v>
      </c>
      <c r="BJ20" s="313">
        <v>46</v>
      </c>
      <c r="BK20" s="313">
        <v>13</v>
      </c>
      <c r="BL20" s="313">
        <v>11</v>
      </c>
      <c r="BM20" s="313">
        <v>2</v>
      </c>
      <c r="BN20" s="310">
        <v>100</v>
      </c>
      <c r="BO20" s="315">
        <v>100</v>
      </c>
      <c r="BP20" s="309">
        <v>1</v>
      </c>
      <c r="BQ20" s="313">
        <v>4</v>
      </c>
      <c r="BR20" s="310">
        <v>5</v>
      </c>
      <c r="BS20" s="312">
        <v>0</v>
      </c>
      <c r="BT20" s="313">
        <v>5</v>
      </c>
      <c r="BU20" s="313">
        <v>14</v>
      </c>
      <c r="BV20" s="313">
        <v>7</v>
      </c>
      <c r="BW20" s="313">
        <v>4</v>
      </c>
      <c r="BX20" s="313">
        <v>1</v>
      </c>
      <c r="BY20" s="310">
        <v>31</v>
      </c>
      <c r="BZ20" s="315">
        <v>36</v>
      </c>
      <c r="CA20" s="309">
        <v>0</v>
      </c>
      <c r="CB20" s="313">
        <v>0</v>
      </c>
      <c r="CC20" s="310">
        <v>0</v>
      </c>
      <c r="CD20" s="312">
        <v>0</v>
      </c>
      <c r="CE20" s="313">
        <v>3</v>
      </c>
      <c r="CF20" s="313">
        <v>7</v>
      </c>
      <c r="CG20" s="313">
        <v>9</v>
      </c>
      <c r="CH20" s="313">
        <v>8</v>
      </c>
      <c r="CI20" s="313">
        <v>2</v>
      </c>
      <c r="CJ20" s="310">
        <v>29</v>
      </c>
      <c r="CK20" s="315">
        <v>29</v>
      </c>
      <c r="CL20" s="309">
        <v>0</v>
      </c>
      <c r="CM20" s="313">
        <v>0</v>
      </c>
      <c r="CN20" s="310">
        <v>0</v>
      </c>
      <c r="CO20" s="312">
        <v>0</v>
      </c>
      <c r="CP20" s="313">
        <v>0</v>
      </c>
      <c r="CQ20" s="313">
        <v>0</v>
      </c>
      <c r="CR20" s="313">
        <v>0</v>
      </c>
      <c r="CS20" s="313">
        <v>0</v>
      </c>
      <c r="CT20" s="313">
        <v>0</v>
      </c>
      <c r="CU20" s="310">
        <v>0</v>
      </c>
      <c r="CV20" s="315">
        <v>0</v>
      </c>
      <c r="CW20" s="309">
        <v>0</v>
      </c>
      <c r="CX20" s="313">
        <v>0</v>
      </c>
      <c r="CY20" s="310">
        <v>0</v>
      </c>
      <c r="CZ20" s="312">
        <v>0</v>
      </c>
      <c r="DA20" s="313">
        <v>0</v>
      </c>
      <c r="DB20" s="313">
        <v>0</v>
      </c>
      <c r="DC20" s="313">
        <v>0</v>
      </c>
      <c r="DD20" s="313">
        <v>0</v>
      </c>
      <c r="DE20" s="313">
        <v>0</v>
      </c>
      <c r="DF20" s="310">
        <v>0</v>
      </c>
      <c r="DG20" s="315">
        <v>0</v>
      </c>
      <c r="DH20" s="309">
        <v>0</v>
      </c>
      <c r="DI20" s="313">
        <v>0</v>
      </c>
      <c r="DJ20" s="310">
        <v>0</v>
      </c>
      <c r="DK20" s="312">
        <v>0</v>
      </c>
      <c r="DL20" s="313">
        <v>0</v>
      </c>
      <c r="DM20" s="313">
        <v>0</v>
      </c>
      <c r="DN20" s="313">
        <v>0</v>
      </c>
      <c r="DO20" s="313">
        <v>0</v>
      </c>
      <c r="DP20" s="313">
        <v>0</v>
      </c>
      <c r="DQ20" s="310">
        <v>0</v>
      </c>
      <c r="DR20" s="315">
        <v>0</v>
      </c>
      <c r="DS20" s="309">
        <v>11</v>
      </c>
      <c r="DT20" s="313">
        <v>28</v>
      </c>
      <c r="DU20" s="310">
        <v>39</v>
      </c>
      <c r="DV20" s="312">
        <v>0</v>
      </c>
      <c r="DW20" s="313">
        <v>33</v>
      </c>
      <c r="DX20" s="313">
        <v>75</v>
      </c>
      <c r="DY20" s="313">
        <v>29</v>
      </c>
      <c r="DZ20" s="313">
        <v>27</v>
      </c>
      <c r="EA20" s="313">
        <v>17</v>
      </c>
      <c r="EB20" s="310">
        <v>181</v>
      </c>
      <c r="EC20" s="315">
        <v>220</v>
      </c>
      <c r="ED20" s="309">
        <v>2</v>
      </c>
      <c r="EE20" s="313">
        <v>0</v>
      </c>
      <c r="EF20" s="310">
        <v>2</v>
      </c>
      <c r="EG20" s="312">
        <v>0</v>
      </c>
      <c r="EH20" s="313">
        <v>12</v>
      </c>
      <c r="EI20" s="313">
        <v>11</v>
      </c>
      <c r="EJ20" s="313">
        <v>11</v>
      </c>
      <c r="EK20" s="313">
        <v>11</v>
      </c>
      <c r="EL20" s="313">
        <v>12</v>
      </c>
      <c r="EM20" s="310">
        <v>57</v>
      </c>
      <c r="EN20" s="315">
        <v>59</v>
      </c>
      <c r="EO20" s="309">
        <v>16</v>
      </c>
      <c r="EP20" s="313">
        <v>34</v>
      </c>
      <c r="EQ20" s="310">
        <v>50</v>
      </c>
      <c r="ER20" s="312">
        <v>0</v>
      </c>
      <c r="ES20" s="313">
        <v>84</v>
      </c>
      <c r="ET20" s="313">
        <v>115</v>
      </c>
      <c r="EU20" s="313">
        <v>40</v>
      </c>
      <c r="EV20" s="313">
        <v>31</v>
      </c>
      <c r="EW20" s="313">
        <v>16</v>
      </c>
      <c r="EX20" s="310">
        <v>286</v>
      </c>
      <c r="EY20" s="315">
        <v>336</v>
      </c>
    </row>
    <row r="21" spans="1:155" ht="19.5" customHeight="1" x14ac:dyDescent="0.2">
      <c r="A21" s="294" t="s">
        <v>19</v>
      </c>
      <c r="B21" s="309">
        <v>0</v>
      </c>
      <c r="C21" s="310">
        <v>0</v>
      </c>
      <c r="D21" s="311">
        <v>0</v>
      </c>
      <c r="E21" s="312">
        <v>0</v>
      </c>
      <c r="F21" s="313">
        <v>6</v>
      </c>
      <c r="G21" s="313">
        <v>7</v>
      </c>
      <c r="H21" s="313">
        <v>7</v>
      </c>
      <c r="I21" s="313">
        <v>3</v>
      </c>
      <c r="J21" s="313">
        <v>2</v>
      </c>
      <c r="K21" s="314">
        <v>25</v>
      </c>
      <c r="L21" s="315">
        <v>25</v>
      </c>
      <c r="M21" s="309">
        <v>0</v>
      </c>
      <c r="N21" s="313">
        <v>0</v>
      </c>
      <c r="O21" s="310">
        <v>0</v>
      </c>
      <c r="P21" s="312">
        <v>0</v>
      </c>
      <c r="Q21" s="313">
        <v>0</v>
      </c>
      <c r="R21" s="313">
        <v>0</v>
      </c>
      <c r="S21" s="313">
        <v>2</v>
      </c>
      <c r="T21" s="313">
        <v>1</v>
      </c>
      <c r="U21" s="313">
        <v>1</v>
      </c>
      <c r="V21" s="310">
        <v>4</v>
      </c>
      <c r="W21" s="315">
        <v>4</v>
      </c>
      <c r="X21" s="309">
        <v>1</v>
      </c>
      <c r="Y21" s="313">
        <v>4</v>
      </c>
      <c r="Z21" s="310">
        <v>5</v>
      </c>
      <c r="AA21" s="312">
        <v>0</v>
      </c>
      <c r="AB21" s="313">
        <v>11</v>
      </c>
      <c r="AC21" s="313">
        <v>9</v>
      </c>
      <c r="AD21" s="313">
        <v>7</v>
      </c>
      <c r="AE21" s="313">
        <v>5</v>
      </c>
      <c r="AF21" s="313">
        <v>5</v>
      </c>
      <c r="AG21" s="310">
        <v>37</v>
      </c>
      <c r="AH21" s="315">
        <v>42</v>
      </c>
      <c r="AI21" s="309">
        <v>0</v>
      </c>
      <c r="AJ21" s="313">
        <v>0</v>
      </c>
      <c r="AK21" s="310">
        <v>0</v>
      </c>
      <c r="AL21" s="312">
        <v>0</v>
      </c>
      <c r="AM21" s="313">
        <v>2</v>
      </c>
      <c r="AN21" s="313">
        <v>1</v>
      </c>
      <c r="AO21" s="313">
        <v>2</v>
      </c>
      <c r="AP21" s="313">
        <v>0</v>
      </c>
      <c r="AQ21" s="313">
        <v>0</v>
      </c>
      <c r="AR21" s="310">
        <v>5</v>
      </c>
      <c r="AS21" s="315">
        <v>5</v>
      </c>
      <c r="AT21" s="309">
        <v>2</v>
      </c>
      <c r="AU21" s="313">
        <v>4</v>
      </c>
      <c r="AV21" s="310">
        <v>6</v>
      </c>
      <c r="AW21" s="312">
        <v>0</v>
      </c>
      <c r="AX21" s="313">
        <v>6</v>
      </c>
      <c r="AY21" s="313">
        <v>12</v>
      </c>
      <c r="AZ21" s="313">
        <v>15</v>
      </c>
      <c r="BA21" s="313">
        <v>7</v>
      </c>
      <c r="BB21" s="313">
        <v>8</v>
      </c>
      <c r="BC21" s="314">
        <v>48</v>
      </c>
      <c r="BD21" s="315">
        <v>54</v>
      </c>
      <c r="BE21" s="309">
        <v>0</v>
      </c>
      <c r="BF21" s="313">
        <v>0</v>
      </c>
      <c r="BG21" s="310">
        <v>0</v>
      </c>
      <c r="BH21" s="312">
        <v>0</v>
      </c>
      <c r="BI21" s="313">
        <v>18</v>
      </c>
      <c r="BJ21" s="313">
        <v>7</v>
      </c>
      <c r="BK21" s="313">
        <v>4</v>
      </c>
      <c r="BL21" s="313">
        <v>3</v>
      </c>
      <c r="BM21" s="313">
        <v>3</v>
      </c>
      <c r="BN21" s="310">
        <v>35</v>
      </c>
      <c r="BO21" s="315">
        <v>35</v>
      </c>
      <c r="BP21" s="309">
        <v>1</v>
      </c>
      <c r="BQ21" s="313">
        <v>3</v>
      </c>
      <c r="BR21" s="310">
        <v>4</v>
      </c>
      <c r="BS21" s="312">
        <v>0</v>
      </c>
      <c r="BT21" s="313">
        <v>7</v>
      </c>
      <c r="BU21" s="313">
        <v>3</v>
      </c>
      <c r="BV21" s="313">
        <v>5</v>
      </c>
      <c r="BW21" s="313">
        <v>6</v>
      </c>
      <c r="BX21" s="313">
        <v>1</v>
      </c>
      <c r="BY21" s="310">
        <v>22</v>
      </c>
      <c r="BZ21" s="315">
        <v>26</v>
      </c>
      <c r="CA21" s="309">
        <v>0</v>
      </c>
      <c r="CB21" s="313">
        <v>1</v>
      </c>
      <c r="CC21" s="310">
        <v>1</v>
      </c>
      <c r="CD21" s="312">
        <v>0</v>
      </c>
      <c r="CE21" s="313">
        <v>0</v>
      </c>
      <c r="CF21" s="313">
        <v>2</v>
      </c>
      <c r="CG21" s="313">
        <v>3</v>
      </c>
      <c r="CH21" s="313">
        <v>0</v>
      </c>
      <c r="CI21" s="313">
        <v>1</v>
      </c>
      <c r="CJ21" s="310">
        <v>6</v>
      </c>
      <c r="CK21" s="315">
        <v>7</v>
      </c>
      <c r="CL21" s="309">
        <v>0</v>
      </c>
      <c r="CM21" s="313">
        <v>0</v>
      </c>
      <c r="CN21" s="310">
        <v>0</v>
      </c>
      <c r="CO21" s="312">
        <v>0</v>
      </c>
      <c r="CP21" s="313">
        <v>0</v>
      </c>
      <c r="CQ21" s="313">
        <v>1</v>
      </c>
      <c r="CR21" s="313">
        <v>0</v>
      </c>
      <c r="CS21" s="313">
        <v>1</v>
      </c>
      <c r="CT21" s="313">
        <v>0</v>
      </c>
      <c r="CU21" s="310">
        <v>2</v>
      </c>
      <c r="CV21" s="315">
        <v>2</v>
      </c>
      <c r="CW21" s="309">
        <v>0</v>
      </c>
      <c r="CX21" s="313">
        <v>0</v>
      </c>
      <c r="CY21" s="310">
        <v>0</v>
      </c>
      <c r="CZ21" s="312">
        <v>0</v>
      </c>
      <c r="DA21" s="313">
        <v>0</v>
      </c>
      <c r="DB21" s="313">
        <v>0</v>
      </c>
      <c r="DC21" s="313">
        <v>0</v>
      </c>
      <c r="DD21" s="313">
        <v>0</v>
      </c>
      <c r="DE21" s="313">
        <v>0</v>
      </c>
      <c r="DF21" s="310">
        <v>0</v>
      </c>
      <c r="DG21" s="315">
        <v>0</v>
      </c>
      <c r="DH21" s="309">
        <v>0</v>
      </c>
      <c r="DI21" s="313">
        <v>0</v>
      </c>
      <c r="DJ21" s="310">
        <v>0</v>
      </c>
      <c r="DK21" s="312">
        <v>0</v>
      </c>
      <c r="DL21" s="313">
        <v>0</v>
      </c>
      <c r="DM21" s="313">
        <v>0</v>
      </c>
      <c r="DN21" s="313">
        <v>0</v>
      </c>
      <c r="DO21" s="313">
        <v>0</v>
      </c>
      <c r="DP21" s="313">
        <v>0</v>
      </c>
      <c r="DQ21" s="310">
        <v>0</v>
      </c>
      <c r="DR21" s="315">
        <v>0</v>
      </c>
      <c r="DS21" s="309">
        <v>5</v>
      </c>
      <c r="DT21" s="313">
        <v>11</v>
      </c>
      <c r="DU21" s="310">
        <v>16</v>
      </c>
      <c r="DV21" s="312">
        <v>0</v>
      </c>
      <c r="DW21" s="313">
        <v>20</v>
      </c>
      <c r="DX21" s="313">
        <v>20</v>
      </c>
      <c r="DY21" s="313">
        <v>20</v>
      </c>
      <c r="DZ21" s="313">
        <v>10</v>
      </c>
      <c r="EA21" s="313">
        <v>5</v>
      </c>
      <c r="EB21" s="310">
        <v>75</v>
      </c>
      <c r="EC21" s="315">
        <v>91</v>
      </c>
      <c r="ED21" s="309">
        <v>1</v>
      </c>
      <c r="EE21" s="313">
        <v>5</v>
      </c>
      <c r="EF21" s="310">
        <v>6</v>
      </c>
      <c r="EG21" s="312">
        <v>0</v>
      </c>
      <c r="EH21" s="313">
        <v>6</v>
      </c>
      <c r="EI21" s="313">
        <v>4</v>
      </c>
      <c r="EJ21" s="313">
        <v>7</v>
      </c>
      <c r="EK21" s="313">
        <v>2</v>
      </c>
      <c r="EL21" s="313">
        <v>4</v>
      </c>
      <c r="EM21" s="310">
        <v>23</v>
      </c>
      <c r="EN21" s="315">
        <v>29</v>
      </c>
      <c r="EO21" s="309">
        <v>7</v>
      </c>
      <c r="EP21" s="313">
        <v>15</v>
      </c>
      <c r="EQ21" s="310">
        <v>22</v>
      </c>
      <c r="ER21" s="312">
        <v>0</v>
      </c>
      <c r="ES21" s="313">
        <v>40</v>
      </c>
      <c r="ET21" s="313">
        <v>26</v>
      </c>
      <c r="EU21" s="313">
        <v>20</v>
      </c>
      <c r="EV21" s="313">
        <v>9</v>
      </c>
      <c r="EW21" s="313">
        <v>6</v>
      </c>
      <c r="EX21" s="310">
        <v>101</v>
      </c>
      <c r="EY21" s="315">
        <v>123</v>
      </c>
    </row>
    <row r="22" spans="1:155" ht="19.5" customHeight="1" x14ac:dyDescent="0.2">
      <c r="A22" s="294" t="s">
        <v>20</v>
      </c>
      <c r="B22" s="309">
        <v>0</v>
      </c>
      <c r="C22" s="310">
        <v>0</v>
      </c>
      <c r="D22" s="311">
        <v>0</v>
      </c>
      <c r="E22" s="312">
        <v>0</v>
      </c>
      <c r="F22" s="313">
        <v>20</v>
      </c>
      <c r="G22" s="313">
        <v>5</v>
      </c>
      <c r="H22" s="313">
        <v>3</v>
      </c>
      <c r="I22" s="313">
        <v>7</v>
      </c>
      <c r="J22" s="313">
        <v>3</v>
      </c>
      <c r="K22" s="314">
        <v>38</v>
      </c>
      <c r="L22" s="315">
        <v>38</v>
      </c>
      <c r="M22" s="309">
        <v>0</v>
      </c>
      <c r="N22" s="313">
        <v>0</v>
      </c>
      <c r="O22" s="310">
        <v>0</v>
      </c>
      <c r="P22" s="312">
        <v>0</v>
      </c>
      <c r="Q22" s="313">
        <v>1</v>
      </c>
      <c r="R22" s="313">
        <v>0</v>
      </c>
      <c r="S22" s="313">
        <v>2</v>
      </c>
      <c r="T22" s="313">
        <v>1</v>
      </c>
      <c r="U22" s="313">
        <v>2</v>
      </c>
      <c r="V22" s="310">
        <v>6</v>
      </c>
      <c r="W22" s="315">
        <v>6</v>
      </c>
      <c r="X22" s="309">
        <v>3</v>
      </c>
      <c r="Y22" s="313">
        <v>5</v>
      </c>
      <c r="Z22" s="310">
        <v>8</v>
      </c>
      <c r="AA22" s="312">
        <v>0</v>
      </c>
      <c r="AB22" s="313">
        <v>19</v>
      </c>
      <c r="AC22" s="313">
        <v>7</v>
      </c>
      <c r="AD22" s="313">
        <v>7</v>
      </c>
      <c r="AE22" s="313">
        <v>3</v>
      </c>
      <c r="AF22" s="313">
        <v>2</v>
      </c>
      <c r="AG22" s="310">
        <v>38</v>
      </c>
      <c r="AH22" s="315">
        <v>46</v>
      </c>
      <c r="AI22" s="309">
        <v>2</v>
      </c>
      <c r="AJ22" s="313">
        <v>3</v>
      </c>
      <c r="AK22" s="310">
        <v>5</v>
      </c>
      <c r="AL22" s="312">
        <v>0</v>
      </c>
      <c r="AM22" s="313">
        <v>4</v>
      </c>
      <c r="AN22" s="313">
        <v>2</v>
      </c>
      <c r="AO22" s="313">
        <v>4</v>
      </c>
      <c r="AP22" s="313">
        <v>0</v>
      </c>
      <c r="AQ22" s="313">
        <v>2</v>
      </c>
      <c r="AR22" s="310">
        <v>12</v>
      </c>
      <c r="AS22" s="315">
        <v>17</v>
      </c>
      <c r="AT22" s="309">
        <v>1</v>
      </c>
      <c r="AU22" s="313">
        <v>2</v>
      </c>
      <c r="AV22" s="310">
        <v>3</v>
      </c>
      <c r="AW22" s="312">
        <v>0</v>
      </c>
      <c r="AX22" s="313">
        <v>19</v>
      </c>
      <c r="AY22" s="313">
        <v>13</v>
      </c>
      <c r="AZ22" s="313">
        <v>9</v>
      </c>
      <c r="BA22" s="313">
        <v>16</v>
      </c>
      <c r="BB22" s="313">
        <v>7</v>
      </c>
      <c r="BC22" s="314">
        <v>64</v>
      </c>
      <c r="BD22" s="315">
        <v>67</v>
      </c>
      <c r="BE22" s="309">
        <v>0</v>
      </c>
      <c r="BF22" s="313">
        <v>0</v>
      </c>
      <c r="BG22" s="310">
        <v>0</v>
      </c>
      <c r="BH22" s="312">
        <v>0</v>
      </c>
      <c r="BI22" s="313">
        <v>12</v>
      </c>
      <c r="BJ22" s="313">
        <v>11</v>
      </c>
      <c r="BK22" s="313">
        <v>8</v>
      </c>
      <c r="BL22" s="313">
        <v>4</v>
      </c>
      <c r="BM22" s="313">
        <v>3</v>
      </c>
      <c r="BN22" s="310">
        <v>38</v>
      </c>
      <c r="BO22" s="315">
        <v>38</v>
      </c>
      <c r="BP22" s="309">
        <v>2</v>
      </c>
      <c r="BQ22" s="313">
        <v>2</v>
      </c>
      <c r="BR22" s="310">
        <v>4</v>
      </c>
      <c r="BS22" s="312">
        <v>0</v>
      </c>
      <c r="BT22" s="313">
        <v>12</v>
      </c>
      <c r="BU22" s="313">
        <v>13</v>
      </c>
      <c r="BV22" s="313">
        <v>6</v>
      </c>
      <c r="BW22" s="313">
        <v>4</v>
      </c>
      <c r="BX22" s="313">
        <v>3</v>
      </c>
      <c r="BY22" s="310">
        <v>38</v>
      </c>
      <c r="BZ22" s="315">
        <v>42</v>
      </c>
      <c r="CA22" s="309">
        <v>0</v>
      </c>
      <c r="CB22" s="313">
        <v>1</v>
      </c>
      <c r="CC22" s="310">
        <v>1</v>
      </c>
      <c r="CD22" s="312">
        <v>0</v>
      </c>
      <c r="CE22" s="313">
        <v>3</v>
      </c>
      <c r="CF22" s="313">
        <v>1</v>
      </c>
      <c r="CG22" s="313">
        <v>6</v>
      </c>
      <c r="CH22" s="313">
        <v>4</v>
      </c>
      <c r="CI22" s="313">
        <v>2</v>
      </c>
      <c r="CJ22" s="310">
        <v>16</v>
      </c>
      <c r="CK22" s="315">
        <v>17</v>
      </c>
      <c r="CL22" s="309">
        <v>0</v>
      </c>
      <c r="CM22" s="313">
        <v>0</v>
      </c>
      <c r="CN22" s="310">
        <v>0</v>
      </c>
      <c r="CO22" s="312">
        <v>0</v>
      </c>
      <c r="CP22" s="313">
        <v>0</v>
      </c>
      <c r="CQ22" s="313">
        <v>0</v>
      </c>
      <c r="CR22" s="313">
        <v>1</v>
      </c>
      <c r="CS22" s="313">
        <v>0</v>
      </c>
      <c r="CT22" s="313">
        <v>0</v>
      </c>
      <c r="CU22" s="310">
        <v>1</v>
      </c>
      <c r="CV22" s="315">
        <v>1</v>
      </c>
      <c r="CW22" s="309">
        <v>0</v>
      </c>
      <c r="CX22" s="313">
        <v>0</v>
      </c>
      <c r="CY22" s="310">
        <v>0</v>
      </c>
      <c r="CZ22" s="312">
        <v>0</v>
      </c>
      <c r="DA22" s="313">
        <v>0</v>
      </c>
      <c r="DB22" s="313">
        <v>0</v>
      </c>
      <c r="DC22" s="313">
        <v>0</v>
      </c>
      <c r="DD22" s="313">
        <v>0</v>
      </c>
      <c r="DE22" s="313">
        <v>0</v>
      </c>
      <c r="DF22" s="310">
        <v>0</v>
      </c>
      <c r="DG22" s="315">
        <v>0</v>
      </c>
      <c r="DH22" s="309">
        <v>0</v>
      </c>
      <c r="DI22" s="313">
        <v>0</v>
      </c>
      <c r="DJ22" s="310">
        <v>0</v>
      </c>
      <c r="DK22" s="312">
        <v>0</v>
      </c>
      <c r="DL22" s="313">
        <v>0</v>
      </c>
      <c r="DM22" s="313">
        <v>0</v>
      </c>
      <c r="DN22" s="313">
        <v>0</v>
      </c>
      <c r="DO22" s="313">
        <v>0</v>
      </c>
      <c r="DP22" s="313">
        <v>0</v>
      </c>
      <c r="DQ22" s="310">
        <v>0</v>
      </c>
      <c r="DR22" s="315">
        <v>0</v>
      </c>
      <c r="DS22" s="309">
        <v>8</v>
      </c>
      <c r="DT22" s="313">
        <v>17</v>
      </c>
      <c r="DU22" s="310">
        <v>25</v>
      </c>
      <c r="DV22" s="312">
        <v>0</v>
      </c>
      <c r="DW22" s="313">
        <v>31</v>
      </c>
      <c r="DX22" s="313">
        <v>23</v>
      </c>
      <c r="DY22" s="313">
        <v>16</v>
      </c>
      <c r="DZ22" s="313">
        <v>13</v>
      </c>
      <c r="EA22" s="313">
        <v>8</v>
      </c>
      <c r="EB22" s="310">
        <v>91</v>
      </c>
      <c r="EC22" s="315">
        <v>116</v>
      </c>
      <c r="ED22" s="309">
        <v>1</v>
      </c>
      <c r="EE22" s="313">
        <v>2</v>
      </c>
      <c r="EF22" s="310">
        <v>3</v>
      </c>
      <c r="EG22" s="312">
        <v>0</v>
      </c>
      <c r="EH22" s="313">
        <v>8</v>
      </c>
      <c r="EI22" s="313">
        <v>6</v>
      </c>
      <c r="EJ22" s="313">
        <v>1</v>
      </c>
      <c r="EK22" s="313">
        <v>9</v>
      </c>
      <c r="EL22" s="313">
        <v>2</v>
      </c>
      <c r="EM22" s="310">
        <v>26</v>
      </c>
      <c r="EN22" s="315">
        <v>29</v>
      </c>
      <c r="EO22" s="309">
        <v>15</v>
      </c>
      <c r="EP22" s="313">
        <v>22</v>
      </c>
      <c r="EQ22" s="310">
        <v>37</v>
      </c>
      <c r="ER22" s="312">
        <v>0</v>
      </c>
      <c r="ES22" s="313">
        <v>62</v>
      </c>
      <c r="ET22" s="313">
        <v>35</v>
      </c>
      <c r="EU22" s="313">
        <v>22</v>
      </c>
      <c r="EV22" s="313">
        <v>16</v>
      </c>
      <c r="EW22" s="313">
        <v>7</v>
      </c>
      <c r="EX22" s="310">
        <v>142</v>
      </c>
      <c r="EY22" s="315">
        <v>179</v>
      </c>
    </row>
    <row r="23" spans="1:155" ht="19.5" customHeight="1" x14ac:dyDescent="0.2">
      <c r="A23" s="294" t="s">
        <v>21</v>
      </c>
      <c r="B23" s="309">
        <v>0</v>
      </c>
      <c r="C23" s="310">
        <v>0</v>
      </c>
      <c r="D23" s="311">
        <v>0</v>
      </c>
      <c r="E23" s="312">
        <v>0</v>
      </c>
      <c r="F23" s="313">
        <v>8</v>
      </c>
      <c r="G23" s="313">
        <v>11</v>
      </c>
      <c r="H23" s="313">
        <v>3</v>
      </c>
      <c r="I23" s="313">
        <v>1</v>
      </c>
      <c r="J23" s="313">
        <v>3</v>
      </c>
      <c r="K23" s="314">
        <v>26</v>
      </c>
      <c r="L23" s="315">
        <v>26</v>
      </c>
      <c r="M23" s="309">
        <v>0</v>
      </c>
      <c r="N23" s="313">
        <v>0</v>
      </c>
      <c r="O23" s="310">
        <v>0</v>
      </c>
      <c r="P23" s="312">
        <v>0</v>
      </c>
      <c r="Q23" s="313">
        <v>0</v>
      </c>
      <c r="R23" s="313">
        <v>0</v>
      </c>
      <c r="S23" s="313">
        <v>1</v>
      </c>
      <c r="T23" s="313">
        <v>1</v>
      </c>
      <c r="U23" s="313">
        <v>3</v>
      </c>
      <c r="V23" s="310">
        <v>5</v>
      </c>
      <c r="W23" s="315">
        <v>5</v>
      </c>
      <c r="X23" s="309">
        <v>3</v>
      </c>
      <c r="Y23" s="313">
        <v>2</v>
      </c>
      <c r="Z23" s="310">
        <v>5</v>
      </c>
      <c r="AA23" s="312">
        <v>0</v>
      </c>
      <c r="AB23" s="313">
        <v>12</v>
      </c>
      <c r="AC23" s="313">
        <v>8</v>
      </c>
      <c r="AD23" s="313">
        <v>6</v>
      </c>
      <c r="AE23" s="313">
        <v>4</v>
      </c>
      <c r="AF23" s="313">
        <v>4</v>
      </c>
      <c r="AG23" s="310">
        <v>34</v>
      </c>
      <c r="AH23" s="315">
        <v>39</v>
      </c>
      <c r="AI23" s="309">
        <v>1</v>
      </c>
      <c r="AJ23" s="313">
        <v>0</v>
      </c>
      <c r="AK23" s="310">
        <v>1</v>
      </c>
      <c r="AL23" s="312">
        <v>0</v>
      </c>
      <c r="AM23" s="313">
        <v>0</v>
      </c>
      <c r="AN23" s="313">
        <v>2</v>
      </c>
      <c r="AO23" s="313">
        <v>1</v>
      </c>
      <c r="AP23" s="313">
        <v>0</v>
      </c>
      <c r="AQ23" s="313">
        <v>1</v>
      </c>
      <c r="AR23" s="310">
        <v>4</v>
      </c>
      <c r="AS23" s="315">
        <v>5</v>
      </c>
      <c r="AT23" s="309">
        <v>5</v>
      </c>
      <c r="AU23" s="313">
        <v>1</v>
      </c>
      <c r="AV23" s="310">
        <v>6</v>
      </c>
      <c r="AW23" s="312">
        <v>0</v>
      </c>
      <c r="AX23" s="313">
        <v>7</v>
      </c>
      <c r="AY23" s="313">
        <v>11</v>
      </c>
      <c r="AZ23" s="313">
        <v>9</v>
      </c>
      <c r="BA23" s="313">
        <v>9</v>
      </c>
      <c r="BB23" s="313">
        <v>10</v>
      </c>
      <c r="BC23" s="314">
        <v>46</v>
      </c>
      <c r="BD23" s="315">
        <v>52</v>
      </c>
      <c r="BE23" s="309">
        <v>0</v>
      </c>
      <c r="BF23" s="313">
        <v>0</v>
      </c>
      <c r="BG23" s="310">
        <v>0</v>
      </c>
      <c r="BH23" s="312">
        <v>0</v>
      </c>
      <c r="BI23" s="313">
        <v>18</v>
      </c>
      <c r="BJ23" s="313">
        <v>17</v>
      </c>
      <c r="BK23" s="313">
        <v>4</v>
      </c>
      <c r="BL23" s="313">
        <v>5</v>
      </c>
      <c r="BM23" s="313">
        <v>1</v>
      </c>
      <c r="BN23" s="310">
        <v>45</v>
      </c>
      <c r="BO23" s="315">
        <v>45</v>
      </c>
      <c r="BP23" s="309">
        <v>2</v>
      </c>
      <c r="BQ23" s="313">
        <v>1</v>
      </c>
      <c r="BR23" s="310">
        <v>3</v>
      </c>
      <c r="BS23" s="312">
        <v>0</v>
      </c>
      <c r="BT23" s="313">
        <v>0</v>
      </c>
      <c r="BU23" s="313">
        <v>2</v>
      </c>
      <c r="BV23" s="313">
        <v>1</v>
      </c>
      <c r="BW23" s="313">
        <v>1</v>
      </c>
      <c r="BX23" s="313">
        <v>1</v>
      </c>
      <c r="BY23" s="310">
        <v>5</v>
      </c>
      <c r="BZ23" s="315">
        <v>8</v>
      </c>
      <c r="CA23" s="309">
        <v>0</v>
      </c>
      <c r="CB23" s="313">
        <v>0</v>
      </c>
      <c r="CC23" s="310">
        <v>0</v>
      </c>
      <c r="CD23" s="312">
        <v>0</v>
      </c>
      <c r="CE23" s="313">
        <v>1</v>
      </c>
      <c r="CF23" s="313">
        <v>1</v>
      </c>
      <c r="CG23" s="313">
        <v>2</v>
      </c>
      <c r="CH23" s="313">
        <v>1</v>
      </c>
      <c r="CI23" s="313">
        <v>0</v>
      </c>
      <c r="CJ23" s="310">
        <v>5</v>
      </c>
      <c r="CK23" s="315">
        <v>5</v>
      </c>
      <c r="CL23" s="309">
        <v>0</v>
      </c>
      <c r="CM23" s="313">
        <v>0</v>
      </c>
      <c r="CN23" s="310">
        <v>0</v>
      </c>
      <c r="CO23" s="312">
        <v>0</v>
      </c>
      <c r="CP23" s="313">
        <v>0</v>
      </c>
      <c r="CQ23" s="313">
        <v>1</v>
      </c>
      <c r="CR23" s="313">
        <v>0</v>
      </c>
      <c r="CS23" s="313">
        <v>0</v>
      </c>
      <c r="CT23" s="313">
        <v>1</v>
      </c>
      <c r="CU23" s="310">
        <v>2</v>
      </c>
      <c r="CV23" s="315">
        <v>2</v>
      </c>
      <c r="CW23" s="309">
        <v>0</v>
      </c>
      <c r="CX23" s="313">
        <v>0</v>
      </c>
      <c r="CY23" s="310">
        <v>0</v>
      </c>
      <c r="CZ23" s="312">
        <v>0</v>
      </c>
      <c r="DA23" s="313">
        <v>0</v>
      </c>
      <c r="DB23" s="313">
        <v>0</v>
      </c>
      <c r="DC23" s="313">
        <v>0</v>
      </c>
      <c r="DD23" s="313">
        <v>0</v>
      </c>
      <c r="DE23" s="313">
        <v>0</v>
      </c>
      <c r="DF23" s="310">
        <v>0</v>
      </c>
      <c r="DG23" s="315">
        <v>0</v>
      </c>
      <c r="DH23" s="309">
        <v>0</v>
      </c>
      <c r="DI23" s="313">
        <v>0</v>
      </c>
      <c r="DJ23" s="310">
        <v>0</v>
      </c>
      <c r="DK23" s="312">
        <v>0</v>
      </c>
      <c r="DL23" s="313">
        <v>0</v>
      </c>
      <c r="DM23" s="313">
        <v>0</v>
      </c>
      <c r="DN23" s="313">
        <v>0</v>
      </c>
      <c r="DO23" s="313">
        <v>0</v>
      </c>
      <c r="DP23" s="313">
        <v>0</v>
      </c>
      <c r="DQ23" s="310">
        <v>0</v>
      </c>
      <c r="DR23" s="315">
        <v>0</v>
      </c>
      <c r="DS23" s="309">
        <v>7</v>
      </c>
      <c r="DT23" s="313">
        <v>5</v>
      </c>
      <c r="DU23" s="310">
        <v>12</v>
      </c>
      <c r="DV23" s="312">
        <v>0</v>
      </c>
      <c r="DW23" s="313">
        <v>10</v>
      </c>
      <c r="DX23" s="313">
        <v>29</v>
      </c>
      <c r="DY23" s="313">
        <v>13</v>
      </c>
      <c r="DZ23" s="313">
        <v>9</v>
      </c>
      <c r="EA23" s="313">
        <v>7</v>
      </c>
      <c r="EB23" s="310">
        <v>68</v>
      </c>
      <c r="EC23" s="315">
        <v>80</v>
      </c>
      <c r="ED23" s="309">
        <v>2</v>
      </c>
      <c r="EE23" s="313">
        <v>2</v>
      </c>
      <c r="EF23" s="310">
        <v>4</v>
      </c>
      <c r="EG23" s="312">
        <v>0</v>
      </c>
      <c r="EH23" s="313">
        <v>2</v>
      </c>
      <c r="EI23" s="313">
        <v>4</v>
      </c>
      <c r="EJ23" s="313">
        <v>6</v>
      </c>
      <c r="EK23" s="313">
        <v>3</v>
      </c>
      <c r="EL23" s="313">
        <v>3</v>
      </c>
      <c r="EM23" s="310">
        <v>18</v>
      </c>
      <c r="EN23" s="315">
        <v>22</v>
      </c>
      <c r="EO23" s="309">
        <v>11</v>
      </c>
      <c r="EP23" s="313">
        <v>7</v>
      </c>
      <c r="EQ23" s="310">
        <v>18</v>
      </c>
      <c r="ER23" s="312">
        <v>0</v>
      </c>
      <c r="ES23" s="313">
        <v>38</v>
      </c>
      <c r="ET23" s="313">
        <v>39</v>
      </c>
      <c r="EU23" s="313">
        <v>15</v>
      </c>
      <c r="EV23" s="313">
        <v>10</v>
      </c>
      <c r="EW23" s="313">
        <v>7</v>
      </c>
      <c r="EX23" s="310">
        <v>109</v>
      </c>
      <c r="EY23" s="315">
        <v>127</v>
      </c>
    </row>
    <row r="24" spans="1:155" ht="19.5" customHeight="1" x14ac:dyDescent="0.2">
      <c r="A24" s="294" t="s">
        <v>22</v>
      </c>
      <c r="B24" s="309">
        <v>0</v>
      </c>
      <c r="C24" s="310">
        <v>0</v>
      </c>
      <c r="D24" s="311">
        <v>0</v>
      </c>
      <c r="E24" s="312">
        <v>0</v>
      </c>
      <c r="F24" s="313">
        <v>6</v>
      </c>
      <c r="G24" s="313">
        <v>1</v>
      </c>
      <c r="H24" s="313">
        <v>2</v>
      </c>
      <c r="I24" s="313">
        <v>3</v>
      </c>
      <c r="J24" s="313">
        <v>2</v>
      </c>
      <c r="K24" s="314">
        <v>14</v>
      </c>
      <c r="L24" s="315">
        <v>14</v>
      </c>
      <c r="M24" s="309">
        <v>0</v>
      </c>
      <c r="N24" s="313">
        <v>0</v>
      </c>
      <c r="O24" s="310">
        <v>0</v>
      </c>
      <c r="P24" s="312">
        <v>0</v>
      </c>
      <c r="Q24" s="313">
        <v>0</v>
      </c>
      <c r="R24" s="313">
        <v>0</v>
      </c>
      <c r="S24" s="313">
        <v>0</v>
      </c>
      <c r="T24" s="313">
        <v>1</v>
      </c>
      <c r="U24" s="313">
        <v>3</v>
      </c>
      <c r="V24" s="310">
        <v>4</v>
      </c>
      <c r="W24" s="315">
        <v>4</v>
      </c>
      <c r="X24" s="309">
        <v>2</v>
      </c>
      <c r="Y24" s="313">
        <v>1</v>
      </c>
      <c r="Z24" s="310">
        <v>3</v>
      </c>
      <c r="AA24" s="312">
        <v>0</v>
      </c>
      <c r="AB24" s="313">
        <v>3</v>
      </c>
      <c r="AC24" s="313">
        <v>8</v>
      </c>
      <c r="AD24" s="313">
        <v>0</v>
      </c>
      <c r="AE24" s="313">
        <v>4</v>
      </c>
      <c r="AF24" s="313">
        <v>3</v>
      </c>
      <c r="AG24" s="310">
        <v>18</v>
      </c>
      <c r="AH24" s="315">
        <v>21</v>
      </c>
      <c r="AI24" s="309">
        <v>0</v>
      </c>
      <c r="AJ24" s="313">
        <v>0</v>
      </c>
      <c r="AK24" s="310">
        <v>0</v>
      </c>
      <c r="AL24" s="312">
        <v>0</v>
      </c>
      <c r="AM24" s="313">
        <v>1</v>
      </c>
      <c r="AN24" s="313">
        <v>1</v>
      </c>
      <c r="AO24" s="313">
        <v>0</v>
      </c>
      <c r="AP24" s="313">
        <v>0</v>
      </c>
      <c r="AQ24" s="313">
        <v>0</v>
      </c>
      <c r="AR24" s="310">
        <v>2</v>
      </c>
      <c r="AS24" s="315">
        <v>2</v>
      </c>
      <c r="AT24" s="309">
        <v>0</v>
      </c>
      <c r="AU24" s="313">
        <v>2</v>
      </c>
      <c r="AV24" s="310">
        <v>2</v>
      </c>
      <c r="AW24" s="312">
        <v>0</v>
      </c>
      <c r="AX24" s="313">
        <v>5</v>
      </c>
      <c r="AY24" s="313">
        <v>4</v>
      </c>
      <c r="AZ24" s="313">
        <v>3</v>
      </c>
      <c r="BA24" s="313">
        <v>9</v>
      </c>
      <c r="BB24" s="313">
        <v>2</v>
      </c>
      <c r="BC24" s="314">
        <v>23</v>
      </c>
      <c r="BD24" s="315">
        <v>25</v>
      </c>
      <c r="BE24" s="309">
        <v>0</v>
      </c>
      <c r="BF24" s="313">
        <v>0</v>
      </c>
      <c r="BG24" s="310">
        <v>0</v>
      </c>
      <c r="BH24" s="312">
        <v>0</v>
      </c>
      <c r="BI24" s="313">
        <v>9</v>
      </c>
      <c r="BJ24" s="313">
        <v>9</v>
      </c>
      <c r="BK24" s="313">
        <v>0</v>
      </c>
      <c r="BL24" s="313">
        <v>3</v>
      </c>
      <c r="BM24" s="313">
        <v>3</v>
      </c>
      <c r="BN24" s="310">
        <v>24</v>
      </c>
      <c r="BO24" s="315">
        <v>24</v>
      </c>
      <c r="BP24" s="309">
        <v>0</v>
      </c>
      <c r="BQ24" s="313">
        <v>0</v>
      </c>
      <c r="BR24" s="310">
        <v>0</v>
      </c>
      <c r="BS24" s="312">
        <v>0</v>
      </c>
      <c r="BT24" s="313">
        <v>0</v>
      </c>
      <c r="BU24" s="313">
        <v>1</v>
      </c>
      <c r="BV24" s="313">
        <v>1</v>
      </c>
      <c r="BW24" s="313">
        <v>1</v>
      </c>
      <c r="BX24" s="313">
        <v>0</v>
      </c>
      <c r="BY24" s="310">
        <v>3</v>
      </c>
      <c r="BZ24" s="315">
        <v>3</v>
      </c>
      <c r="CA24" s="309">
        <v>0</v>
      </c>
      <c r="CB24" s="313">
        <v>0</v>
      </c>
      <c r="CC24" s="310">
        <v>0</v>
      </c>
      <c r="CD24" s="312">
        <v>0</v>
      </c>
      <c r="CE24" s="313">
        <v>2</v>
      </c>
      <c r="CF24" s="313">
        <v>0</v>
      </c>
      <c r="CG24" s="313">
        <v>0</v>
      </c>
      <c r="CH24" s="313">
        <v>0</v>
      </c>
      <c r="CI24" s="313">
        <v>1</v>
      </c>
      <c r="CJ24" s="310">
        <v>3</v>
      </c>
      <c r="CK24" s="315">
        <v>3</v>
      </c>
      <c r="CL24" s="309">
        <v>0</v>
      </c>
      <c r="CM24" s="313">
        <v>0</v>
      </c>
      <c r="CN24" s="310">
        <v>0</v>
      </c>
      <c r="CO24" s="312">
        <v>0</v>
      </c>
      <c r="CP24" s="313">
        <v>0</v>
      </c>
      <c r="CQ24" s="313">
        <v>0</v>
      </c>
      <c r="CR24" s="313">
        <v>0</v>
      </c>
      <c r="CS24" s="313">
        <v>1</v>
      </c>
      <c r="CT24" s="313">
        <v>0</v>
      </c>
      <c r="CU24" s="310">
        <v>1</v>
      </c>
      <c r="CV24" s="315">
        <v>1</v>
      </c>
      <c r="CW24" s="309">
        <v>0</v>
      </c>
      <c r="CX24" s="313">
        <v>0</v>
      </c>
      <c r="CY24" s="310">
        <v>0</v>
      </c>
      <c r="CZ24" s="312">
        <v>0</v>
      </c>
      <c r="DA24" s="313">
        <v>0</v>
      </c>
      <c r="DB24" s="313">
        <v>0</v>
      </c>
      <c r="DC24" s="313">
        <v>0</v>
      </c>
      <c r="DD24" s="313">
        <v>0</v>
      </c>
      <c r="DE24" s="313">
        <v>0</v>
      </c>
      <c r="DF24" s="310">
        <v>0</v>
      </c>
      <c r="DG24" s="315">
        <v>0</v>
      </c>
      <c r="DH24" s="309">
        <v>0</v>
      </c>
      <c r="DI24" s="313">
        <v>0</v>
      </c>
      <c r="DJ24" s="310">
        <v>0</v>
      </c>
      <c r="DK24" s="312">
        <v>0</v>
      </c>
      <c r="DL24" s="313">
        <v>0</v>
      </c>
      <c r="DM24" s="313">
        <v>0</v>
      </c>
      <c r="DN24" s="313">
        <v>0</v>
      </c>
      <c r="DO24" s="313">
        <v>0</v>
      </c>
      <c r="DP24" s="313">
        <v>0</v>
      </c>
      <c r="DQ24" s="310">
        <v>0</v>
      </c>
      <c r="DR24" s="315">
        <v>0</v>
      </c>
      <c r="DS24" s="309">
        <v>3</v>
      </c>
      <c r="DT24" s="313">
        <v>7</v>
      </c>
      <c r="DU24" s="310">
        <v>10</v>
      </c>
      <c r="DV24" s="312">
        <v>0</v>
      </c>
      <c r="DW24" s="313">
        <v>8</v>
      </c>
      <c r="DX24" s="313">
        <v>9</v>
      </c>
      <c r="DY24" s="313">
        <v>4</v>
      </c>
      <c r="DZ24" s="313">
        <v>7</v>
      </c>
      <c r="EA24" s="313">
        <v>4</v>
      </c>
      <c r="EB24" s="310">
        <v>32</v>
      </c>
      <c r="EC24" s="315">
        <v>42</v>
      </c>
      <c r="ED24" s="309">
        <v>0</v>
      </c>
      <c r="EE24" s="313">
        <v>1</v>
      </c>
      <c r="EF24" s="310">
        <v>1</v>
      </c>
      <c r="EG24" s="312">
        <v>0</v>
      </c>
      <c r="EH24" s="313">
        <v>3</v>
      </c>
      <c r="EI24" s="313">
        <v>1</v>
      </c>
      <c r="EJ24" s="313">
        <v>1</v>
      </c>
      <c r="EK24" s="313">
        <v>5</v>
      </c>
      <c r="EL24" s="313">
        <v>1</v>
      </c>
      <c r="EM24" s="310">
        <v>11</v>
      </c>
      <c r="EN24" s="315">
        <v>12</v>
      </c>
      <c r="EO24" s="309">
        <v>3</v>
      </c>
      <c r="EP24" s="313">
        <v>7</v>
      </c>
      <c r="EQ24" s="310">
        <v>10</v>
      </c>
      <c r="ER24" s="312">
        <v>0</v>
      </c>
      <c r="ES24" s="313">
        <v>20</v>
      </c>
      <c r="ET24" s="313">
        <v>17</v>
      </c>
      <c r="EU24" s="313">
        <v>5</v>
      </c>
      <c r="EV24" s="313">
        <v>9</v>
      </c>
      <c r="EW24" s="313">
        <v>5</v>
      </c>
      <c r="EX24" s="310">
        <v>56</v>
      </c>
      <c r="EY24" s="315">
        <v>66</v>
      </c>
    </row>
    <row r="25" spans="1:155" ht="19.5" customHeight="1" x14ac:dyDescent="0.2">
      <c r="A25" s="294" t="s">
        <v>23</v>
      </c>
      <c r="B25" s="309">
        <v>0</v>
      </c>
      <c r="C25" s="310">
        <v>0</v>
      </c>
      <c r="D25" s="311">
        <v>0</v>
      </c>
      <c r="E25" s="312">
        <v>0</v>
      </c>
      <c r="F25" s="313">
        <v>6</v>
      </c>
      <c r="G25" s="313">
        <v>6</v>
      </c>
      <c r="H25" s="313">
        <v>5</v>
      </c>
      <c r="I25" s="313">
        <v>1</v>
      </c>
      <c r="J25" s="313">
        <v>0</v>
      </c>
      <c r="K25" s="314">
        <v>18</v>
      </c>
      <c r="L25" s="315">
        <v>18</v>
      </c>
      <c r="M25" s="309">
        <v>0</v>
      </c>
      <c r="N25" s="313">
        <v>0</v>
      </c>
      <c r="O25" s="310">
        <v>0</v>
      </c>
      <c r="P25" s="312">
        <v>0</v>
      </c>
      <c r="Q25" s="313">
        <v>0</v>
      </c>
      <c r="R25" s="313">
        <v>0</v>
      </c>
      <c r="S25" s="313">
        <v>1</v>
      </c>
      <c r="T25" s="313">
        <v>1</v>
      </c>
      <c r="U25" s="313">
        <v>0</v>
      </c>
      <c r="V25" s="310">
        <v>2</v>
      </c>
      <c r="W25" s="315">
        <v>2</v>
      </c>
      <c r="X25" s="309">
        <v>2</v>
      </c>
      <c r="Y25" s="313">
        <v>2</v>
      </c>
      <c r="Z25" s="310">
        <v>4</v>
      </c>
      <c r="AA25" s="312">
        <v>0</v>
      </c>
      <c r="AB25" s="313">
        <v>2</v>
      </c>
      <c r="AC25" s="313">
        <v>7</v>
      </c>
      <c r="AD25" s="313">
        <v>8</v>
      </c>
      <c r="AE25" s="313">
        <v>3</v>
      </c>
      <c r="AF25" s="313">
        <v>1</v>
      </c>
      <c r="AG25" s="310">
        <v>21</v>
      </c>
      <c r="AH25" s="315">
        <v>25</v>
      </c>
      <c r="AI25" s="309">
        <v>0</v>
      </c>
      <c r="AJ25" s="313">
        <v>1</v>
      </c>
      <c r="AK25" s="310">
        <v>1</v>
      </c>
      <c r="AL25" s="312">
        <v>0</v>
      </c>
      <c r="AM25" s="313">
        <v>0</v>
      </c>
      <c r="AN25" s="313">
        <v>2</v>
      </c>
      <c r="AO25" s="313">
        <v>0</v>
      </c>
      <c r="AP25" s="313">
        <v>0</v>
      </c>
      <c r="AQ25" s="313">
        <v>0</v>
      </c>
      <c r="AR25" s="310">
        <v>2</v>
      </c>
      <c r="AS25" s="315">
        <v>3</v>
      </c>
      <c r="AT25" s="309">
        <v>0</v>
      </c>
      <c r="AU25" s="313">
        <v>1</v>
      </c>
      <c r="AV25" s="310">
        <v>1</v>
      </c>
      <c r="AW25" s="312">
        <v>0</v>
      </c>
      <c r="AX25" s="313">
        <v>7</v>
      </c>
      <c r="AY25" s="313">
        <v>6</v>
      </c>
      <c r="AZ25" s="313">
        <v>11</v>
      </c>
      <c r="BA25" s="313">
        <v>10</v>
      </c>
      <c r="BB25" s="313">
        <v>1</v>
      </c>
      <c r="BC25" s="314">
        <v>35</v>
      </c>
      <c r="BD25" s="315">
        <v>36</v>
      </c>
      <c r="BE25" s="309">
        <v>0</v>
      </c>
      <c r="BF25" s="313">
        <v>0</v>
      </c>
      <c r="BG25" s="310">
        <v>0</v>
      </c>
      <c r="BH25" s="312">
        <v>0</v>
      </c>
      <c r="BI25" s="313">
        <v>13</v>
      </c>
      <c r="BJ25" s="313">
        <v>14</v>
      </c>
      <c r="BK25" s="313">
        <v>7</v>
      </c>
      <c r="BL25" s="313">
        <v>4</v>
      </c>
      <c r="BM25" s="313">
        <v>0</v>
      </c>
      <c r="BN25" s="310">
        <v>38</v>
      </c>
      <c r="BO25" s="315">
        <v>38</v>
      </c>
      <c r="BP25" s="309">
        <v>0</v>
      </c>
      <c r="BQ25" s="313">
        <v>0</v>
      </c>
      <c r="BR25" s="310">
        <v>0</v>
      </c>
      <c r="BS25" s="312">
        <v>0</v>
      </c>
      <c r="BT25" s="313">
        <v>3</v>
      </c>
      <c r="BU25" s="313">
        <v>3</v>
      </c>
      <c r="BV25" s="313">
        <v>2</v>
      </c>
      <c r="BW25" s="313">
        <v>1</v>
      </c>
      <c r="BX25" s="313">
        <v>0</v>
      </c>
      <c r="BY25" s="310">
        <v>9</v>
      </c>
      <c r="BZ25" s="315">
        <v>9</v>
      </c>
      <c r="CA25" s="309">
        <v>0</v>
      </c>
      <c r="CB25" s="313">
        <v>0</v>
      </c>
      <c r="CC25" s="310">
        <v>0</v>
      </c>
      <c r="CD25" s="312">
        <v>0</v>
      </c>
      <c r="CE25" s="313">
        <v>1</v>
      </c>
      <c r="CF25" s="313">
        <v>1</v>
      </c>
      <c r="CG25" s="313">
        <v>4</v>
      </c>
      <c r="CH25" s="313">
        <v>2</v>
      </c>
      <c r="CI25" s="313">
        <v>0</v>
      </c>
      <c r="CJ25" s="310">
        <v>8</v>
      </c>
      <c r="CK25" s="315">
        <v>8</v>
      </c>
      <c r="CL25" s="309">
        <v>0</v>
      </c>
      <c r="CM25" s="313">
        <v>0</v>
      </c>
      <c r="CN25" s="310">
        <v>0</v>
      </c>
      <c r="CO25" s="312">
        <v>0</v>
      </c>
      <c r="CP25" s="313">
        <v>0</v>
      </c>
      <c r="CQ25" s="313">
        <v>0</v>
      </c>
      <c r="CR25" s="313">
        <v>0</v>
      </c>
      <c r="CS25" s="313">
        <v>0</v>
      </c>
      <c r="CT25" s="313">
        <v>0</v>
      </c>
      <c r="CU25" s="310">
        <v>0</v>
      </c>
      <c r="CV25" s="315">
        <v>0</v>
      </c>
      <c r="CW25" s="309">
        <v>0</v>
      </c>
      <c r="CX25" s="313">
        <v>0</v>
      </c>
      <c r="CY25" s="310">
        <v>0</v>
      </c>
      <c r="CZ25" s="312">
        <v>0</v>
      </c>
      <c r="DA25" s="313">
        <v>0</v>
      </c>
      <c r="DB25" s="313">
        <v>0</v>
      </c>
      <c r="DC25" s="313">
        <v>0</v>
      </c>
      <c r="DD25" s="313">
        <v>0</v>
      </c>
      <c r="DE25" s="313">
        <v>0</v>
      </c>
      <c r="DF25" s="310">
        <v>0</v>
      </c>
      <c r="DG25" s="315">
        <v>0</v>
      </c>
      <c r="DH25" s="309">
        <v>0</v>
      </c>
      <c r="DI25" s="313">
        <v>0</v>
      </c>
      <c r="DJ25" s="310">
        <v>0</v>
      </c>
      <c r="DK25" s="312">
        <v>0</v>
      </c>
      <c r="DL25" s="313">
        <v>0</v>
      </c>
      <c r="DM25" s="313">
        <v>0</v>
      </c>
      <c r="DN25" s="313">
        <v>0</v>
      </c>
      <c r="DO25" s="313">
        <v>0</v>
      </c>
      <c r="DP25" s="313">
        <v>0</v>
      </c>
      <c r="DQ25" s="310">
        <v>0</v>
      </c>
      <c r="DR25" s="315">
        <v>0</v>
      </c>
      <c r="DS25" s="309">
        <v>3</v>
      </c>
      <c r="DT25" s="313">
        <v>5</v>
      </c>
      <c r="DU25" s="310">
        <v>8</v>
      </c>
      <c r="DV25" s="312">
        <v>0</v>
      </c>
      <c r="DW25" s="313">
        <v>7</v>
      </c>
      <c r="DX25" s="313">
        <v>18</v>
      </c>
      <c r="DY25" s="313">
        <v>15</v>
      </c>
      <c r="DZ25" s="313">
        <v>6</v>
      </c>
      <c r="EA25" s="313">
        <v>1</v>
      </c>
      <c r="EB25" s="310">
        <v>47</v>
      </c>
      <c r="EC25" s="315">
        <v>55</v>
      </c>
      <c r="ED25" s="309">
        <v>0</v>
      </c>
      <c r="EE25" s="313">
        <v>1</v>
      </c>
      <c r="EF25" s="310">
        <v>1</v>
      </c>
      <c r="EG25" s="312">
        <v>0</v>
      </c>
      <c r="EH25" s="313">
        <v>5</v>
      </c>
      <c r="EI25" s="313">
        <v>4</v>
      </c>
      <c r="EJ25" s="313">
        <v>4</v>
      </c>
      <c r="EK25" s="313">
        <v>8</v>
      </c>
      <c r="EL25" s="313">
        <v>1</v>
      </c>
      <c r="EM25" s="310">
        <v>22</v>
      </c>
      <c r="EN25" s="315">
        <v>23</v>
      </c>
      <c r="EO25" s="309">
        <v>4</v>
      </c>
      <c r="EP25" s="313">
        <v>8</v>
      </c>
      <c r="EQ25" s="310">
        <v>12</v>
      </c>
      <c r="ER25" s="312">
        <v>0</v>
      </c>
      <c r="ES25" s="313">
        <v>24</v>
      </c>
      <c r="ET25" s="313">
        <v>25</v>
      </c>
      <c r="EU25" s="313">
        <v>16</v>
      </c>
      <c r="EV25" s="313">
        <v>6</v>
      </c>
      <c r="EW25" s="313">
        <v>1</v>
      </c>
      <c r="EX25" s="310">
        <v>72</v>
      </c>
      <c r="EY25" s="315">
        <v>84</v>
      </c>
    </row>
    <row r="26" spans="1:155" ht="19.5" customHeight="1" x14ac:dyDescent="0.2">
      <c r="A26" s="294" t="s">
        <v>24</v>
      </c>
      <c r="B26" s="309">
        <v>0</v>
      </c>
      <c r="C26" s="310">
        <v>0</v>
      </c>
      <c r="D26" s="311">
        <v>0</v>
      </c>
      <c r="E26" s="312">
        <v>0</v>
      </c>
      <c r="F26" s="313">
        <v>8</v>
      </c>
      <c r="G26" s="313">
        <v>9</v>
      </c>
      <c r="H26" s="313">
        <v>1</v>
      </c>
      <c r="I26" s="313">
        <v>6</v>
      </c>
      <c r="J26" s="313">
        <v>2</v>
      </c>
      <c r="K26" s="314">
        <v>26</v>
      </c>
      <c r="L26" s="315">
        <v>26</v>
      </c>
      <c r="M26" s="309">
        <v>0</v>
      </c>
      <c r="N26" s="313">
        <v>0</v>
      </c>
      <c r="O26" s="310">
        <v>0</v>
      </c>
      <c r="P26" s="312">
        <v>0</v>
      </c>
      <c r="Q26" s="313">
        <v>0</v>
      </c>
      <c r="R26" s="313">
        <v>0</v>
      </c>
      <c r="S26" s="313">
        <v>0</v>
      </c>
      <c r="T26" s="313">
        <v>0</v>
      </c>
      <c r="U26" s="313">
        <v>2</v>
      </c>
      <c r="V26" s="310">
        <v>2</v>
      </c>
      <c r="W26" s="315">
        <v>2</v>
      </c>
      <c r="X26" s="309">
        <v>0</v>
      </c>
      <c r="Y26" s="313">
        <v>1</v>
      </c>
      <c r="Z26" s="310">
        <v>1</v>
      </c>
      <c r="AA26" s="312">
        <v>0</v>
      </c>
      <c r="AB26" s="313">
        <v>5</v>
      </c>
      <c r="AC26" s="313">
        <v>3</v>
      </c>
      <c r="AD26" s="313">
        <v>1</v>
      </c>
      <c r="AE26" s="313">
        <v>2</v>
      </c>
      <c r="AF26" s="313">
        <v>5</v>
      </c>
      <c r="AG26" s="310">
        <v>16</v>
      </c>
      <c r="AH26" s="315">
        <v>17</v>
      </c>
      <c r="AI26" s="309">
        <v>0</v>
      </c>
      <c r="AJ26" s="313">
        <v>0</v>
      </c>
      <c r="AK26" s="310">
        <v>0</v>
      </c>
      <c r="AL26" s="312">
        <v>0</v>
      </c>
      <c r="AM26" s="313">
        <v>0</v>
      </c>
      <c r="AN26" s="313">
        <v>1</v>
      </c>
      <c r="AO26" s="313">
        <v>0</v>
      </c>
      <c r="AP26" s="313">
        <v>0</v>
      </c>
      <c r="AQ26" s="313">
        <v>2</v>
      </c>
      <c r="AR26" s="310">
        <v>3</v>
      </c>
      <c r="AS26" s="315">
        <v>3</v>
      </c>
      <c r="AT26" s="309">
        <v>4</v>
      </c>
      <c r="AU26" s="313">
        <v>1</v>
      </c>
      <c r="AV26" s="310">
        <v>5</v>
      </c>
      <c r="AW26" s="312">
        <v>0</v>
      </c>
      <c r="AX26" s="313">
        <v>8</v>
      </c>
      <c r="AY26" s="313">
        <v>12</v>
      </c>
      <c r="AZ26" s="313">
        <v>3</v>
      </c>
      <c r="BA26" s="313">
        <v>11</v>
      </c>
      <c r="BB26" s="313">
        <v>10</v>
      </c>
      <c r="BC26" s="314">
        <v>44</v>
      </c>
      <c r="BD26" s="315">
        <v>49</v>
      </c>
      <c r="BE26" s="309">
        <v>0</v>
      </c>
      <c r="BF26" s="313">
        <v>0</v>
      </c>
      <c r="BG26" s="310">
        <v>0</v>
      </c>
      <c r="BH26" s="312">
        <v>0</v>
      </c>
      <c r="BI26" s="313">
        <v>11</v>
      </c>
      <c r="BJ26" s="313">
        <v>6</v>
      </c>
      <c r="BK26" s="313">
        <v>0</v>
      </c>
      <c r="BL26" s="313">
        <v>1</v>
      </c>
      <c r="BM26" s="313">
        <v>0</v>
      </c>
      <c r="BN26" s="310">
        <v>18</v>
      </c>
      <c r="BO26" s="315">
        <v>18</v>
      </c>
      <c r="BP26" s="309">
        <v>1</v>
      </c>
      <c r="BQ26" s="313">
        <v>0</v>
      </c>
      <c r="BR26" s="310">
        <v>1</v>
      </c>
      <c r="BS26" s="312">
        <v>0</v>
      </c>
      <c r="BT26" s="313">
        <v>6</v>
      </c>
      <c r="BU26" s="313">
        <v>2</v>
      </c>
      <c r="BV26" s="313">
        <v>1</v>
      </c>
      <c r="BW26" s="313">
        <v>3</v>
      </c>
      <c r="BX26" s="313">
        <v>3</v>
      </c>
      <c r="BY26" s="310">
        <v>15</v>
      </c>
      <c r="BZ26" s="315">
        <v>16</v>
      </c>
      <c r="CA26" s="309">
        <v>0</v>
      </c>
      <c r="CB26" s="313">
        <v>0</v>
      </c>
      <c r="CC26" s="310">
        <v>0</v>
      </c>
      <c r="CD26" s="312">
        <v>0</v>
      </c>
      <c r="CE26" s="313">
        <v>1</v>
      </c>
      <c r="CF26" s="313">
        <v>1</v>
      </c>
      <c r="CG26" s="313">
        <v>0</v>
      </c>
      <c r="CH26" s="313">
        <v>0</v>
      </c>
      <c r="CI26" s="313">
        <v>1</v>
      </c>
      <c r="CJ26" s="310">
        <v>3</v>
      </c>
      <c r="CK26" s="315">
        <v>3</v>
      </c>
      <c r="CL26" s="309">
        <v>0</v>
      </c>
      <c r="CM26" s="313">
        <v>0</v>
      </c>
      <c r="CN26" s="310">
        <v>0</v>
      </c>
      <c r="CO26" s="312">
        <v>0</v>
      </c>
      <c r="CP26" s="313">
        <v>0</v>
      </c>
      <c r="CQ26" s="313">
        <v>0</v>
      </c>
      <c r="CR26" s="313">
        <v>0</v>
      </c>
      <c r="CS26" s="313">
        <v>0</v>
      </c>
      <c r="CT26" s="313">
        <v>0</v>
      </c>
      <c r="CU26" s="310">
        <v>0</v>
      </c>
      <c r="CV26" s="315">
        <v>0</v>
      </c>
      <c r="CW26" s="309">
        <v>0</v>
      </c>
      <c r="CX26" s="313">
        <v>0</v>
      </c>
      <c r="CY26" s="310">
        <v>0</v>
      </c>
      <c r="CZ26" s="312">
        <v>0</v>
      </c>
      <c r="DA26" s="313">
        <v>0</v>
      </c>
      <c r="DB26" s="313">
        <v>0</v>
      </c>
      <c r="DC26" s="313">
        <v>0</v>
      </c>
      <c r="DD26" s="313">
        <v>0</v>
      </c>
      <c r="DE26" s="313">
        <v>0</v>
      </c>
      <c r="DF26" s="310">
        <v>0</v>
      </c>
      <c r="DG26" s="315">
        <v>0</v>
      </c>
      <c r="DH26" s="309">
        <v>0</v>
      </c>
      <c r="DI26" s="313">
        <v>0</v>
      </c>
      <c r="DJ26" s="310">
        <v>0</v>
      </c>
      <c r="DK26" s="312">
        <v>0</v>
      </c>
      <c r="DL26" s="313">
        <v>0</v>
      </c>
      <c r="DM26" s="313">
        <v>0</v>
      </c>
      <c r="DN26" s="313">
        <v>0</v>
      </c>
      <c r="DO26" s="313">
        <v>0</v>
      </c>
      <c r="DP26" s="313">
        <v>0</v>
      </c>
      <c r="DQ26" s="310">
        <v>0</v>
      </c>
      <c r="DR26" s="315">
        <v>0</v>
      </c>
      <c r="DS26" s="309">
        <v>5</v>
      </c>
      <c r="DT26" s="313">
        <v>4</v>
      </c>
      <c r="DU26" s="310">
        <v>9</v>
      </c>
      <c r="DV26" s="312">
        <v>0</v>
      </c>
      <c r="DW26" s="313">
        <v>17</v>
      </c>
      <c r="DX26" s="313">
        <v>13</v>
      </c>
      <c r="DY26" s="313">
        <v>3</v>
      </c>
      <c r="DZ26" s="313">
        <v>5</v>
      </c>
      <c r="EA26" s="313">
        <v>7</v>
      </c>
      <c r="EB26" s="310">
        <v>45</v>
      </c>
      <c r="EC26" s="315">
        <v>54</v>
      </c>
      <c r="ED26" s="309">
        <v>4</v>
      </c>
      <c r="EE26" s="313">
        <v>1</v>
      </c>
      <c r="EF26" s="310">
        <v>5</v>
      </c>
      <c r="EG26" s="312">
        <v>0</v>
      </c>
      <c r="EH26" s="313">
        <v>3</v>
      </c>
      <c r="EI26" s="313">
        <v>8</v>
      </c>
      <c r="EJ26" s="313">
        <v>1</v>
      </c>
      <c r="EK26" s="313">
        <v>7</v>
      </c>
      <c r="EL26" s="313">
        <v>2</v>
      </c>
      <c r="EM26" s="310">
        <v>21</v>
      </c>
      <c r="EN26" s="315">
        <v>26</v>
      </c>
      <c r="EO26" s="309">
        <v>2</v>
      </c>
      <c r="EP26" s="313">
        <v>3</v>
      </c>
      <c r="EQ26" s="310">
        <v>5</v>
      </c>
      <c r="ER26" s="312">
        <v>0</v>
      </c>
      <c r="ES26" s="313">
        <v>25</v>
      </c>
      <c r="ET26" s="313">
        <v>19</v>
      </c>
      <c r="EU26" s="313">
        <v>3</v>
      </c>
      <c r="EV26" s="313">
        <v>6</v>
      </c>
      <c r="EW26" s="313">
        <v>7</v>
      </c>
      <c r="EX26" s="310">
        <v>60</v>
      </c>
      <c r="EY26" s="315">
        <v>65</v>
      </c>
    </row>
    <row r="27" spans="1:155" ht="19.5" customHeight="1" x14ac:dyDescent="0.2">
      <c r="A27" s="294" t="s">
        <v>25</v>
      </c>
      <c r="B27" s="309">
        <v>0</v>
      </c>
      <c r="C27" s="310">
        <v>0</v>
      </c>
      <c r="D27" s="311">
        <v>0</v>
      </c>
      <c r="E27" s="312">
        <v>0</v>
      </c>
      <c r="F27" s="313">
        <v>3</v>
      </c>
      <c r="G27" s="313">
        <v>1</v>
      </c>
      <c r="H27" s="313">
        <v>3</v>
      </c>
      <c r="I27" s="313">
        <v>1</v>
      </c>
      <c r="J27" s="313">
        <v>2</v>
      </c>
      <c r="K27" s="314">
        <v>10</v>
      </c>
      <c r="L27" s="315">
        <v>10</v>
      </c>
      <c r="M27" s="309">
        <v>0</v>
      </c>
      <c r="N27" s="313">
        <v>0</v>
      </c>
      <c r="O27" s="310">
        <v>0</v>
      </c>
      <c r="P27" s="312">
        <v>0</v>
      </c>
      <c r="Q27" s="313">
        <v>0</v>
      </c>
      <c r="R27" s="313">
        <v>0</v>
      </c>
      <c r="S27" s="313">
        <v>1</v>
      </c>
      <c r="T27" s="313">
        <v>0</v>
      </c>
      <c r="U27" s="313">
        <v>2</v>
      </c>
      <c r="V27" s="310">
        <v>3</v>
      </c>
      <c r="W27" s="315">
        <v>3</v>
      </c>
      <c r="X27" s="309">
        <v>1</v>
      </c>
      <c r="Y27" s="313">
        <v>1</v>
      </c>
      <c r="Z27" s="310">
        <v>2</v>
      </c>
      <c r="AA27" s="312">
        <v>0</v>
      </c>
      <c r="AB27" s="313">
        <v>1</v>
      </c>
      <c r="AC27" s="313">
        <v>1</v>
      </c>
      <c r="AD27" s="313">
        <v>2</v>
      </c>
      <c r="AE27" s="313">
        <v>1</v>
      </c>
      <c r="AF27" s="313">
        <v>2</v>
      </c>
      <c r="AG27" s="310">
        <v>7</v>
      </c>
      <c r="AH27" s="315">
        <v>9</v>
      </c>
      <c r="AI27" s="309">
        <v>0</v>
      </c>
      <c r="AJ27" s="313">
        <v>0</v>
      </c>
      <c r="AK27" s="310">
        <v>0</v>
      </c>
      <c r="AL27" s="312">
        <v>0</v>
      </c>
      <c r="AM27" s="313">
        <v>0</v>
      </c>
      <c r="AN27" s="313">
        <v>0</v>
      </c>
      <c r="AO27" s="313">
        <v>0</v>
      </c>
      <c r="AP27" s="313">
        <v>1</v>
      </c>
      <c r="AQ27" s="313">
        <v>0</v>
      </c>
      <c r="AR27" s="310">
        <v>1</v>
      </c>
      <c r="AS27" s="315">
        <v>1</v>
      </c>
      <c r="AT27" s="309">
        <v>1</v>
      </c>
      <c r="AU27" s="313">
        <v>0</v>
      </c>
      <c r="AV27" s="310">
        <v>1</v>
      </c>
      <c r="AW27" s="312">
        <v>0</v>
      </c>
      <c r="AX27" s="313">
        <v>4</v>
      </c>
      <c r="AY27" s="313">
        <v>5</v>
      </c>
      <c r="AZ27" s="313">
        <v>2</v>
      </c>
      <c r="BA27" s="313">
        <v>2</v>
      </c>
      <c r="BB27" s="313">
        <v>2</v>
      </c>
      <c r="BC27" s="314">
        <v>15</v>
      </c>
      <c r="BD27" s="315">
        <v>16</v>
      </c>
      <c r="BE27" s="309">
        <v>0</v>
      </c>
      <c r="BF27" s="313">
        <v>0</v>
      </c>
      <c r="BG27" s="310">
        <v>0</v>
      </c>
      <c r="BH27" s="312">
        <v>0</v>
      </c>
      <c r="BI27" s="313">
        <v>5</v>
      </c>
      <c r="BJ27" s="313">
        <v>2</v>
      </c>
      <c r="BK27" s="313">
        <v>2</v>
      </c>
      <c r="BL27" s="313">
        <v>2</v>
      </c>
      <c r="BM27" s="313">
        <v>0</v>
      </c>
      <c r="BN27" s="310">
        <v>11</v>
      </c>
      <c r="BO27" s="315">
        <v>11</v>
      </c>
      <c r="BP27" s="309">
        <v>0</v>
      </c>
      <c r="BQ27" s="313">
        <v>2</v>
      </c>
      <c r="BR27" s="310">
        <v>2</v>
      </c>
      <c r="BS27" s="312">
        <v>0</v>
      </c>
      <c r="BT27" s="313">
        <v>0</v>
      </c>
      <c r="BU27" s="313">
        <v>5</v>
      </c>
      <c r="BV27" s="313">
        <v>3</v>
      </c>
      <c r="BW27" s="313">
        <v>2</v>
      </c>
      <c r="BX27" s="313">
        <v>0</v>
      </c>
      <c r="BY27" s="310">
        <v>10</v>
      </c>
      <c r="BZ27" s="315">
        <v>12</v>
      </c>
      <c r="CA27" s="309">
        <v>0</v>
      </c>
      <c r="CB27" s="313">
        <v>0</v>
      </c>
      <c r="CC27" s="310">
        <v>0</v>
      </c>
      <c r="CD27" s="312">
        <v>0</v>
      </c>
      <c r="CE27" s="313">
        <v>0</v>
      </c>
      <c r="CF27" s="313">
        <v>1</v>
      </c>
      <c r="CG27" s="313">
        <v>1</v>
      </c>
      <c r="CH27" s="313">
        <v>1</v>
      </c>
      <c r="CI27" s="313">
        <v>0</v>
      </c>
      <c r="CJ27" s="310">
        <v>3</v>
      </c>
      <c r="CK27" s="315">
        <v>3</v>
      </c>
      <c r="CL27" s="309">
        <v>0</v>
      </c>
      <c r="CM27" s="313">
        <v>0</v>
      </c>
      <c r="CN27" s="310">
        <v>0</v>
      </c>
      <c r="CO27" s="312">
        <v>0</v>
      </c>
      <c r="CP27" s="313">
        <v>0</v>
      </c>
      <c r="CQ27" s="313">
        <v>0</v>
      </c>
      <c r="CR27" s="313">
        <v>0</v>
      </c>
      <c r="CS27" s="313">
        <v>0</v>
      </c>
      <c r="CT27" s="313">
        <v>0</v>
      </c>
      <c r="CU27" s="310">
        <v>0</v>
      </c>
      <c r="CV27" s="315">
        <v>0</v>
      </c>
      <c r="CW27" s="309">
        <v>0</v>
      </c>
      <c r="CX27" s="313">
        <v>0</v>
      </c>
      <c r="CY27" s="310">
        <v>0</v>
      </c>
      <c r="CZ27" s="312">
        <v>0</v>
      </c>
      <c r="DA27" s="313">
        <v>0</v>
      </c>
      <c r="DB27" s="313">
        <v>0</v>
      </c>
      <c r="DC27" s="313">
        <v>0</v>
      </c>
      <c r="DD27" s="313">
        <v>0</v>
      </c>
      <c r="DE27" s="313">
        <v>0</v>
      </c>
      <c r="DF27" s="310">
        <v>0</v>
      </c>
      <c r="DG27" s="315">
        <v>0</v>
      </c>
      <c r="DH27" s="309">
        <v>0</v>
      </c>
      <c r="DI27" s="313">
        <v>0</v>
      </c>
      <c r="DJ27" s="310">
        <v>0</v>
      </c>
      <c r="DK27" s="312">
        <v>0</v>
      </c>
      <c r="DL27" s="313">
        <v>0</v>
      </c>
      <c r="DM27" s="313">
        <v>0</v>
      </c>
      <c r="DN27" s="313">
        <v>0</v>
      </c>
      <c r="DO27" s="313">
        <v>0</v>
      </c>
      <c r="DP27" s="313">
        <v>0</v>
      </c>
      <c r="DQ27" s="310">
        <v>0</v>
      </c>
      <c r="DR27" s="315">
        <v>0</v>
      </c>
      <c r="DS27" s="309">
        <v>4</v>
      </c>
      <c r="DT27" s="313">
        <v>7</v>
      </c>
      <c r="DU27" s="310">
        <v>11</v>
      </c>
      <c r="DV27" s="312">
        <v>0</v>
      </c>
      <c r="DW27" s="313">
        <v>6</v>
      </c>
      <c r="DX27" s="313">
        <v>6</v>
      </c>
      <c r="DY27" s="313">
        <v>5</v>
      </c>
      <c r="DZ27" s="313">
        <v>5</v>
      </c>
      <c r="EA27" s="313">
        <v>4</v>
      </c>
      <c r="EB27" s="310">
        <v>26</v>
      </c>
      <c r="EC27" s="315">
        <v>37</v>
      </c>
      <c r="ED27" s="309">
        <v>0</v>
      </c>
      <c r="EE27" s="313">
        <v>0</v>
      </c>
      <c r="EF27" s="310">
        <v>0</v>
      </c>
      <c r="EG27" s="312">
        <v>0</v>
      </c>
      <c r="EH27" s="313">
        <v>0</v>
      </c>
      <c r="EI27" s="313">
        <v>2</v>
      </c>
      <c r="EJ27" s="313">
        <v>0</v>
      </c>
      <c r="EK27" s="313">
        <v>2</v>
      </c>
      <c r="EL27" s="313">
        <v>1</v>
      </c>
      <c r="EM27" s="310">
        <v>5</v>
      </c>
      <c r="EN27" s="315">
        <v>5</v>
      </c>
      <c r="EO27" s="309">
        <v>5</v>
      </c>
      <c r="EP27" s="313">
        <v>8</v>
      </c>
      <c r="EQ27" s="310">
        <v>13</v>
      </c>
      <c r="ER27" s="312">
        <v>0</v>
      </c>
      <c r="ES27" s="313">
        <v>12</v>
      </c>
      <c r="ET27" s="313">
        <v>7</v>
      </c>
      <c r="EU27" s="313">
        <v>7</v>
      </c>
      <c r="EV27" s="313">
        <v>6</v>
      </c>
      <c r="EW27" s="313">
        <v>3</v>
      </c>
      <c r="EX27" s="310">
        <v>35</v>
      </c>
      <c r="EY27" s="315">
        <v>48</v>
      </c>
    </row>
    <row r="28" spans="1:155" ht="19.5" customHeight="1" x14ac:dyDescent="0.2">
      <c r="A28" s="294" t="s">
        <v>26</v>
      </c>
      <c r="B28" s="309">
        <v>0</v>
      </c>
      <c r="C28" s="310">
        <v>0</v>
      </c>
      <c r="D28" s="311">
        <v>0</v>
      </c>
      <c r="E28" s="312">
        <v>0</v>
      </c>
      <c r="F28" s="313">
        <v>5</v>
      </c>
      <c r="G28" s="313">
        <v>4</v>
      </c>
      <c r="H28" s="313">
        <v>2</v>
      </c>
      <c r="I28" s="313">
        <v>1</v>
      </c>
      <c r="J28" s="313">
        <v>2</v>
      </c>
      <c r="K28" s="314">
        <v>14</v>
      </c>
      <c r="L28" s="315">
        <v>14</v>
      </c>
      <c r="M28" s="309">
        <v>0</v>
      </c>
      <c r="N28" s="313">
        <v>0</v>
      </c>
      <c r="O28" s="310">
        <v>0</v>
      </c>
      <c r="P28" s="312">
        <v>0</v>
      </c>
      <c r="Q28" s="313">
        <v>0</v>
      </c>
      <c r="R28" s="313">
        <v>0</v>
      </c>
      <c r="S28" s="313">
        <v>0</v>
      </c>
      <c r="T28" s="313">
        <v>0</v>
      </c>
      <c r="U28" s="313">
        <v>1</v>
      </c>
      <c r="V28" s="310">
        <v>1</v>
      </c>
      <c r="W28" s="315">
        <v>1</v>
      </c>
      <c r="X28" s="309">
        <v>0</v>
      </c>
      <c r="Y28" s="313">
        <v>3</v>
      </c>
      <c r="Z28" s="310">
        <v>3</v>
      </c>
      <c r="AA28" s="312">
        <v>0</v>
      </c>
      <c r="AB28" s="313">
        <v>3</v>
      </c>
      <c r="AC28" s="313">
        <v>4</v>
      </c>
      <c r="AD28" s="313">
        <v>2</v>
      </c>
      <c r="AE28" s="313">
        <v>2</v>
      </c>
      <c r="AF28" s="313">
        <v>2</v>
      </c>
      <c r="AG28" s="310">
        <v>13</v>
      </c>
      <c r="AH28" s="315">
        <v>16</v>
      </c>
      <c r="AI28" s="309">
        <v>0</v>
      </c>
      <c r="AJ28" s="313">
        <v>0</v>
      </c>
      <c r="AK28" s="310">
        <v>0</v>
      </c>
      <c r="AL28" s="312">
        <v>0</v>
      </c>
      <c r="AM28" s="313">
        <v>0</v>
      </c>
      <c r="AN28" s="313">
        <v>0</v>
      </c>
      <c r="AO28" s="313">
        <v>0</v>
      </c>
      <c r="AP28" s="313">
        <v>0</v>
      </c>
      <c r="AQ28" s="313">
        <v>0</v>
      </c>
      <c r="AR28" s="310">
        <v>0</v>
      </c>
      <c r="AS28" s="315">
        <v>0</v>
      </c>
      <c r="AT28" s="309">
        <v>2</v>
      </c>
      <c r="AU28" s="313">
        <v>0</v>
      </c>
      <c r="AV28" s="310">
        <v>2</v>
      </c>
      <c r="AW28" s="312">
        <v>0</v>
      </c>
      <c r="AX28" s="313">
        <v>2</v>
      </c>
      <c r="AY28" s="313">
        <v>5</v>
      </c>
      <c r="AZ28" s="313">
        <v>2</v>
      </c>
      <c r="BA28" s="313">
        <v>4</v>
      </c>
      <c r="BB28" s="313">
        <v>4</v>
      </c>
      <c r="BC28" s="314">
        <v>17</v>
      </c>
      <c r="BD28" s="315">
        <v>19</v>
      </c>
      <c r="BE28" s="309">
        <v>0</v>
      </c>
      <c r="BF28" s="313">
        <v>0</v>
      </c>
      <c r="BG28" s="310">
        <v>0</v>
      </c>
      <c r="BH28" s="312">
        <v>0</v>
      </c>
      <c r="BI28" s="313">
        <v>11</v>
      </c>
      <c r="BJ28" s="313">
        <v>4</v>
      </c>
      <c r="BK28" s="313">
        <v>1</v>
      </c>
      <c r="BL28" s="313">
        <v>0</v>
      </c>
      <c r="BM28" s="313">
        <v>0</v>
      </c>
      <c r="BN28" s="310">
        <v>16</v>
      </c>
      <c r="BO28" s="315">
        <v>16</v>
      </c>
      <c r="BP28" s="309">
        <v>0</v>
      </c>
      <c r="BQ28" s="313">
        <v>1</v>
      </c>
      <c r="BR28" s="310">
        <v>1</v>
      </c>
      <c r="BS28" s="312">
        <v>0</v>
      </c>
      <c r="BT28" s="313">
        <v>2</v>
      </c>
      <c r="BU28" s="313">
        <v>3</v>
      </c>
      <c r="BV28" s="313">
        <v>1</v>
      </c>
      <c r="BW28" s="313">
        <v>0</v>
      </c>
      <c r="BX28" s="313">
        <v>0</v>
      </c>
      <c r="BY28" s="310">
        <v>6</v>
      </c>
      <c r="BZ28" s="315">
        <v>7</v>
      </c>
      <c r="CA28" s="309">
        <v>0</v>
      </c>
      <c r="CB28" s="313">
        <v>0</v>
      </c>
      <c r="CC28" s="310">
        <v>0</v>
      </c>
      <c r="CD28" s="312">
        <v>0</v>
      </c>
      <c r="CE28" s="313">
        <v>2</v>
      </c>
      <c r="CF28" s="313">
        <v>0</v>
      </c>
      <c r="CG28" s="313">
        <v>1</v>
      </c>
      <c r="CH28" s="313">
        <v>0</v>
      </c>
      <c r="CI28" s="313">
        <v>0</v>
      </c>
      <c r="CJ28" s="310">
        <v>3</v>
      </c>
      <c r="CK28" s="315">
        <v>3</v>
      </c>
      <c r="CL28" s="309">
        <v>0</v>
      </c>
      <c r="CM28" s="313">
        <v>0</v>
      </c>
      <c r="CN28" s="310">
        <v>0</v>
      </c>
      <c r="CO28" s="312">
        <v>0</v>
      </c>
      <c r="CP28" s="313">
        <v>0</v>
      </c>
      <c r="CQ28" s="313">
        <v>0</v>
      </c>
      <c r="CR28" s="313">
        <v>0</v>
      </c>
      <c r="CS28" s="313">
        <v>0</v>
      </c>
      <c r="CT28" s="313">
        <v>0</v>
      </c>
      <c r="CU28" s="310">
        <v>0</v>
      </c>
      <c r="CV28" s="315">
        <v>0</v>
      </c>
      <c r="CW28" s="309">
        <v>0</v>
      </c>
      <c r="CX28" s="313">
        <v>0</v>
      </c>
      <c r="CY28" s="310">
        <v>0</v>
      </c>
      <c r="CZ28" s="312">
        <v>0</v>
      </c>
      <c r="DA28" s="313">
        <v>0</v>
      </c>
      <c r="DB28" s="313">
        <v>0</v>
      </c>
      <c r="DC28" s="313">
        <v>0</v>
      </c>
      <c r="DD28" s="313">
        <v>0</v>
      </c>
      <c r="DE28" s="313">
        <v>0</v>
      </c>
      <c r="DF28" s="310">
        <v>0</v>
      </c>
      <c r="DG28" s="315">
        <v>0</v>
      </c>
      <c r="DH28" s="309">
        <v>0</v>
      </c>
      <c r="DI28" s="313">
        <v>0</v>
      </c>
      <c r="DJ28" s="310">
        <v>0</v>
      </c>
      <c r="DK28" s="312">
        <v>0</v>
      </c>
      <c r="DL28" s="313">
        <v>0</v>
      </c>
      <c r="DM28" s="313">
        <v>0</v>
      </c>
      <c r="DN28" s="313">
        <v>0</v>
      </c>
      <c r="DO28" s="313">
        <v>0</v>
      </c>
      <c r="DP28" s="313">
        <v>0</v>
      </c>
      <c r="DQ28" s="310">
        <v>0</v>
      </c>
      <c r="DR28" s="315">
        <v>0</v>
      </c>
      <c r="DS28" s="309">
        <v>5</v>
      </c>
      <c r="DT28" s="313">
        <v>5</v>
      </c>
      <c r="DU28" s="310">
        <v>10</v>
      </c>
      <c r="DV28" s="312">
        <v>0</v>
      </c>
      <c r="DW28" s="313">
        <v>11</v>
      </c>
      <c r="DX28" s="313">
        <v>9</v>
      </c>
      <c r="DY28" s="313">
        <v>7</v>
      </c>
      <c r="DZ28" s="313">
        <v>3</v>
      </c>
      <c r="EA28" s="313">
        <v>3</v>
      </c>
      <c r="EB28" s="310">
        <v>33</v>
      </c>
      <c r="EC28" s="315">
        <v>43</v>
      </c>
      <c r="ED28" s="309">
        <v>2</v>
      </c>
      <c r="EE28" s="313">
        <v>1</v>
      </c>
      <c r="EF28" s="310">
        <v>3</v>
      </c>
      <c r="EG28" s="312">
        <v>0</v>
      </c>
      <c r="EH28" s="313">
        <v>2</v>
      </c>
      <c r="EI28" s="313">
        <v>4</v>
      </c>
      <c r="EJ28" s="313">
        <v>0</v>
      </c>
      <c r="EK28" s="313">
        <v>2</v>
      </c>
      <c r="EL28" s="313">
        <v>0</v>
      </c>
      <c r="EM28" s="310">
        <v>8</v>
      </c>
      <c r="EN28" s="315">
        <v>11</v>
      </c>
      <c r="EO28" s="309">
        <v>5</v>
      </c>
      <c r="EP28" s="313">
        <v>8</v>
      </c>
      <c r="EQ28" s="310">
        <v>13</v>
      </c>
      <c r="ER28" s="312">
        <v>0</v>
      </c>
      <c r="ES28" s="313">
        <v>23</v>
      </c>
      <c r="ET28" s="313">
        <v>11</v>
      </c>
      <c r="EU28" s="313">
        <v>7</v>
      </c>
      <c r="EV28" s="313">
        <v>3</v>
      </c>
      <c r="EW28" s="313">
        <v>3</v>
      </c>
      <c r="EX28" s="310">
        <v>47</v>
      </c>
      <c r="EY28" s="315">
        <v>60</v>
      </c>
    </row>
    <row r="29" spans="1:155" ht="19.5" customHeight="1" x14ac:dyDescent="0.2">
      <c r="A29" s="294" t="s">
        <v>27</v>
      </c>
      <c r="B29" s="309">
        <v>0</v>
      </c>
      <c r="C29" s="310">
        <v>0</v>
      </c>
      <c r="D29" s="311">
        <v>0</v>
      </c>
      <c r="E29" s="312">
        <v>0</v>
      </c>
      <c r="F29" s="313">
        <v>3</v>
      </c>
      <c r="G29" s="313">
        <v>1</v>
      </c>
      <c r="H29" s="313">
        <v>1</v>
      </c>
      <c r="I29" s="313">
        <v>1</v>
      </c>
      <c r="J29" s="313">
        <v>1</v>
      </c>
      <c r="K29" s="314">
        <v>7</v>
      </c>
      <c r="L29" s="315">
        <v>7</v>
      </c>
      <c r="M29" s="309">
        <v>0</v>
      </c>
      <c r="N29" s="313">
        <v>0</v>
      </c>
      <c r="O29" s="310">
        <v>0</v>
      </c>
      <c r="P29" s="312">
        <v>0</v>
      </c>
      <c r="Q29" s="313">
        <v>0</v>
      </c>
      <c r="R29" s="313">
        <v>0</v>
      </c>
      <c r="S29" s="313">
        <v>0</v>
      </c>
      <c r="T29" s="313">
        <v>0</v>
      </c>
      <c r="U29" s="313">
        <v>0</v>
      </c>
      <c r="V29" s="310">
        <v>0</v>
      </c>
      <c r="W29" s="315">
        <v>0</v>
      </c>
      <c r="X29" s="309">
        <v>1</v>
      </c>
      <c r="Y29" s="313">
        <v>2</v>
      </c>
      <c r="Z29" s="310">
        <v>3</v>
      </c>
      <c r="AA29" s="312">
        <v>0</v>
      </c>
      <c r="AB29" s="313">
        <v>4</v>
      </c>
      <c r="AC29" s="313">
        <v>3</v>
      </c>
      <c r="AD29" s="313">
        <v>2</v>
      </c>
      <c r="AE29" s="313">
        <v>1</v>
      </c>
      <c r="AF29" s="313">
        <v>1</v>
      </c>
      <c r="AG29" s="310">
        <v>11</v>
      </c>
      <c r="AH29" s="315">
        <v>14</v>
      </c>
      <c r="AI29" s="309">
        <v>0</v>
      </c>
      <c r="AJ29" s="313">
        <v>1</v>
      </c>
      <c r="AK29" s="310">
        <v>1</v>
      </c>
      <c r="AL29" s="312">
        <v>0</v>
      </c>
      <c r="AM29" s="313">
        <v>0</v>
      </c>
      <c r="AN29" s="313">
        <v>0</v>
      </c>
      <c r="AO29" s="313">
        <v>0</v>
      </c>
      <c r="AP29" s="313">
        <v>0</v>
      </c>
      <c r="AQ29" s="313">
        <v>0</v>
      </c>
      <c r="AR29" s="310">
        <v>0</v>
      </c>
      <c r="AS29" s="315">
        <v>1</v>
      </c>
      <c r="AT29" s="309">
        <v>0</v>
      </c>
      <c r="AU29" s="313">
        <v>2</v>
      </c>
      <c r="AV29" s="310">
        <v>2</v>
      </c>
      <c r="AW29" s="312">
        <v>0</v>
      </c>
      <c r="AX29" s="313">
        <v>6</v>
      </c>
      <c r="AY29" s="313">
        <v>2</v>
      </c>
      <c r="AZ29" s="313">
        <v>4</v>
      </c>
      <c r="BA29" s="313">
        <v>5</v>
      </c>
      <c r="BB29" s="313">
        <v>1</v>
      </c>
      <c r="BC29" s="314">
        <v>18</v>
      </c>
      <c r="BD29" s="315">
        <v>20</v>
      </c>
      <c r="BE29" s="309">
        <v>0</v>
      </c>
      <c r="BF29" s="313">
        <v>0</v>
      </c>
      <c r="BG29" s="310">
        <v>0</v>
      </c>
      <c r="BH29" s="312">
        <v>0</v>
      </c>
      <c r="BI29" s="313">
        <v>3</v>
      </c>
      <c r="BJ29" s="313">
        <v>1</v>
      </c>
      <c r="BK29" s="313">
        <v>2</v>
      </c>
      <c r="BL29" s="313">
        <v>1</v>
      </c>
      <c r="BM29" s="313">
        <v>0</v>
      </c>
      <c r="BN29" s="310">
        <v>7</v>
      </c>
      <c r="BO29" s="315">
        <v>7</v>
      </c>
      <c r="BP29" s="309">
        <v>2</v>
      </c>
      <c r="BQ29" s="313">
        <v>2</v>
      </c>
      <c r="BR29" s="310">
        <v>4</v>
      </c>
      <c r="BS29" s="312">
        <v>0</v>
      </c>
      <c r="BT29" s="313">
        <v>1</v>
      </c>
      <c r="BU29" s="313">
        <v>2</v>
      </c>
      <c r="BV29" s="313">
        <v>1</v>
      </c>
      <c r="BW29" s="313">
        <v>0</v>
      </c>
      <c r="BX29" s="313">
        <v>0</v>
      </c>
      <c r="BY29" s="310">
        <v>4</v>
      </c>
      <c r="BZ29" s="315">
        <v>8</v>
      </c>
      <c r="CA29" s="309">
        <v>0</v>
      </c>
      <c r="CB29" s="313">
        <v>0</v>
      </c>
      <c r="CC29" s="310">
        <v>0</v>
      </c>
      <c r="CD29" s="312">
        <v>0</v>
      </c>
      <c r="CE29" s="313">
        <v>0</v>
      </c>
      <c r="CF29" s="313">
        <v>0</v>
      </c>
      <c r="CG29" s="313">
        <v>1</v>
      </c>
      <c r="CH29" s="313">
        <v>0</v>
      </c>
      <c r="CI29" s="313">
        <v>0</v>
      </c>
      <c r="CJ29" s="310">
        <v>1</v>
      </c>
      <c r="CK29" s="315">
        <v>1</v>
      </c>
      <c r="CL29" s="309">
        <v>0</v>
      </c>
      <c r="CM29" s="313">
        <v>0</v>
      </c>
      <c r="CN29" s="310">
        <v>0</v>
      </c>
      <c r="CO29" s="312">
        <v>0</v>
      </c>
      <c r="CP29" s="313">
        <v>1</v>
      </c>
      <c r="CQ29" s="313">
        <v>1</v>
      </c>
      <c r="CR29" s="313">
        <v>0</v>
      </c>
      <c r="CS29" s="313">
        <v>0</v>
      </c>
      <c r="CT29" s="313">
        <v>0</v>
      </c>
      <c r="CU29" s="310">
        <v>2</v>
      </c>
      <c r="CV29" s="315">
        <v>2</v>
      </c>
      <c r="CW29" s="309">
        <v>0</v>
      </c>
      <c r="CX29" s="313">
        <v>0</v>
      </c>
      <c r="CY29" s="310">
        <v>0</v>
      </c>
      <c r="CZ29" s="312">
        <v>0</v>
      </c>
      <c r="DA29" s="313">
        <v>0</v>
      </c>
      <c r="DB29" s="313">
        <v>0</v>
      </c>
      <c r="DC29" s="313">
        <v>0</v>
      </c>
      <c r="DD29" s="313">
        <v>0</v>
      </c>
      <c r="DE29" s="313">
        <v>0</v>
      </c>
      <c r="DF29" s="310">
        <v>0</v>
      </c>
      <c r="DG29" s="315">
        <v>0</v>
      </c>
      <c r="DH29" s="309">
        <v>0</v>
      </c>
      <c r="DI29" s="313">
        <v>0</v>
      </c>
      <c r="DJ29" s="310">
        <v>0</v>
      </c>
      <c r="DK29" s="312">
        <v>0</v>
      </c>
      <c r="DL29" s="313">
        <v>0</v>
      </c>
      <c r="DM29" s="313">
        <v>0</v>
      </c>
      <c r="DN29" s="313">
        <v>0</v>
      </c>
      <c r="DO29" s="313">
        <v>0</v>
      </c>
      <c r="DP29" s="313">
        <v>0</v>
      </c>
      <c r="DQ29" s="310">
        <v>0</v>
      </c>
      <c r="DR29" s="315">
        <v>0</v>
      </c>
      <c r="DS29" s="309">
        <v>3</v>
      </c>
      <c r="DT29" s="313">
        <v>9</v>
      </c>
      <c r="DU29" s="310">
        <v>12</v>
      </c>
      <c r="DV29" s="312">
        <v>0</v>
      </c>
      <c r="DW29" s="313">
        <v>6</v>
      </c>
      <c r="DX29" s="313">
        <v>3</v>
      </c>
      <c r="DY29" s="313">
        <v>4</v>
      </c>
      <c r="DZ29" s="313">
        <v>2</v>
      </c>
      <c r="EA29" s="313">
        <v>1</v>
      </c>
      <c r="EB29" s="310">
        <v>16</v>
      </c>
      <c r="EC29" s="315">
        <v>28</v>
      </c>
      <c r="ED29" s="309">
        <v>0</v>
      </c>
      <c r="EE29" s="313">
        <v>3</v>
      </c>
      <c r="EF29" s="310">
        <v>3</v>
      </c>
      <c r="EG29" s="312">
        <v>0</v>
      </c>
      <c r="EH29" s="313">
        <v>3</v>
      </c>
      <c r="EI29" s="313">
        <v>1</v>
      </c>
      <c r="EJ29" s="313">
        <v>4</v>
      </c>
      <c r="EK29" s="313">
        <v>3</v>
      </c>
      <c r="EL29" s="313">
        <v>0</v>
      </c>
      <c r="EM29" s="310">
        <v>11</v>
      </c>
      <c r="EN29" s="315">
        <v>14</v>
      </c>
      <c r="EO29" s="309">
        <v>6</v>
      </c>
      <c r="EP29" s="313">
        <v>11</v>
      </c>
      <c r="EQ29" s="310">
        <v>17</v>
      </c>
      <c r="ER29" s="312">
        <v>0</v>
      </c>
      <c r="ES29" s="313">
        <v>9</v>
      </c>
      <c r="ET29" s="313">
        <v>5</v>
      </c>
      <c r="EU29" s="313">
        <v>5</v>
      </c>
      <c r="EV29" s="313">
        <v>2</v>
      </c>
      <c r="EW29" s="313">
        <v>1</v>
      </c>
      <c r="EX29" s="310">
        <v>22</v>
      </c>
      <c r="EY29" s="315">
        <v>39</v>
      </c>
    </row>
    <row r="30" spans="1:155" ht="19.5" customHeight="1" x14ac:dyDescent="0.2">
      <c r="A30" s="294" t="s">
        <v>28</v>
      </c>
      <c r="B30" s="309">
        <v>0</v>
      </c>
      <c r="C30" s="310">
        <v>0</v>
      </c>
      <c r="D30" s="311">
        <v>0</v>
      </c>
      <c r="E30" s="312">
        <v>0</v>
      </c>
      <c r="F30" s="313">
        <v>1</v>
      </c>
      <c r="G30" s="313">
        <v>2</v>
      </c>
      <c r="H30" s="313">
        <v>0</v>
      </c>
      <c r="I30" s="313">
        <v>0</v>
      </c>
      <c r="J30" s="313">
        <v>0</v>
      </c>
      <c r="K30" s="314">
        <v>3</v>
      </c>
      <c r="L30" s="315">
        <v>3</v>
      </c>
      <c r="M30" s="309">
        <v>0</v>
      </c>
      <c r="N30" s="313">
        <v>0</v>
      </c>
      <c r="O30" s="310">
        <v>0</v>
      </c>
      <c r="P30" s="312">
        <v>0</v>
      </c>
      <c r="Q30" s="313">
        <v>0</v>
      </c>
      <c r="R30" s="313">
        <v>0</v>
      </c>
      <c r="S30" s="313">
        <v>0</v>
      </c>
      <c r="T30" s="313">
        <v>0</v>
      </c>
      <c r="U30" s="313">
        <v>0</v>
      </c>
      <c r="V30" s="310">
        <v>0</v>
      </c>
      <c r="W30" s="315">
        <v>0</v>
      </c>
      <c r="X30" s="309">
        <v>0</v>
      </c>
      <c r="Y30" s="313">
        <v>0</v>
      </c>
      <c r="Z30" s="310">
        <v>0</v>
      </c>
      <c r="AA30" s="312">
        <v>0</v>
      </c>
      <c r="AB30" s="313">
        <v>0</v>
      </c>
      <c r="AC30" s="313">
        <v>1</v>
      </c>
      <c r="AD30" s="313">
        <v>1</v>
      </c>
      <c r="AE30" s="313">
        <v>0</v>
      </c>
      <c r="AF30" s="313">
        <v>0</v>
      </c>
      <c r="AG30" s="310">
        <v>2</v>
      </c>
      <c r="AH30" s="315">
        <v>2</v>
      </c>
      <c r="AI30" s="309">
        <v>0</v>
      </c>
      <c r="AJ30" s="313">
        <v>0</v>
      </c>
      <c r="AK30" s="310">
        <v>0</v>
      </c>
      <c r="AL30" s="312">
        <v>0</v>
      </c>
      <c r="AM30" s="313">
        <v>1</v>
      </c>
      <c r="AN30" s="313">
        <v>0</v>
      </c>
      <c r="AO30" s="313">
        <v>0</v>
      </c>
      <c r="AP30" s="313">
        <v>0</v>
      </c>
      <c r="AQ30" s="313">
        <v>0</v>
      </c>
      <c r="AR30" s="310">
        <v>1</v>
      </c>
      <c r="AS30" s="315">
        <v>1</v>
      </c>
      <c r="AT30" s="309">
        <v>0</v>
      </c>
      <c r="AU30" s="313">
        <v>1</v>
      </c>
      <c r="AV30" s="310">
        <v>1</v>
      </c>
      <c r="AW30" s="312">
        <v>0</v>
      </c>
      <c r="AX30" s="313">
        <v>1</v>
      </c>
      <c r="AY30" s="313">
        <v>4</v>
      </c>
      <c r="AZ30" s="313">
        <v>1</v>
      </c>
      <c r="BA30" s="313">
        <v>0</v>
      </c>
      <c r="BB30" s="313">
        <v>1</v>
      </c>
      <c r="BC30" s="314">
        <v>7</v>
      </c>
      <c r="BD30" s="315">
        <v>8</v>
      </c>
      <c r="BE30" s="309">
        <v>0</v>
      </c>
      <c r="BF30" s="313">
        <v>0</v>
      </c>
      <c r="BG30" s="310">
        <v>0</v>
      </c>
      <c r="BH30" s="312">
        <v>0</v>
      </c>
      <c r="BI30" s="313">
        <v>1</v>
      </c>
      <c r="BJ30" s="313">
        <v>2</v>
      </c>
      <c r="BK30" s="313">
        <v>0</v>
      </c>
      <c r="BL30" s="313">
        <v>0</v>
      </c>
      <c r="BM30" s="313">
        <v>0</v>
      </c>
      <c r="BN30" s="310">
        <v>3</v>
      </c>
      <c r="BO30" s="315">
        <v>3</v>
      </c>
      <c r="BP30" s="309">
        <v>0</v>
      </c>
      <c r="BQ30" s="313">
        <v>1</v>
      </c>
      <c r="BR30" s="310">
        <v>1</v>
      </c>
      <c r="BS30" s="312">
        <v>0</v>
      </c>
      <c r="BT30" s="313">
        <v>1</v>
      </c>
      <c r="BU30" s="313">
        <v>1</v>
      </c>
      <c r="BV30" s="313">
        <v>1</v>
      </c>
      <c r="BW30" s="313">
        <v>0</v>
      </c>
      <c r="BX30" s="313">
        <v>1</v>
      </c>
      <c r="BY30" s="310">
        <v>4</v>
      </c>
      <c r="BZ30" s="315">
        <v>5</v>
      </c>
      <c r="CA30" s="309">
        <v>0</v>
      </c>
      <c r="CB30" s="313">
        <v>0</v>
      </c>
      <c r="CC30" s="310">
        <v>0</v>
      </c>
      <c r="CD30" s="312">
        <v>0</v>
      </c>
      <c r="CE30" s="313">
        <v>0</v>
      </c>
      <c r="CF30" s="313">
        <v>0</v>
      </c>
      <c r="CG30" s="313">
        <v>0</v>
      </c>
      <c r="CH30" s="313">
        <v>0</v>
      </c>
      <c r="CI30" s="313">
        <v>0</v>
      </c>
      <c r="CJ30" s="310">
        <v>0</v>
      </c>
      <c r="CK30" s="315">
        <v>0</v>
      </c>
      <c r="CL30" s="309">
        <v>0</v>
      </c>
      <c r="CM30" s="313">
        <v>0</v>
      </c>
      <c r="CN30" s="310">
        <v>0</v>
      </c>
      <c r="CO30" s="312">
        <v>0</v>
      </c>
      <c r="CP30" s="313">
        <v>0</v>
      </c>
      <c r="CQ30" s="313">
        <v>0</v>
      </c>
      <c r="CR30" s="313">
        <v>0</v>
      </c>
      <c r="CS30" s="313">
        <v>0</v>
      </c>
      <c r="CT30" s="313">
        <v>0</v>
      </c>
      <c r="CU30" s="310">
        <v>0</v>
      </c>
      <c r="CV30" s="315">
        <v>0</v>
      </c>
      <c r="CW30" s="309">
        <v>0</v>
      </c>
      <c r="CX30" s="313">
        <v>0</v>
      </c>
      <c r="CY30" s="310">
        <v>0</v>
      </c>
      <c r="CZ30" s="312">
        <v>0</v>
      </c>
      <c r="DA30" s="313">
        <v>0</v>
      </c>
      <c r="DB30" s="313">
        <v>0</v>
      </c>
      <c r="DC30" s="313">
        <v>0</v>
      </c>
      <c r="DD30" s="313">
        <v>0</v>
      </c>
      <c r="DE30" s="313">
        <v>0</v>
      </c>
      <c r="DF30" s="310">
        <v>0</v>
      </c>
      <c r="DG30" s="315">
        <v>0</v>
      </c>
      <c r="DH30" s="309">
        <v>0</v>
      </c>
      <c r="DI30" s="313">
        <v>0</v>
      </c>
      <c r="DJ30" s="310">
        <v>0</v>
      </c>
      <c r="DK30" s="312">
        <v>0</v>
      </c>
      <c r="DL30" s="313">
        <v>0</v>
      </c>
      <c r="DM30" s="313">
        <v>0</v>
      </c>
      <c r="DN30" s="313">
        <v>0</v>
      </c>
      <c r="DO30" s="313">
        <v>0</v>
      </c>
      <c r="DP30" s="313">
        <v>0</v>
      </c>
      <c r="DQ30" s="310">
        <v>0</v>
      </c>
      <c r="DR30" s="315">
        <v>0</v>
      </c>
      <c r="DS30" s="309">
        <v>0</v>
      </c>
      <c r="DT30" s="313">
        <v>2</v>
      </c>
      <c r="DU30" s="310">
        <v>2</v>
      </c>
      <c r="DV30" s="312">
        <v>0</v>
      </c>
      <c r="DW30" s="313">
        <v>2</v>
      </c>
      <c r="DX30" s="313">
        <v>5</v>
      </c>
      <c r="DY30" s="313">
        <v>1</v>
      </c>
      <c r="DZ30" s="313">
        <v>0</v>
      </c>
      <c r="EA30" s="313">
        <v>1</v>
      </c>
      <c r="EB30" s="310">
        <v>9</v>
      </c>
      <c r="EC30" s="315">
        <v>11</v>
      </c>
      <c r="ED30" s="309">
        <v>0</v>
      </c>
      <c r="EE30" s="313">
        <v>0</v>
      </c>
      <c r="EF30" s="310">
        <v>0</v>
      </c>
      <c r="EG30" s="312">
        <v>0</v>
      </c>
      <c r="EH30" s="313">
        <v>1</v>
      </c>
      <c r="EI30" s="313">
        <v>1</v>
      </c>
      <c r="EJ30" s="313">
        <v>0</v>
      </c>
      <c r="EK30" s="313">
        <v>0</v>
      </c>
      <c r="EL30" s="313">
        <v>1</v>
      </c>
      <c r="EM30" s="310">
        <v>3</v>
      </c>
      <c r="EN30" s="315">
        <v>3</v>
      </c>
      <c r="EO30" s="309">
        <v>0</v>
      </c>
      <c r="EP30" s="313">
        <v>2</v>
      </c>
      <c r="EQ30" s="310">
        <v>2</v>
      </c>
      <c r="ER30" s="312">
        <v>0</v>
      </c>
      <c r="ES30" s="313">
        <v>4</v>
      </c>
      <c r="ET30" s="313">
        <v>7</v>
      </c>
      <c r="EU30" s="313">
        <v>2</v>
      </c>
      <c r="EV30" s="313">
        <v>0</v>
      </c>
      <c r="EW30" s="313">
        <v>1</v>
      </c>
      <c r="EX30" s="310">
        <v>14</v>
      </c>
      <c r="EY30" s="315">
        <v>16</v>
      </c>
    </row>
    <row r="31" spans="1:155" ht="19.5" customHeight="1" x14ac:dyDescent="0.2">
      <c r="A31" s="294" t="s">
        <v>29</v>
      </c>
      <c r="B31" s="309">
        <v>0</v>
      </c>
      <c r="C31" s="310">
        <v>0</v>
      </c>
      <c r="D31" s="311">
        <v>0</v>
      </c>
      <c r="E31" s="312">
        <v>0</v>
      </c>
      <c r="F31" s="313">
        <v>1</v>
      </c>
      <c r="G31" s="313">
        <v>2</v>
      </c>
      <c r="H31" s="313">
        <v>0</v>
      </c>
      <c r="I31" s="313">
        <v>0</v>
      </c>
      <c r="J31" s="313">
        <v>0</v>
      </c>
      <c r="K31" s="314">
        <v>3</v>
      </c>
      <c r="L31" s="315">
        <v>3</v>
      </c>
      <c r="M31" s="309">
        <v>0</v>
      </c>
      <c r="N31" s="313">
        <v>0</v>
      </c>
      <c r="O31" s="310">
        <v>0</v>
      </c>
      <c r="P31" s="312">
        <v>0</v>
      </c>
      <c r="Q31" s="313">
        <v>0</v>
      </c>
      <c r="R31" s="313">
        <v>0</v>
      </c>
      <c r="S31" s="313">
        <v>1</v>
      </c>
      <c r="T31" s="313">
        <v>0</v>
      </c>
      <c r="U31" s="313">
        <v>0</v>
      </c>
      <c r="V31" s="310">
        <v>1</v>
      </c>
      <c r="W31" s="315">
        <v>1</v>
      </c>
      <c r="X31" s="309">
        <v>0</v>
      </c>
      <c r="Y31" s="313">
        <v>0</v>
      </c>
      <c r="Z31" s="310">
        <v>0</v>
      </c>
      <c r="AA31" s="312">
        <v>0</v>
      </c>
      <c r="AB31" s="313">
        <v>1</v>
      </c>
      <c r="AC31" s="313">
        <v>1</v>
      </c>
      <c r="AD31" s="313">
        <v>3</v>
      </c>
      <c r="AE31" s="313">
        <v>0</v>
      </c>
      <c r="AF31" s="313">
        <v>0</v>
      </c>
      <c r="AG31" s="310">
        <v>5</v>
      </c>
      <c r="AH31" s="315">
        <v>5</v>
      </c>
      <c r="AI31" s="309">
        <v>0</v>
      </c>
      <c r="AJ31" s="313">
        <v>0</v>
      </c>
      <c r="AK31" s="310">
        <v>0</v>
      </c>
      <c r="AL31" s="312">
        <v>0</v>
      </c>
      <c r="AM31" s="313">
        <v>0</v>
      </c>
      <c r="AN31" s="313">
        <v>1</v>
      </c>
      <c r="AO31" s="313">
        <v>0</v>
      </c>
      <c r="AP31" s="313">
        <v>0</v>
      </c>
      <c r="AQ31" s="313">
        <v>0</v>
      </c>
      <c r="AR31" s="310">
        <v>1</v>
      </c>
      <c r="AS31" s="315">
        <v>1</v>
      </c>
      <c r="AT31" s="309">
        <v>1</v>
      </c>
      <c r="AU31" s="313">
        <v>0</v>
      </c>
      <c r="AV31" s="310">
        <v>1</v>
      </c>
      <c r="AW31" s="312">
        <v>0</v>
      </c>
      <c r="AX31" s="313">
        <v>2</v>
      </c>
      <c r="AY31" s="313">
        <v>2</v>
      </c>
      <c r="AZ31" s="313">
        <v>1</v>
      </c>
      <c r="BA31" s="313">
        <v>1</v>
      </c>
      <c r="BB31" s="313">
        <v>0</v>
      </c>
      <c r="BC31" s="314">
        <v>6</v>
      </c>
      <c r="BD31" s="315">
        <v>7</v>
      </c>
      <c r="BE31" s="309">
        <v>0</v>
      </c>
      <c r="BF31" s="313">
        <v>0</v>
      </c>
      <c r="BG31" s="310">
        <v>0</v>
      </c>
      <c r="BH31" s="312">
        <v>0</v>
      </c>
      <c r="BI31" s="313">
        <v>2</v>
      </c>
      <c r="BJ31" s="313">
        <v>0</v>
      </c>
      <c r="BK31" s="313">
        <v>1</v>
      </c>
      <c r="BL31" s="313">
        <v>0</v>
      </c>
      <c r="BM31" s="313">
        <v>0</v>
      </c>
      <c r="BN31" s="310">
        <v>3</v>
      </c>
      <c r="BO31" s="315">
        <v>3</v>
      </c>
      <c r="BP31" s="309">
        <v>0</v>
      </c>
      <c r="BQ31" s="313">
        <v>0</v>
      </c>
      <c r="BR31" s="310">
        <v>0</v>
      </c>
      <c r="BS31" s="312">
        <v>0</v>
      </c>
      <c r="BT31" s="313">
        <v>0</v>
      </c>
      <c r="BU31" s="313">
        <v>1</v>
      </c>
      <c r="BV31" s="313">
        <v>2</v>
      </c>
      <c r="BW31" s="313">
        <v>0</v>
      </c>
      <c r="BX31" s="313">
        <v>0</v>
      </c>
      <c r="BY31" s="310">
        <v>3</v>
      </c>
      <c r="BZ31" s="315">
        <v>3</v>
      </c>
      <c r="CA31" s="309">
        <v>0</v>
      </c>
      <c r="CB31" s="313">
        <v>0</v>
      </c>
      <c r="CC31" s="310">
        <v>0</v>
      </c>
      <c r="CD31" s="312">
        <v>0</v>
      </c>
      <c r="CE31" s="313">
        <v>0</v>
      </c>
      <c r="CF31" s="313">
        <v>0</v>
      </c>
      <c r="CG31" s="313">
        <v>1</v>
      </c>
      <c r="CH31" s="313">
        <v>0</v>
      </c>
      <c r="CI31" s="313">
        <v>0</v>
      </c>
      <c r="CJ31" s="310">
        <v>1</v>
      </c>
      <c r="CK31" s="315">
        <v>1</v>
      </c>
      <c r="CL31" s="309">
        <v>0</v>
      </c>
      <c r="CM31" s="313">
        <v>0</v>
      </c>
      <c r="CN31" s="310">
        <v>0</v>
      </c>
      <c r="CO31" s="312">
        <v>0</v>
      </c>
      <c r="CP31" s="313">
        <v>0</v>
      </c>
      <c r="CQ31" s="313">
        <v>0</v>
      </c>
      <c r="CR31" s="313">
        <v>0</v>
      </c>
      <c r="CS31" s="313">
        <v>0</v>
      </c>
      <c r="CT31" s="313">
        <v>0</v>
      </c>
      <c r="CU31" s="310">
        <v>0</v>
      </c>
      <c r="CV31" s="315">
        <v>0</v>
      </c>
      <c r="CW31" s="309">
        <v>0</v>
      </c>
      <c r="CX31" s="313">
        <v>0</v>
      </c>
      <c r="CY31" s="310">
        <v>0</v>
      </c>
      <c r="CZ31" s="312">
        <v>0</v>
      </c>
      <c r="DA31" s="313">
        <v>0</v>
      </c>
      <c r="DB31" s="313">
        <v>0</v>
      </c>
      <c r="DC31" s="313">
        <v>0</v>
      </c>
      <c r="DD31" s="313">
        <v>0</v>
      </c>
      <c r="DE31" s="313">
        <v>0</v>
      </c>
      <c r="DF31" s="310">
        <v>0</v>
      </c>
      <c r="DG31" s="315">
        <v>0</v>
      </c>
      <c r="DH31" s="309">
        <v>0</v>
      </c>
      <c r="DI31" s="313">
        <v>0</v>
      </c>
      <c r="DJ31" s="310">
        <v>0</v>
      </c>
      <c r="DK31" s="312">
        <v>0</v>
      </c>
      <c r="DL31" s="313">
        <v>0</v>
      </c>
      <c r="DM31" s="313">
        <v>0</v>
      </c>
      <c r="DN31" s="313">
        <v>0</v>
      </c>
      <c r="DO31" s="313">
        <v>0</v>
      </c>
      <c r="DP31" s="313">
        <v>0</v>
      </c>
      <c r="DQ31" s="310">
        <v>0</v>
      </c>
      <c r="DR31" s="315">
        <v>0</v>
      </c>
      <c r="DS31" s="309">
        <v>1</v>
      </c>
      <c r="DT31" s="313">
        <v>3</v>
      </c>
      <c r="DU31" s="310">
        <v>4</v>
      </c>
      <c r="DV31" s="312">
        <v>0</v>
      </c>
      <c r="DW31" s="313">
        <v>3</v>
      </c>
      <c r="DX31" s="313">
        <v>2</v>
      </c>
      <c r="DY31" s="313">
        <v>3</v>
      </c>
      <c r="DZ31" s="313">
        <v>0</v>
      </c>
      <c r="EA31" s="313">
        <v>0</v>
      </c>
      <c r="EB31" s="310">
        <v>8</v>
      </c>
      <c r="EC31" s="315">
        <v>12</v>
      </c>
      <c r="ED31" s="309">
        <v>0</v>
      </c>
      <c r="EE31" s="313">
        <v>0</v>
      </c>
      <c r="EF31" s="310">
        <v>0</v>
      </c>
      <c r="EG31" s="312">
        <v>0</v>
      </c>
      <c r="EH31" s="313">
        <v>2</v>
      </c>
      <c r="EI31" s="313">
        <v>1</v>
      </c>
      <c r="EJ31" s="313">
        <v>1</v>
      </c>
      <c r="EK31" s="313">
        <v>1</v>
      </c>
      <c r="EL31" s="313">
        <v>0</v>
      </c>
      <c r="EM31" s="310">
        <v>5</v>
      </c>
      <c r="EN31" s="315">
        <v>5</v>
      </c>
      <c r="EO31" s="309">
        <v>1</v>
      </c>
      <c r="EP31" s="313">
        <v>3</v>
      </c>
      <c r="EQ31" s="310">
        <v>4</v>
      </c>
      <c r="ER31" s="312">
        <v>0</v>
      </c>
      <c r="ES31" s="313">
        <v>5</v>
      </c>
      <c r="ET31" s="313">
        <v>3</v>
      </c>
      <c r="EU31" s="313">
        <v>4</v>
      </c>
      <c r="EV31" s="313">
        <v>0</v>
      </c>
      <c r="EW31" s="313">
        <v>0</v>
      </c>
      <c r="EX31" s="310">
        <v>12</v>
      </c>
      <c r="EY31" s="315">
        <v>16</v>
      </c>
    </row>
    <row r="32" spans="1:155" ht="19.5" customHeight="1" x14ac:dyDescent="0.2">
      <c r="A32" s="294" t="s">
        <v>30</v>
      </c>
      <c r="B32" s="309">
        <v>0</v>
      </c>
      <c r="C32" s="310">
        <v>0</v>
      </c>
      <c r="D32" s="311">
        <v>0</v>
      </c>
      <c r="E32" s="312">
        <v>0</v>
      </c>
      <c r="F32" s="313">
        <v>0</v>
      </c>
      <c r="G32" s="313">
        <v>1</v>
      </c>
      <c r="H32" s="313">
        <v>1</v>
      </c>
      <c r="I32" s="313">
        <v>1</v>
      </c>
      <c r="J32" s="313">
        <v>0</v>
      </c>
      <c r="K32" s="314">
        <v>3</v>
      </c>
      <c r="L32" s="315">
        <v>3</v>
      </c>
      <c r="M32" s="309">
        <v>0</v>
      </c>
      <c r="N32" s="313">
        <v>0</v>
      </c>
      <c r="O32" s="310">
        <v>0</v>
      </c>
      <c r="P32" s="312">
        <v>0</v>
      </c>
      <c r="Q32" s="313">
        <v>0</v>
      </c>
      <c r="R32" s="313">
        <v>0</v>
      </c>
      <c r="S32" s="313">
        <v>0</v>
      </c>
      <c r="T32" s="313">
        <v>1</v>
      </c>
      <c r="U32" s="313">
        <v>0</v>
      </c>
      <c r="V32" s="310">
        <v>1</v>
      </c>
      <c r="W32" s="315">
        <v>1</v>
      </c>
      <c r="X32" s="309">
        <v>0</v>
      </c>
      <c r="Y32" s="313">
        <v>0</v>
      </c>
      <c r="Z32" s="310">
        <v>0</v>
      </c>
      <c r="AA32" s="312">
        <v>0</v>
      </c>
      <c r="AB32" s="313">
        <v>0</v>
      </c>
      <c r="AC32" s="313">
        <v>1</v>
      </c>
      <c r="AD32" s="313">
        <v>0</v>
      </c>
      <c r="AE32" s="313">
        <v>1</v>
      </c>
      <c r="AF32" s="313">
        <v>0</v>
      </c>
      <c r="AG32" s="310">
        <v>2</v>
      </c>
      <c r="AH32" s="315">
        <v>2</v>
      </c>
      <c r="AI32" s="309">
        <v>0</v>
      </c>
      <c r="AJ32" s="313">
        <v>0</v>
      </c>
      <c r="AK32" s="310">
        <v>0</v>
      </c>
      <c r="AL32" s="312">
        <v>0</v>
      </c>
      <c r="AM32" s="313">
        <v>0</v>
      </c>
      <c r="AN32" s="313">
        <v>0</v>
      </c>
      <c r="AO32" s="313">
        <v>0</v>
      </c>
      <c r="AP32" s="313">
        <v>1</v>
      </c>
      <c r="AQ32" s="313">
        <v>0</v>
      </c>
      <c r="AR32" s="310">
        <v>1</v>
      </c>
      <c r="AS32" s="315">
        <v>1</v>
      </c>
      <c r="AT32" s="309">
        <v>0</v>
      </c>
      <c r="AU32" s="313">
        <v>0</v>
      </c>
      <c r="AV32" s="310">
        <v>0</v>
      </c>
      <c r="AW32" s="312">
        <v>0</v>
      </c>
      <c r="AX32" s="313">
        <v>1</v>
      </c>
      <c r="AY32" s="313">
        <v>1</v>
      </c>
      <c r="AZ32" s="313">
        <v>1</v>
      </c>
      <c r="BA32" s="313">
        <v>1</v>
      </c>
      <c r="BB32" s="313">
        <v>0</v>
      </c>
      <c r="BC32" s="314">
        <v>4</v>
      </c>
      <c r="BD32" s="315">
        <v>4</v>
      </c>
      <c r="BE32" s="309">
        <v>0</v>
      </c>
      <c r="BF32" s="313">
        <v>0</v>
      </c>
      <c r="BG32" s="310">
        <v>0</v>
      </c>
      <c r="BH32" s="312">
        <v>0</v>
      </c>
      <c r="BI32" s="313">
        <v>1</v>
      </c>
      <c r="BJ32" s="313">
        <v>2</v>
      </c>
      <c r="BK32" s="313">
        <v>2</v>
      </c>
      <c r="BL32" s="313">
        <v>0</v>
      </c>
      <c r="BM32" s="313">
        <v>0</v>
      </c>
      <c r="BN32" s="310">
        <v>5</v>
      </c>
      <c r="BO32" s="315">
        <v>5</v>
      </c>
      <c r="BP32" s="309">
        <v>0</v>
      </c>
      <c r="BQ32" s="313">
        <v>0</v>
      </c>
      <c r="BR32" s="310">
        <v>0</v>
      </c>
      <c r="BS32" s="312">
        <v>0</v>
      </c>
      <c r="BT32" s="313">
        <v>0</v>
      </c>
      <c r="BU32" s="313">
        <v>2</v>
      </c>
      <c r="BV32" s="313">
        <v>0</v>
      </c>
      <c r="BW32" s="313">
        <v>0</v>
      </c>
      <c r="BX32" s="313">
        <v>0</v>
      </c>
      <c r="BY32" s="310">
        <v>2</v>
      </c>
      <c r="BZ32" s="315">
        <v>2</v>
      </c>
      <c r="CA32" s="309">
        <v>0</v>
      </c>
      <c r="CB32" s="313">
        <v>0</v>
      </c>
      <c r="CC32" s="310">
        <v>0</v>
      </c>
      <c r="CD32" s="312">
        <v>0</v>
      </c>
      <c r="CE32" s="313">
        <v>0</v>
      </c>
      <c r="CF32" s="313">
        <v>0</v>
      </c>
      <c r="CG32" s="313">
        <v>1</v>
      </c>
      <c r="CH32" s="313">
        <v>0</v>
      </c>
      <c r="CI32" s="313">
        <v>0</v>
      </c>
      <c r="CJ32" s="310">
        <v>1</v>
      </c>
      <c r="CK32" s="315">
        <v>1</v>
      </c>
      <c r="CL32" s="309">
        <v>0</v>
      </c>
      <c r="CM32" s="313">
        <v>0</v>
      </c>
      <c r="CN32" s="310">
        <v>0</v>
      </c>
      <c r="CO32" s="312">
        <v>0</v>
      </c>
      <c r="CP32" s="313">
        <v>0</v>
      </c>
      <c r="CQ32" s="313">
        <v>1</v>
      </c>
      <c r="CR32" s="313">
        <v>0</v>
      </c>
      <c r="CS32" s="313">
        <v>0</v>
      </c>
      <c r="CT32" s="313">
        <v>0</v>
      </c>
      <c r="CU32" s="310">
        <v>1</v>
      </c>
      <c r="CV32" s="315">
        <v>1</v>
      </c>
      <c r="CW32" s="309">
        <v>0</v>
      </c>
      <c r="CX32" s="313">
        <v>0</v>
      </c>
      <c r="CY32" s="310">
        <v>0</v>
      </c>
      <c r="CZ32" s="312">
        <v>0</v>
      </c>
      <c r="DA32" s="313">
        <v>0</v>
      </c>
      <c r="DB32" s="313">
        <v>0</v>
      </c>
      <c r="DC32" s="313">
        <v>0</v>
      </c>
      <c r="DD32" s="313">
        <v>0</v>
      </c>
      <c r="DE32" s="313">
        <v>0</v>
      </c>
      <c r="DF32" s="310">
        <v>0</v>
      </c>
      <c r="DG32" s="315">
        <v>0</v>
      </c>
      <c r="DH32" s="309">
        <v>0</v>
      </c>
      <c r="DI32" s="313">
        <v>0</v>
      </c>
      <c r="DJ32" s="310">
        <v>0</v>
      </c>
      <c r="DK32" s="312">
        <v>0</v>
      </c>
      <c r="DL32" s="313">
        <v>0</v>
      </c>
      <c r="DM32" s="313">
        <v>0</v>
      </c>
      <c r="DN32" s="313">
        <v>0</v>
      </c>
      <c r="DO32" s="313">
        <v>0</v>
      </c>
      <c r="DP32" s="313">
        <v>0</v>
      </c>
      <c r="DQ32" s="310">
        <v>0</v>
      </c>
      <c r="DR32" s="315">
        <v>0</v>
      </c>
      <c r="DS32" s="309">
        <v>1</v>
      </c>
      <c r="DT32" s="313">
        <v>1</v>
      </c>
      <c r="DU32" s="310">
        <v>2</v>
      </c>
      <c r="DV32" s="312">
        <v>0</v>
      </c>
      <c r="DW32" s="313">
        <v>0</v>
      </c>
      <c r="DX32" s="313">
        <v>5</v>
      </c>
      <c r="DY32" s="313">
        <v>4</v>
      </c>
      <c r="DZ32" s="313">
        <v>2</v>
      </c>
      <c r="EA32" s="313">
        <v>0</v>
      </c>
      <c r="EB32" s="310">
        <v>11</v>
      </c>
      <c r="EC32" s="315">
        <v>13</v>
      </c>
      <c r="ED32" s="309">
        <v>0</v>
      </c>
      <c r="EE32" s="313">
        <v>0</v>
      </c>
      <c r="EF32" s="310">
        <v>0</v>
      </c>
      <c r="EG32" s="312">
        <v>0</v>
      </c>
      <c r="EH32" s="313">
        <v>2</v>
      </c>
      <c r="EI32" s="313">
        <v>0</v>
      </c>
      <c r="EJ32" s="313">
        <v>0</v>
      </c>
      <c r="EK32" s="313">
        <v>0</v>
      </c>
      <c r="EL32" s="313">
        <v>0</v>
      </c>
      <c r="EM32" s="310">
        <v>2</v>
      </c>
      <c r="EN32" s="315">
        <v>2</v>
      </c>
      <c r="EO32" s="309">
        <v>1</v>
      </c>
      <c r="EP32" s="313">
        <v>1</v>
      </c>
      <c r="EQ32" s="310">
        <v>2</v>
      </c>
      <c r="ER32" s="312">
        <v>0</v>
      </c>
      <c r="ES32" s="313">
        <v>4</v>
      </c>
      <c r="ET32" s="313">
        <v>7</v>
      </c>
      <c r="EU32" s="313">
        <v>4</v>
      </c>
      <c r="EV32" s="313">
        <v>2</v>
      </c>
      <c r="EW32" s="313">
        <v>0</v>
      </c>
      <c r="EX32" s="310">
        <v>17</v>
      </c>
      <c r="EY32" s="315">
        <v>19</v>
      </c>
    </row>
    <row r="33" spans="1:155" ht="19.5" customHeight="1" x14ac:dyDescent="0.2">
      <c r="A33" s="294" t="s">
        <v>31</v>
      </c>
      <c r="B33" s="309">
        <v>0</v>
      </c>
      <c r="C33" s="310">
        <v>0</v>
      </c>
      <c r="D33" s="311">
        <v>0</v>
      </c>
      <c r="E33" s="312">
        <v>0</v>
      </c>
      <c r="F33" s="313">
        <v>2</v>
      </c>
      <c r="G33" s="313">
        <v>0</v>
      </c>
      <c r="H33" s="313">
        <v>0</v>
      </c>
      <c r="I33" s="313">
        <v>0</v>
      </c>
      <c r="J33" s="313">
        <v>1</v>
      </c>
      <c r="K33" s="314">
        <v>3</v>
      </c>
      <c r="L33" s="315">
        <v>3</v>
      </c>
      <c r="M33" s="309">
        <v>0</v>
      </c>
      <c r="N33" s="313">
        <v>0</v>
      </c>
      <c r="O33" s="310">
        <v>0</v>
      </c>
      <c r="P33" s="312">
        <v>0</v>
      </c>
      <c r="Q33" s="313">
        <v>0</v>
      </c>
      <c r="R33" s="313">
        <v>0</v>
      </c>
      <c r="S33" s="313">
        <v>0</v>
      </c>
      <c r="T33" s="313">
        <v>0</v>
      </c>
      <c r="U33" s="313">
        <v>1</v>
      </c>
      <c r="V33" s="310">
        <v>1</v>
      </c>
      <c r="W33" s="315">
        <v>1</v>
      </c>
      <c r="X33" s="309">
        <v>1</v>
      </c>
      <c r="Y33" s="313">
        <v>0</v>
      </c>
      <c r="Z33" s="310">
        <v>1</v>
      </c>
      <c r="AA33" s="312">
        <v>0</v>
      </c>
      <c r="AB33" s="313">
        <v>2</v>
      </c>
      <c r="AC33" s="313">
        <v>1</v>
      </c>
      <c r="AD33" s="313">
        <v>0</v>
      </c>
      <c r="AE33" s="313">
        <v>0</v>
      </c>
      <c r="AF33" s="313">
        <v>2</v>
      </c>
      <c r="AG33" s="310">
        <v>5</v>
      </c>
      <c r="AH33" s="315">
        <v>6</v>
      </c>
      <c r="AI33" s="309">
        <v>0</v>
      </c>
      <c r="AJ33" s="313">
        <v>0</v>
      </c>
      <c r="AK33" s="310">
        <v>0</v>
      </c>
      <c r="AL33" s="312">
        <v>0</v>
      </c>
      <c r="AM33" s="313">
        <v>0</v>
      </c>
      <c r="AN33" s="313">
        <v>0</v>
      </c>
      <c r="AO33" s="313">
        <v>1</v>
      </c>
      <c r="AP33" s="313">
        <v>0</v>
      </c>
      <c r="AQ33" s="313">
        <v>0</v>
      </c>
      <c r="AR33" s="310">
        <v>1</v>
      </c>
      <c r="AS33" s="315">
        <v>1</v>
      </c>
      <c r="AT33" s="309">
        <v>0</v>
      </c>
      <c r="AU33" s="313">
        <v>0</v>
      </c>
      <c r="AV33" s="310">
        <v>0</v>
      </c>
      <c r="AW33" s="312">
        <v>0</v>
      </c>
      <c r="AX33" s="313">
        <v>1</v>
      </c>
      <c r="AY33" s="313">
        <v>1</v>
      </c>
      <c r="AZ33" s="313">
        <v>1</v>
      </c>
      <c r="BA33" s="313">
        <v>1</v>
      </c>
      <c r="BB33" s="313">
        <v>3</v>
      </c>
      <c r="BC33" s="314">
        <v>7</v>
      </c>
      <c r="BD33" s="315">
        <v>7</v>
      </c>
      <c r="BE33" s="309">
        <v>0</v>
      </c>
      <c r="BF33" s="313">
        <v>0</v>
      </c>
      <c r="BG33" s="310">
        <v>0</v>
      </c>
      <c r="BH33" s="312">
        <v>0</v>
      </c>
      <c r="BI33" s="313">
        <v>0</v>
      </c>
      <c r="BJ33" s="313">
        <v>1</v>
      </c>
      <c r="BK33" s="313">
        <v>2</v>
      </c>
      <c r="BL33" s="313">
        <v>1</v>
      </c>
      <c r="BM33" s="313">
        <v>0</v>
      </c>
      <c r="BN33" s="310">
        <v>4</v>
      </c>
      <c r="BO33" s="315">
        <v>4</v>
      </c>
      <c r="BP33" s="309">
        <v>0</v>
      </c>
      <c r="BQ33" s="313">
        <v>0</v>
      </c>
      <c r="BR33" s="310">
        <v>0</v>
      </c>
      <c r="BS33" s="312">
        <v>0</v>
      </c>
      <c r="BT33" s="313">
        <v>0</v>
      </c>
      <c r="BU33" s="313">
        <v>0</v>
      </c>
      <c r="BV33" s="313">
        <v>0</v>
      </c>
      <c r="BW33" s="313">
        <v>0</v>
      </c>
      <c r="BX33" s="313">
        <v>0</v>
      </c>
      <c r="BY33" s="310">
        <v>0</v>
      </c>
      <c r="BZ33" s="315">
        <v>0</v>
      </c>
      <c r="CA33" s="309">
        <v>0</v>
      </c>
      <c r="CB33" s="313">
        <v>0</v>
      </c>
      <c r="CC33" s="310">
        <v>0</v>
      </c>
      <c r="CD33" s="312">
        <v>0</v>
      </c>
      <c r="CE33" s="313">
        <v>0</v>
      </c>
      <c r="CF33" s="313">
        <v>0</v>
      </c>
      <c r="CG33" s="313">
        <v>0</v>
      </c>
      <c r="CH33" s="313">
        <v>1</v>
      </c>
      <c r="CI33" s="313">
        <v>0</v>
      </c>
      <c r="CJ33" s="310">
        <v>1</v>
      </c>
      <c r="CK33" s="315">
        <v>1</v>
      </c>
      <c r="CL33" s="309">
        <v>0</v>
      </c>
      <c r="CM33" s="313">
        <v>0</v>
      </c>
      <c r="CN33" s="310">
        <v>0</v>
      </c>
      <c r="CO33" s="312">
        <v>0</v>
      </c>
      <c r="CP33" s="313">
        <v>0</v>
      </c>
      <c r="CQ33" s="313">
        <v>1</v>
      </c>
      <c r="CR33" s="313">
        <v>0</v>
      </c>
      <c r="CS33" s="313">
        <v>0</v>
      </c>
      <c r="CT33" s="313">
        <v>0</v>
      </c>
      <c r="CU33" s="310">
        <v>1</v>
      </c>
      <c r="CV33" s="315">
        <v>1</v>
      </c>
      <c r="CW33" s="309">
        <v>0</v>
      </c>
      <c r="CX33" s="313">
        <v>0</v>
      </c>
      <c r="CY33" s="310">
        <v>0</v>
      </c>
      <c r="CZ33" s="312">
        <v>0</v>
      </c>
      <c r="DA33" s="313">
        <v>0</v>
      </c>
      <c r="DB33" s="313">
        <v>0</v>
      </c>
      <c r="DC33" s="313">
        <v>0</v>
      </c>
      <c r="DD33" s="313">
        <v>0</v>
      </c>
      <c r="DE33" s="313">
        <v>0</v>
      </c>
      <c r="DF33" s="310">
        <v>0</v>
      </c>
      <c r="DG33" s="315">
        <v>0</v>
      </c>
      <c r="DH33" s="309">
        <v>0</v>
      </c>
      <c r="DI33" s="313">
        <v>0</v>
      </c>
      <c r="DJ33" s="310">
        <v>0</v>
      </c>
      <c r="DK33" s="312">
        <v>0</v>
      </c>
      <c r="DL33" s="313">
        <v>0</v>
      </c>
      <c r="DM33" s="313">
        <v>0</v>
      </c>
      <c r="DN33" s="313">
        <v>0</v>
      </c>
      <c r="DO33" s="313">
        <v>0</v>
      </c>
      <c r="DP33" s="313">
        <v>0</v>
      </c>
      <c r="DQ33" s="310">
        <v>0</v>
      </c>
      <c r="DR33" s="315">
        <v>0</v>
      </c>
      <c r="DS33" s="309">
        <v>0</v>
      </c>
      <c r="DT33" s="313">
        <v>0</v>
      </c>
      <c r="DU33" s="310">
        <v>0</v>
      </c>
      <c r="DV33" s="312">
        <v>0</v>
      </c>
      <c r="DW33" s="313">
        <v>4</v>
      </c>
      <c r="DX33" s="313">
        <v>3</v>
      </c>
      <c r="DY33" s="313">
        <v>1</v>
      </c>
      <c r="DZ33" s="313">
        <v>2</v>
      </c>
      <c r="EA33" s="313">
        <v>1</v>
      </c>
      <c r="EB33" s="310">
        <v>11</v>
      </c>
      <c r="EC33" s="315">
        <v>11</v>
      </c>
      <c r="ED33" s="309">
        <v>0</v>
      </c>
      <c r="EE33" s="313">
        <v>0</v>
      </c>
      <c r="EF33" s="310">
        <v>0</v>
      </c>
      <c r="EG33" s="312">
        <v>0</v>
      </c>
      <c r="EH33" s="313">
        <v>1</v>
      </c>
      <c r="EI33" s="313">
        <v>0</v>
      </c>
      <c r="EJ33" s="313">
        <v>1</v>
      </c>
      <c r="EK33" s="313">
        <v>1</v>
      </c>
      <c r="EL33" s="313">
        <v>1</v>
      </c>
      <c r="EM33" s="310">
        <v>4</v>
      </c>
      <c r="EN33" s="315">
        <v>4</v>
      </c>
      <c r="EO33" s="309">
        <v>1</v>
      </c>
      <c r="EP33" s="313">
        <v>0</v>
      </c>
      <c r="EQ33" s="310">
        <v>1</v>
      </c>
      <c r="ER33" s="312">
        <v>0</v>
      </c>
      <c r="ES33" s="313">
        <v>5</v>
      </c>
      <c r="ET33" s="313">
        <v>5</v>
      </c>
      <c r="EU33" s="313">
        <v>2</v>
      </c>
      <c r="EV33" s="313">
        <v>2</v>
      </c>
      <c r="EW33" s="313">
        <v>2</v>
      </c>
      <c r="EX33" s="310">
        <v>16</v>
      </c>
      <c r="EY33" s="315">
        <v>17</v>
      </c>
    </row>
    <row r="34" spans="1:155" ht="19.5" customHeight="1" x14ac:dyDescent="0.2">
      <c r="A34" s="294" t="s">
        <v>32</v>
      </c>
      <c r="B34" s="309">
        <v>0</v>
      </c>
      <c r="C34" s="310">
        <v>0</v>
      </c>
      <c r="D34" s="311">
        <v>0</v>
      </c>
      <c r="E34" s="312">
        <v>0</v>
      </c>
      <c r="F34" s="313">
        <v>2</v>
      </c>
      <c r="G34" s="313">
        <v>0</v>
      </c>
      <c r="H34" s="313">
        <v>0</v>
      </c>
      <c r="I34" s="313">
        <v>1</v>
      </c>
      <c r="J34" s="313">
        <v>0</v>
      </c>
      <c r="K34" s="314">
        <v>3</v>
      </c>
      <c r="L34" s="315">
        <v>3</v>
      </c>
      <c r="M34" s="309">
        <v>0</v>
      </c>
      <c r="N34" s="313">
        <v>0</v>
      </c>
      <c r="O34" s="310">
        <v>0</v>
      </c>
      <c r="P34" s="312">
        <v>0</v>
      </c>
      <c r="Q34" s="313">
        <v>0</v>
      </c>
      <c r="R34" s="313">
        <v>0</v>
      </c>
      <c r="S34" s="313">
        <v>0</v>
      </c>
      <c r="T34" s="313">
        <v>0</v>
      </c>
      <c r="U34" s="313">
        <v>0</v>
      </c>
      <c r="V34" s="310">
        <v>0</v>
      </c>
      <c r="W34" s="315">
        <v>0</v>
      </c>
      <c r="X34" s="309">
        <v>0</v>
      </c>
      <c r="Y34" s="313">
        <v>1</v>
      </c>
      <c r="Z34" s="310">
        <v>1</v>
      </c>
      <c r="AA34" s="312">
        <v>0</v>
      </c>
      <c r="AB34" s="313">
        <v>1</v>
      </c>
      <c r="AC34" s="313">
        <v>1</v>
      </c>
      <c r="AD34" s="313">
        <v>0</v>
      </c>
      <c r="AE34" s="313">
        <v>1</v>
      </c>
      <c r="AF34" s="313">
        <v>0</v>
      </c>
      <c r="AG34" s="310">
        <v>3</v>
      </c>
      <c r="AH34" s="315">
        <v>4</v>
      </c>
      <c r="AI34" s="309">
        <v>0</v>
      </c>
      <c r="AJ34" s="313">
        <v>0</v>
      </c>
      <c r="AK34" s="310">
        <v>0</v>
      </c>
      <c r="AL34" s="312">
        <v>0</v>
      </c>
      <c r="AM34" s="313">
        <v>0</v>
      </c>
      <c r="AN34" s="313">
        <v>0</v>
      </c>
      <c r="AO34" s="313">
        <v>1</v>
      </c>
      <c r="AP34" s="313">
        <v>0</v>
      </c>
      <c r="AQ34" s="313">
        <v>0</v>
      </c>
      <c r="AR34" s="310">
        <v>1</v>
      </c>
      <c r="AS34" s="315">
        <v>1</v>
      </c>
      <c r="AT34" s="309">
        <v>0</v>
      </c>
      <c r="AU34" s="313">
        <v>1</v>
      </c>
      <c r="AV34" s="310">
        <v>1</v>
      </c>
      <c r="AW34" s="312">
        <v>0</v>
      </c>
      <c r="AX34" s="313">
        <v>2</v>
      </c>
      <c r="AY34" s="313">
        <v>0</v>
      </c>
      <c r="AZ34" s="313">
        <v>1</v>
      </c>
      <c r="BA34" s="313">
        <v>1</v>
      </c>
      <c r="BB34" s="313">
        <v>2</v>
      </c>
      <c r="BC34" s="314">
        <v>6</v>
      </c>
      <c r="BD34" s="315">
        <v>7</v>
      </c>
      <c r="BE34" s="309">
        <v>0</v>
      </c>
      <c r="BF34" s="313">
        <v>0</v>
      </c>
      <c r="BG34" s="310">
        <v>0</v>
      </c>
      <c r="BH34" s="312">
        <v>0</v>
      </c>
      <c r="BI34" s="313">
        <v>3</v>
      </c>
      <c r="BJ34" s="313">
        <v>1</v>
      </c>
      <c r="BK34" s="313">
        <v>0</v>
      </c>
      <c r="BL34" s="313">
        <v>0</v>
      </c>
      <c r="BM34" s="313">
        <v>0</v>
      </c>
      <c r="BN34" s="310">
        <v>4</v>
      </c>
      <c r="BO34" s="315">
        <v>4</v>
      </c>
      <c r="BP34" s="309">
        <v>0</v>
      </c>
      <c r="BQ34" s="313">
        <v>0</v>
      </c>
      <c r="BR34" s="310">
        <v>0</v>
      </c>
      <c r="BS34" s="312">
        <v>0</v>
      </c>
      <c r="BT34" s="313">
        <v>0</v>
      </c>
      <c r="BU34" s="313">
        <v>1</v>
      </c>
      <c r="BV34" s="313">
        <v>2</v>
      </c>
      <c r="BW34" s="313">
        <v>0</v>
      </c>
      <c r="BX34" s="313">
        <v>0</v>
      </c>
      <c r="BY34" s="310">
        <v>3</v>
      </c>
      <c r="BZ34" s="315">
        <v>3</v>
      </c>
      <c r="CA34" s="309">
        <v>0</v>
      </c>
      <c r="CB34" s="313">
        <v>0</v>
      </c>
      <c r="CC34" s="310">
        <v>0</v>
      </c>
      <c r="CD34" s="312">
        <v>0</v>
      </c>
      <c r="CE34" s="313">
        <v>1</v>
      </c>
      <c r="CF34" s="313">
        <v>1</v>
      </c>
      <c r="CG34" s="313">
        <v>0</v>
      </c>
      <c r="CH34" s="313">
        <v>0</v>
      </c>
      <c r="CI34" s="313">
        <v>0</v>
      </c>
      <c r="CJ34" s="310">
        <v>2</v>
      </c>
      <c r="CK34" s="315">
        <v>2</v>
      </c>
      <c r="CL34" s="309">
        <v>0</v>
      </c>
      <c r="CM34" s="313">
        <v>0</v>
      </c>
      <c r="CN34" s="310">
        <v>0</v>
      </c>
      <c r="CO34" s="312">
        <v>0</v>
      </c>
      <c r="CP34" s="313">
        <v>0</v>
      </c>
      <c r="CQ34" s="313">
        <v>1</v>
      </c>
      <c r="CR34" s="313">
        <v>0</v>
      </c>
      <c r="CS34" s="313">
        <v>0</v>
      </c>
      <c r="CT34" s="313">
        <v>0</v>
      </c>
      <c r="CU34" s="310">
        <v>1</v>
      </c>
      <c r="CV34" s="315">
        <v>1</v>
      </c>
      <c r="CW34" s="309">
        <v>0</v>
      </c>
      <c r="CX34" s="313">
        <v>0</v>
      </c>
      <c r="CY34" s="310">
        <v>0</v>
      </c>
      <c r="CZ34" s="312">
        <v>0</v>
      </c>
      <c r="DA34" s="313">
        <v>0</v>
      </c>
      <c r="DB34" s="313">
        <v>0</v>
      </c>
      <c r="DC34" s="313">
        <v>0</v>
      </c>
      <c r="DD34" s="313">
        <v>0</v>
      </c>
      <c r="DE34" s="313">
        <v>0</v>
      </c>
      <c r="DF34" s="310">
        <v>0</v>
      </c>
      <c r="DG34" s="315">
        <v>0</v>
      </c>
      <c r="DH34" s="309">
        <v>0</v>
      </c>
      <c r="DI34" s="313">
        <v>0</v>
      </c>
      <c r="DJ34" s="310">
        <v>0</v>
      </c>
      <c r="DK34" s="312">
        <v>0</v>
      </c>
      <c r="DL34" s="313">
        <v>0</v>
      </c>
      <c r="DM34" s="313">
        <v>0</v>
      </c>
      <c r="DN34" s="313">
        <v>0</v>
      </c>
      <c r="DO34" s="313">
        <v>0</v>
      </c>
      <c r="DP34" s="313">
        <v>0</v>
      </c>
      <c r="DQ34" s="310">
        <v>0</v>
      </c>
      <c r="DR34" s="315">
        <v>0</v>
      </c>
      <c r="DS34" s="309">
        <v>0</v>
      </c>
      <c r="DT34" s="313">
        <v>3</v>
      </c>
      <c r="DU34" s="310">
        <v>3</v>
      </c>
      <c r="DV34" s="312">
        <v>0</v>
      </c>
      <c r="DW34" s="313">
        <v>5</v>
      </c>
      <c r="DX34" s="313">
        <v>1</v>
      </c>
      <c r="DY34" s="313">
        <v>2</v>
      </c>
      <c r="DZ34" s="313">
        <v>1</v>
      </c>
      <c r="EA34" s="313">
        <v>0</v>
      </c>
      <c r="EB34" s="310">
        <v>9</v>
      </c>
      <c r="EC34" s="315">
        <v>12</v>
      </c>
      <c r="ED34" s="309">
        <v>0</v>
      </c>
      <c r="EE34" s="313">
        <v>1</v>
      </c>
      <c r="EF34" s="310">
        <v>1</v>
      </c>
      <c r="EG34" s="312">
        <v>0</v>
      </c>
      <c r="EH34" s="313">
        <v>1</v>
      </c>
      <c r="EI34" s="313">
        <v>1</v>
      </c>
      <c r="EJ34" s="313">
        <v>0</v>
      </c>
      <c r="EK34" s="313">
        <v>0</v>
      </c>
      <c r="EL34" s="313">
        <v>1</v>
      </c>
      <c r="EM34" s="310">
        <v>3</v>
      </c>
      <c r="EN34" s="315">
        <v>4</v>
      </c>
      <c r="EO34" s="309">
        <v>0</v>
      </c>
      <c r="EP34" s="313">
        <v>3</v>
      </c>
      <c r="EQ34" s="310">
        <v>3</v>
      </c>
      <c r="ER34" s="312">
        <v>0</v>
      </c>
      <c r="ES34" s="313">
        <v>8</v>
      </c>
      <c r="ET34" s="313">
        <v>5</v>
      </c>
      <c r="EU34" s="313">
        <v>2</v>
      </c>
      <c r="EV34" s="313">
        <v>1</v>
      </c>
      <c r="EW34" s="313">
        <v>0</v>
      </c>
      <c r="EX34" s="310">
        <v>16</v>
      </c>
      <c r="EY34" s="315">
        <v>19</v>
      </c>
    </row>
    <row r="35" spans="1:155" ht="19.5" customHeight="1" x14ac:dyDescent="0.2">
      <c r="A35" s="294" t="s">
        <v>33</v>
      </c>
      <c r="B35" s="309">
        <v>0</v>
      </c>
      <c r="C35" s="310">
        <v>0</v>
      </c>
      <c r="D35" s="311">
        <v>0</v>
      </c>
      <c r="E35" s="312">
        <v>0</v>
      </c>
      <c r="F35" s="313">
        <v>1</v>
      </c>
      <c r="G35" s="313">
        <v>0</v>
      </c>
      <c r="H35" s="313">
        <v>2</v>
      </c>
      <c r="I35" s="313">
        <v>0</v>
      </c>
      <c r="J35" s="313">
        <v>0</v>
      </c>
      <c r="K35" s="314">
        <v>3</v>
      </c>
      <c r="L35" s="315">
        <v>3</v>
      </c>
      <c r="M35" s="309">
        <v>0</v>
      </c>
      <c r="N35" s="313">
        <v>0</v>
      </c>
      <c r="O35" s="310">
        <v>0</v>
      </c>
      <c r="P35" s="312">
        <v>0</v>
      </c>
      <c r="Q35" s="313">
        <v>0</v>
      </c>
      <c r="R35" s="313">
        <v>0</v>
      </c>
      <c r="S35" s="313">
        <v>0</v>
      </c>
      <c r="T35" s="313">
        <v>0</v>
      </c>
      <c r="U35" s="313">
        <v>0</v>
      </c>
      <c r="V35" s="310">
        <v>0</v>
      </c>
      <c r="W35" s="315">
        <v>0</v>
      </c>
      <c r="X35" s="309">
        <v>0</v>
      </c>
      <c r="Y35" s="313">
        <v>0</v>
      </c>
      <c r="Z35" s="310">
        <v>0</v>
      </c>
      <c r="AA35" s="312">
        <v>0</v>
      </c>
      <c r="AB35" s="313">
        <v>1</v>
      </c>
      <c r="AC35" s="313">
        <v>0</v>
      </c>
      <c r="AD35" s="313">
        <v>2</v>
      </c>
      <c r="AE35" s="313">
        <v>0</v>
      </c>
      <c r="AF35" s="313">
        <v>2</v>
      </c>
      <c r="AG35" s="310">
        <v>5</v>
      </c>
      <c r="AH35" s="315">
        <v>5</v>
      </c>
      <c r="AI35" s="309">
        <v>0</v>
      </c>
      <c r="AJ35" s="313">
        <v>0</v>
      </c>
      <c r="AK35" s="310">
        <v>0</v>
      </c>
      <c r="AL35" s="312">
        <v>0</v>
      </c>
      <c r="AM35" s="313">
        <v>2</v>
      </c>
      <c r="AN35" s="313">
        <v>0</v>
      </c>
      <c r="AO35" s="313">
        <v>1</v>
      </c>
      <c r="AP35" s="313">
        <v>0</v>
      </c>
      <c r="AQ35" s="313">
        <v>1</v>
      </c>
      <c r="AR35" s="310">
        <v>4</v>
      </c>
      <c r="AS35" s="315">
        <v>4</v>
      </c>
      <c r="AT35" s="309">
        <v>0</v>
      </c>
      <c r="AU35" s="313">
        <v>0</v>
      </c>
      <c r="AV35" s="310">
        <v>0</v>
      </c>
      <c r="AW35" s="312">
        <v>0</v>
      </c>
      <c r="AX35" s="313">
        <v>0</v>
      </c>
      <c r="AY35" s="313">
        <v>1</v>
      </c>
      <c r="AZ35" s="313">
        <v>3</v>
      </c>
      <c r="BA35" s="313">
        <v>0</v>
      </c>
      <c r="BB35" s="313">
        <v>1</v>
      </c>
      <c r="BC35" s="314">
        <v>5</v>
      </c>
      <c r="BD35" s="315">
        <v>5</v>
      </c>
      <c r="BE35" s="309">
        <v>0</v>
      </c>
      <c r="BF35" s="313">
        <v>0</v>
      </c>
      <c r="BG35" s="310">
        <v>0</v>
      </c>
      <c r="BH35" s="312">
        <v>0</v>
      </c>
      <c r="BI35" s="313">
        <v>3</v>
      </c>
      <c r="BJ35" s="313">
        <v>0</v>
      </c>
      <c r="BK35" s="313">
        <v>0</v>
      </c>
      <c r="BL35" s="313">
        <v>0</v>
      </c>
      <c r="BM35" s="313">
        <v>0</v>
      </c>
      <c r="BN35" s="310">
        <v>3</v>
      </c>
      <c r="BO35" s="315">
        <v>3</v>
      </c>
      <c r="BP35" s="309">
        <v>0</v>
      </c>
      <c r="BQ35" s="313">
        <v>0</v>
      </c>
      <c r="BR35" s="310">
        <v>0</v>
      </c>
      <c r="BS35" s="312">
        <v>0</v>
      </c>
      <c r="BT35" s="313">
        <v>0</v>
      </c>
      <c r="BU35" s="313">
        <v>0</v>
      </c>
      <c r="BV35" s="313">
        <v>0</v>
      </c>
      <c r="BW35" s="313">
        <v>0</v>
      </c>
      <c r="BX35" s="313">
        <v>0</v>
      </c>
      <c r="BY35" s="310">
        <v>0</v>
      </c>
      <c r="BZ35" s="315">
        <v>0</v>
      </c>
      <c r="CA35" s="309">
        <v>0</v>
      </c>
      <c r="CB35" s="313">
        <v>0</v>
      </c>
      <c r="CC35" s="310">
        <v>0</v>
      </c>
      <c r="CD35" s="312">
        <v>0</v>
      </c>
      <c r="CE35" s="313">
        <v>0</v>
      </c>
      <c r="CF35" s="313">
        <v>0</v>
      </c>
      <c r="CG35" s="313">
        <v>1</v>
      </c>
      <c r="CH35" s="313">
        <v>0</v>
      </c>
      <c r="CI35" s="313">
        <v>0</v>
      </c>
      <c r="CJ35" s="310">
        <v>1</v>
      </c>
      <c r="CK35" s="315">
        <v>1</v>
      </c>
      <c r="CL35" s="309">
        <v>0</v>
      </c>
      <c r="CM35" s="313">
        <v>0</v>
      </c>
      <c r="CN35" s="310">
        <v>0</v>
      </c>
      <c r="CO35" s="312">
        <v>0</v>
      </c>
      <c r="CP35" s="313">
        <v>0</v>
      </c>
      <c r="CQ35" s="313">
        <v>0</v>
      </c>
      <c r="CR35" s="313">
        <v>0</v>
      </c>
      <c r="CS35" s="313">
        <v>0</v>
      </c>
      <c r="CT35" s="313">
        <v>0</v>
      </c>
      <c r="CU35" s="310">
        <v>0</v>
      </c>
      <c r="CV35" s="315">
        <v>0</v>
      </c>
      <c r="CW35" s="309">
        <v>0</v>
      </c>
      <c r="CX35" s="313">
        <v>0</v>
      </c>
      <c r="CY35" s="310">
        <v>0</v>
      </c>
      <c r="CZ35" s="312">
        <v>0</v>
      </c>
      <c r="DA35" s="313">
        <v>0</v>
      </c>
      <c r="DB35" s="313">
        <v>0</v>
      </c>
      <c r="DC35" s="313">
        <v>0</v>
      </c>
      <c r="DD35" s="313">
        <v>0</v>
      </c>
      <c r="DE35" s="313">
        <v>0</v>
      </c>
      <c r="DF35" s="310">
        <v>0</v>
      </c>
      <c r="DG35" s="315">
        <v>0</v>
      </c>
      <c r="DH35" s="309">
        <v>0</v>
      </c>
      <c r="DI35" s="313">
        <v>0</v>
      </c>
      <c r="DJ35" s="310">
        <v>0</v>
      </c>
      <c r="DK35" s="312">
        <v>0</v>
      </c>
      <c r="DL35" s="313">
        <v>0</v>
      </c>
      <c r="DM35" s="313">
        <v>0</v>
      </c>
      <c r="DN35" s="313">
        <v>0</v>
      </c>
      <c r="DO35" s="313">
        <v>0</v>
      </c>
      <c r="DP35" s="313">
        <v>0</v>
      </c>
      <c r="DQ35" s="310">
        <v>0</v>
      </c>
      <c r="DR35" s="315">
        <v>0</v>
      </c>
      <c r="DS35" s="309">
        <v>0</v>
      </c>
      <c r="DT35" s="313">
        <v>2</v>
      </c>
      <c r="DU35" s="310">
        <v>2</v>
      </c>
      <c r="DV35" s="312">
        <v>0</v>
      </c>
      <c r="DW35" s="313">
        <v>1</v>
      </c>
      <c r="DX35" s="313">
        <v>0</v>
      </c>
      <c r="DY35" s="313">
        <v>3</v>
      </c>
      <c r="DZ35" s="313">
        <v>0</v>
      </c>
      <c r="EA35" s="313">
        <v>2</v>
      </c>
      <c r="EB35" s="310">
        <v>6</v>
      </c>
      <c r="EC35" s="315">
        <v>8</v>
      </c>
      <c r="ED35" s="309">
        <v>1</v>
      </c>
      <c r="EE35" s="313">
        <v>0</v>
      </c>
      <c r="EF35" s="310">
        <v>1</v>
      </c>
      <c r="EG35" s="312">
        <v>0</v>
      </c>
      <c r="EH35" s="313">
        <v>0</v>
      </c>
      <c r="EI35" s="313">
        <v>1</v>
      </c>
      <c r="EJ35" s="313">
        <v>4</v>
      </c>
      <c r="EK35" s="313">
        <v>0</v>
      </c>
      <c r="EL35" s="313">
        <v>0</v>
      </c>
      <c r="EM35" s="310">
        <v>5</v>
      </c>
      <c r="EN35" s="315">
        <v>6</v>
      </c>
      <c r="EO35" s="309">
        <v>0</v>
      </c>
      <c r="EP35" s="313">
        <v>1</v>
      </c>
      <c r="EQ35" s="310">
        <v>1</v>
      </c>
      <c r="ER35" s="312">
        <v>0</v>
      </c>
      <c r="ES35" s="313">
        <v>7</v>
      </c>
      <c r="ET35" s="313">
        <v>0</v>
      </c>
      <c r="EU35" s="313">
        <v>3</v>
      </c>
      <c r="EV35" s="313">
        <v>0</v>
      </c>
      <c r="EW35" s="313">
        <v>2</v>
      </c>
      <c r="EX35" s="310">
        <v>12</v>
      </c>
      <c r="EY35" s="315">
        <v>13</v>
      </c>
    </row>
    <row r="36" spans="1:155" ht="19.5" customHeight="1" x14ac:dyDescent="0.2">
      <c r="A36" s="294" t="s">
        <v>34</v>
      </c>
      <c r="B36" s="309">
        <v>0</v>
      </c>
      <c r="C36" s="310">
        <v>0</v>
      </c>
      <c r="D36" s="311">
        <v>0</v>
      </c>
      <c r="E36" s="312">
        <v>0</v>
      </c>
      <c r="F36" s="313">
        <v>0</v>
      </c>
      <c r="G36" s="313">
        <v>0</v>
      </c>
      <c r="H36" s="313">
        <v>1</v>
      </c>
      <c r="I36" s="313">
        <v>1</v>
      </c>
      <c r="J36" s="313">
        <v>0</v>
      </c>
      <c r="K36" s="314">
        <v>2</v>
      </c>
      <c r="L36" s="315">
        <v>2</v>
      </c>
      <c r="M36" s="309">
        <v>0</v>
      </c>
      <c r="N36" s="313">
        <v>0</v>
      </c>
      <c r="O36" s="310">
        <v>0</v>
      </c>
      <c r="P36" s="312">
        <v>0</v>
      </c>
      <c r="Q36" s="313">
        <v>0</v>
      </c>
      <c r="R36" s="313">
        <v>0</v>
      </c>
      <c r="S36" s="313">
        <v>0</v>
      </c>
      <c r="T36" s="313">
        <v>0</v>
      </c>
      <c r="U36" s="313">
        <v>0</v>
      </c>
      <c r="V36" s="310">
        <v>0</v>
      </c>
      <c r="W36" s="315">
        <v>0</v>
      </c>
      <c r="X36" s="309">
        <v>0</v>
      </c>
      <c r="Y36" s="313">
        <v>0</v>
      </c>
      <c r="Z36" s="310">
        <v>0</v>
      </c>
      <c r="AA36" s="312">
        <v>0</v>
      </c>
      <c r="AB36" s="313">
        <v>0</v>
      </c>
      <c r="AC36" s="313">
        <v>0</v>
      </c>
      <c r="AD36" s="313">
        <v>0</v>
      </c>
      <c r="AE36" s="313">
        <v>0</v>
      </c>
      <c r="AF36" s="313">
        <v>0</v>
      </c>
      <c r="AG36" s="310">
        <v>0</v>
      </c>
      <c r="AH36" s="315">
        <v>0</v>
      </c>
      <c r="AI36" s="309">
        <v>0</v>
      </c>
      <c r="AJ36" s="313">
        <v>0</v>
      </c>
      <c r="AK36" s="310">
        <v>0</v>
      </c>
      <c r="AL36" s="312">
        <v>0</v>
      </c>
      <c r="AM36" s="313">
        <v>1</v>
      </c>
      <c r="AN36" s="313">
        <v>0</v>
      </c>
      <c r="AO36" s="313">
        <v>0</v>
      </c>
      <c r="AP36" s="313">
        <v>0</v>
      </c>
      <c r="AQ36" s="313">
        <v>0</v>
      </c>
      <c r="AR36" s="310">
        <v>1</v>
      </c>
      <c r="AS36" s="315">
        <v>1</v>
      </c>
      <c r="AT36" s="309">
        <v>0</v>
      </c>
      <c r="AU36" s="313">
        <v>0</v>
      </c>
      <c r="AV36" s="310">
        <v>0</v>
      </c>
      <c r="AW36" s="312">
        <v>0</v>
      </c>
      <c r="AX36" s="313">
        <v>2</v>
      </c>
      <c r="AY36" s="313">
        <v>1</v>
      </c>
      <c r="AZ36" s="313">
        <v>2</v>
      </c>
      <c r="BA36" s="313">
        <v>1</v>
      </c>
      <c r="BB36" s="313">
        <v>0</v>
      </c>
      <c r="BC36" s="314">
        <v>6</v>
      </c>
      <c r="BD36" s="315">
        <v>6</v>
      </c>
      <c r="BE36" s="309">
        <v>0</v>
      </c>
      <c r="BF36" s="313">
        <v>0</v>
      </c>
      <c r="BG36" s="310">
        <v>0</v>
      </c>
      <c r="BH36" s="312">
        <v>0</v>
      </c>
      <c r="BI36" s="313">
        <v>0</v>
      </c>
      <c r="BJ36" s="313">
        <v>1</v>
      </c>
      <c r="BK36" s="313">
        <v>1</v>
      </c>
      <c r="BL36" s="313">
        <v>0</v>
      </c>
      <c r="BM36" s="313">
        <v>0</v>
      </c>
      <c r="BN36" s="310">
        <v>2</v>
      </c>
      <c r="BO36" s="315">
        <v>2</v>
      </c>
      <c r="BP36" s="309">
        <v>0</v>
      </c>
      <c r="BQ36" s="313">
        <v>0</v>
      </c>
      <c r="BR36" s="310">
        <v>0</v>
      </c>
      <c r="BS36" s="312">
        <v>0</v>
      </c>
      <c r="BT36" s="313">
        <v>1</v>
      </c>
      <c r="BU36" s="313">
        <v>0</v>
      </c>
      <c r="BV36" s="313">
        <v>0</v>
      </c>
      <c r="BW36" s="313">
        <v>0</v>
      </c>
      <c r="BX36" s="313">
        <v>0</v>
      </c>
      <c r="BY36" s="310">
        <v>1</v>
      </c>
      <c r="BZ36" s="315">
        <v>1</v>
      </c>
      <c r="CA36" s="309">
        <v>0</v>
      </c>
      <c r="CB36" s="313">
        <v>0</v>
      </c>
      <c r="CC36" s="310">
        <v>0</v>
      </c>
      <c r="CD36" s="312">
        <v>0</v>
      </c>
      <c r="CE36" s="313">
        <v>0</v>
      </c>
      <c r="CF36" s="313">
        <v>0</v>
      </c>
      <c r="CG36" s="313">
        <v>1</v>
      </c>
      <c r="CH36" s="313">
        <v>0</v>
      </c>
      <c r="CI36" s="313">
        <v>0</v>
      </c>
      <c r="CJ36" s="310">
        <v>1</v>
      </c>
      <c r="CK36" s="315">
        <v>1</v>
      </c>
      <c r="CL36" s="309">
        <v>0</v>
      </c>
      <c r="CM36" s="313">
        <v>0</v>
      </c>
      <c r="CN36" s="310">
        <v>0</v>
      </c>
      <c r="CO36" s="312">
        <v>0</v>
      </c>
      <c r="CP36" s="313">
        <v>0</v>
      </c>
      <c r="CQ36" s="313">
        <v>0</v>
      </c>
      <c r="CR36" s="313">
        <v>0</v>
      </c>
      <c r="CS36" s="313">
        <v>0</v>
      </c>
      <c r="CT36" s="313">
        <v>0</v>
      </c>
      <c r="CU36" s="310">
        <v>0</v>
      </c>
      <c r="CV36" s="315">
        <v>0</v>
      </c>
      <c r="CW36" s="309">
        <v>0</v>
      </c>
      <c r="CX36" s="313">
        <v>0</v>
      </c>
      <c r="CY36" s="310">
        <v>0</v>
      </c>
      <c r="CZ36" s="312">
        <v>0</v>
      </c>
      <c r="DA36" s="313">
        <v>0</v>
      </c>
      <c r="DB36" s="313">
        <v>0</v>
      </c>
      <c r="DC36" s="313">
        <v>0</v>
      </c>
      <c r="DD36" s="313">
        <v>0</v>
      </c>
      <c r="DE36" s="313">
        <v>0</v>
      </c>
      <c r="DF36" s="310">
        <v>0</v>
      </c>
      <c r="DG36" s="315">
        <v>0</v>
      </c>
      <c r="DH36" s="309">
        <v>0</v>
      </c>
      <c r="DI36" s="313">
        <v>0</v>
      </c>
      <c r="DJ36" s="310">
        <v>0</v>
      </c>
      <c r="DK36" s="312">
        <v>0</v>
      </c>
      <c r="DL36" s="313">
        <v>0</v>
      </c>
      <c r="DM36" s="313">
        <v>0</v>
      </c>
      <c r="DN36" s="313">
        <v>0</v>
      </c>
      <c r="DO36" s="313">
        <v>0</v>
      </c>
      <c r="DP36" s="313">
        <v>0</v>
      </c>
      <c r="DQ36" s="310">
        <v>0</v>
      </c>
      <c r="DR36" s="315">
        <v>0</v>
      </c>
      <c r="DS36" s="309">
        <v>0</v>
      </c>
      <c r="DT36" s="313">
        <v>2</v>
      </c>
      <c r="DU36" s="310">
        <v>2</v>
      </c>
      <c r="DV36" s="312">
        <v>0</v>
      </c>
      <c r="DW36" s="313">
        <v>2</v>
      </c>
      <c r="DX36" s="313">
        <v>0</v>
      </c>
      <c r="DY36" s="313">
        <v>2</v>
      </c>
      <c r="DZ36" s="313">
        <v>0</v>
      </c>
      <c r="EA36" s="313">
        <v>0</v>
      </c>
      <c r="EB36" s="310">
        <v>4</v>
      </c>
      <c r="EC36" s="315">
        <v>6</v>
      </c>
      <c r="ED36" s="309">
        <v>0</v>
      </c>
      <c r="EE36" s="313">
        <v>0</v>
      </c>
      <c r="EF36" s="310">
        <v>0</v>
      </c>
      <c r="EG36" s="312">
        <v>0</v>
      </c>
      <c r="EH36" s="313">
        <v>0</v>
      </c>
      <c r="EI36" s="313">
        <v>1</v>
      </c>
      <c r="EJ36" s="313">
        <v>1</v>
      </c>
      <c r="EK36" s="313">
        <v>0</v>
      </c>
      <c r="EL36" s="313">
        <v>0</v>
      </c>
      <c r="EM36" s="310">
        <v>2</v>
      </c>
      <c r="EN36" s="315">
        <v>2</v>
      </c>
      <c r="EO36" s="309">
        <v>0</v>
      </c>
      <c r="EP36" s="313">
        <v>1</v>
      </c>
      <c r="EQ36" s="310">
        <v>1</v>
      </c>
      <c r="ER36" s="312">
        <v>0</v>
      </c>
      <c r="ES36" s="313">
        <v>2</v>
      </c>
      <c r="ET36" s="313">
        <v>1</v>
      </c>
      <c r="EU36" s="313">
        <v>3</v>
      </c>
      <c r="EV36" s="313">
        <v>1</v>
      </c>
      <c r="EW36" s="313">
        <v>0</v>
      </c>
      <c r="EX36" s="310">
        <v>7</v>
      </c>
      <c r="EY36" s="315">
        <v>8</v>
      </c>
    </row>
    <row r="37" spans="1:155" ht="19.5" customHeight="1" x14ac:dyDescent="0.2">
      <c r="A37" s="294" t="s">
        <v>35</v>
      </c>
      <c r="B37" s="309">
        <v>0</v>
      </c>
      <c r="C37" s="310">
        <v>0</v>
      </c>
      <c r="D37" s="311">
        <v>0</v>
      </c>
      <c r="E37" s="312">
        <v>0</v>
      </c>
      <c r="F37" s="313">
        <v>7</v>
      </c>
      <c r="G37" s="313">
        <v>3</v>
      </c>
      <c r="H37" s="313">
        <v>3</v>
      </c>
      <c r="I37" s="313">
        <v>2</v>
      </c>
      <c r="J37" s="313">
        <v>0</v>
      </c>
      <c r="K37" s="314">
        <v>15</v>
      </c>
      <c r="L37" s="315">
        <v>15</v>
      </c>
      <c r="M37" s="309">
        <v>0</v>
      </c>
      <c r="N37" s="313">
        <v>0</v>
      </c>
      <c r="O37" s="310">
        <v>0</v>
      </c>
      <c r="P37" s="312">
        <v>0</v>
      </c>
      <c r="Q37" s="313">
        <v>0</v>
      </c>
      <c r="R37" s="313">
        <v>0</v>
      </c>
      <c r="S37" s="313">
        <v>0</v>
      </c>
      <c r="T37" s="313">
        <v>0</v>
      </c>
      <c r="U37" s="313">
        <v>0</v>
      </c>
      <c r="V37" s="310">
        <v>0</v>
      </c>
      <c r="W37" s="315">
        <v>0</v>
      </c>
      <c r="X37" s="309">
        <v>0</v>
      </c>
      <c r="Y37" s="313">
        <v>0</v>
      </c>
      <c r="Z37" s="310">
        <v>0</v>
      </c>
      <c r="AA37" s="312">
        <v>0</v>
      </c>
      <c r="AB37" s="313">
        <v>0</v>
      </c>
      <c r="AC37" s="313">
        <v>2</v>
      </c>
      <c r="AD37" s="313">
        <v>2</v>
      </c>
      <c r="AE37" s="313">
        <v>2</v>
      </c>
      <c r="AF37" s="313">
        <v>0</v>
      </c>
      <c r="AG37" s="310">
        <v>6</v>
      </c>
      <c r="AH37" s="315">
        <v>6</v>
      </c>
      <c r="AI37" s="309">
        <v>0</v>
      </c>
      <c r="AJ37" s="313">
        <v>0</v>
      </c>
      <c r="AK37" s="310">
        <v>0</v>
      </c>
      <c r="AL37" s="312">
        <v>0</v>
      </c>
      <c r="AM37" s="313">
        <v>0</v>
      </c>
      <c r="AN37" s="313">
        <v>1</v>
      </c>
      <c r="AO37" s="313">
        <v>1</v>
      </c>
      <c r="AP37" s="313">
        <v>0</v>
      </c>
      <c r="AQ37" s="313">
        <v>0</v>
      </c>
      <c r="AR37" s="310">
        <v>2</v>
      </c>
      <c r="AS37" s="315">
        <v>2</v>
      </c>
      <c r="AT37" s="309">
        <v>3</v>
      </c>
      <c r="AU37" s="313">
        <v>2</v>
      </c>
      <c r="AV37" s="310">
        <v>5</v>
      </c>
      <c r="AW37" s="312">
        <v>0</v>
      </c>
      <c r="AX37" s="313">
        <v>3</v>
      </c>
      <c r="AY37" s="313">
        <v>2</v>
      </c>
      <c r="AZ37" s="313">
        <v>3</v>
      </c>
      <c r="BA37" s="313">
        <v>6</v>
      </c>
      <c r="BB37" s="313">
        <v>0</v>
      </c>
      <c r="BC37" s="314">
        <v>14</v>
      </c>
      <c r="BD37" s="315">
        <v>19</v>
      </c>
      <c r="BE37" s="309">
        <v>0</v>
      </c>
      <c r="BF37" s="313">
        <v>0</v>
      </c>
      <c r="BG37" s="310">
        <v>0</v>
      </c>
      <c r="BH37" s="312">
        <v>0</v>
      </c>
      <c r="BI37" s="313">
        <v>3</v>
      </c>
      <c r="BJ37" s="313">
        <v>4</v>
      </c>
      <c r="BK37" s="313">
        <v>2</v>
      </c>
      <c r="BL37" s="313">
        <v>1</v>
      </c>
      <c r="BM37" s="313">
        <v>0</v>
      </c>
      <c r="BN37" s="310">
        <v>10</v>
      </c>
      <c r="BO37" s="315">
        <v>10</v>
      </c>
      <c r="BP37" s="309">
        <v>0</v>
      </c>
      <c r="BQ37" s="313">
        <v>1</v>
      </c>
      <c r="BR37" s="310">
        <v>1</v>
      </c>
      <c r="BS37" s="312">
        <v>0</v>
      </c>
      <c r="BT37" s="313">
        <v>1</v>
      </c>
      <c r="BU37" s="313">
        <v>1</v>
      </c>
      <c r="BV37" s="313">
        <v>0</v>
      </c>
      <c r="BW37" s="313">
        <v>1</v>
      </c>
      <c r="BX37" s="313">
        <v>1</v>
      </c>
      <c r="BY37" s="310">
        <v>4</v>
      </c>
      <c r="BZ37" s="315">
        <v>5</v>
      </c>
      <c r="CA37" s="309">
        <v>0</v>
      </c>
      <c r="CB37" s="313">
        <v>0</v>
      </c>
      <c r="CC37" s="310">
        <v>0</v>
      </c>
      <c r="CD37" s="312">
        <v>0</v>
      </c>
      <c r="CE37" s="313">
        <v>0</v>
      </c>
      <c r="CF37" s="313">
        <v>1</v>
      </c>
      <c r="CG37" s="313">
        <v>0</v>
      </c>
      <c r="CH37" s="313">
        <v>0</v>
      </c>
      <c r="CI37" s="313">
        <v>0</v>
      </c>
      <c r="CJ37" s="310">
        <v>1</v>
      </c>
      <c r="CK37" s="315">
        <v>1</v>
      </c>
      <c r="CL37" s="309">
        <v>0</v>
      </c>
      <c r="CM37" s="313">
        <v>0</v>
      </c>
      <c r="CN37" s="310">
        <v>0</v>
      </c>
      <c r="CO37" s="312">
        <v>0</v>
      </c>
      <c r="CP37" s="313">
        <v>0</v>
      </c>
      <c r="CQ37" s="313">
        <v>0</v>
      </c>
      <c r="CR37" s="313">
        <v>0</v>
      </c>
      <c r="CS37" s="313">
        <v>0</v>
      </c>
      <c r="CT37" s="313">
        <v>0</v>
      </c>
      <c r="CU37" s="310">
        <v>0</v>
      </c>
      <c r="CV37" s="315">
        <v>0</v>
      </c>
      <c r="CW37" s="309">
        <v>0</v>
      </c>
      <c r="CX37" s="313">
        <v>0</v>
      </c>
      <c r="CY37" s="310">
        <v>0</v>
      </c>
      <c r="CZ37" s="312">
        <v>0</v>
      </c>
      <c r="DA37" s="313">
        <v>0</v>
      </c>
      <c r="DB37" s="313">
        <v>0</v>
      </c>
      <c r="DC37" s="313">
        <v>0</v>
      </c>
      <c r="DD37" s="313">
        <v>0</v>
      </c>
      <c r="DE37" s="313">
        <v>0</v>
      </c>
      <c r="DF37" s="310">
        <v>0</v>
      </c>
      <c r="DG37" s="315">
        <v>0</v>
      </c>
      <c r="DH37" s="309">
        <v>0</v>
      </c>
      <c r="DI37" s="313">
        <v>0</v>
      </c>
      <c r="DJ37" s="310">
        <v>0</v>
      </c>
      <c r="DK37" s="312">
        <v>0</v>
      </c>
      <c r="DL37" s="313">
        <v>0</v>
      </c>
      <c r="DM37" s="313">
        <v>0</v>
      </c>
      <c r="DN37" s="313">
        <v>0</v>
      </c>
      <c r="DO37" s="313">
        <v>0</v>
      </c>
      <c r="DP37" s="313">
        <v>0</v>
      </c>
      <c r="DQ37" s="310">
        <v>0</v>
      </c>
      <c r="DR37" s="315">
        <v>0</v>
      </c>
      <c r="DS37" s="309">
        <v>1</v>
      </c>
      <c r="DT37" s="313">
        <v>1</v>
      </c>
      <c r="DU37" s="310">
        <v>2</v>
      </c>
      <c r="DV37" s="312">
        <v>0</v>
      </c>
      <c r="DW37" s="313">
        <v>3</v>
      </c>
      <c r="DX37" s="313">
        <v>7</v>
      </c>
      <c r="DY37" s="313">
        <v>5</v>
      </c>
      <c r="DZ37" s="313">
        <v>3</v>
      </c>
      <c r="EA37" s="313">
        <v>1</v>
      </c>
      <c r="EB37" s="310">
        <v>19</v>
      </c>
      <c r="EC37" s="315">
        <v>21</v>
      </c>
      <c r="ED37" s="309">
        <v>3</v>
      </c>
      <c r="EE37" s="313">
        <v>2</v>
      </c>
      <c r="EF37" s="310">
        <v>5</v>
      </c>
      <c r="EG37" s="312">
        <v>0</v>
      </c>
      <c r="EH37" s="313">
        <v>2</v>
      </c>
      <c r="EI37" s="313">
        <v>0</v>
      </c>
      <c r="EJ37" s="313">
        <v>2</v>
      </c>
      <c r="EK37" s="313">
        <v>3</v>
      </c>
      <c r="EL37" s="313">
        <v>0</v>
      </c>
      <c r="EM37" s="310">
        <v>7</v>
      </c>
      <c r="EN37" s="315">
        <v>12</v>
      </c>
      <c r="EO37" s="309">
        <v>1</v>
      </c>
      <c r="EP37" s="313">
        <v>2</v>
      </c>
      <c r="EQ37" s="310">
        <v>3</v>
      </c>
      <c r="ER37" s="312">
        <v>0</v>
      </c>
      <c r="ES37" s="313">
        <v>11</v>
      </c>
      <c r="ET37" s="313">
        <v>9</v>
      </c>
      <c r="EU37" s="313">
        <v>5</v>
      </c>
      <c r="EV37" s="313">
        <v>3</v>
      </c>
      <c r="EW37" s="313">
        <v>1</v>
      </c>
      <c r="EX37" s="310">
        <v>29</v>
      </c>
      <c r="EY37" s="315">
        <v>32</v>
      </c>
    </row>
    <row r="38" spans="1:155" ht="19.5" customHeight="1" x14ac:dyDescent="0.2">
      <c r="A38" s="294" t="s">
        <v>36</v>
      </c>
      <c r="B38" s="309">
        <v>0</v>
      </c>
      <c r="C38" s="310">
        <v>0</v>
      </c>
      <c r="D38" s="311">
        <v>0</v>
      </c>
      <c r="E38" s="312">
        <v>0</v>
      </c>
      <c r="F38" s="313">
        <v>2</v>
      </c>
      <c r="G38" s="313">
        <v>1</v>
      </c>
      <c r="H38" s="313">
        <v>1</v>
      </c>
      <c r="I38" s="313">
        <v>3</v>
      </c>
      <c r="J38" s="313">
        <v>0</v>
      </c>
      <c r="K38" s="314">
        <v>7</v>
      </c>
      <c r="L38" s="315">
        <v>7</v>
      </c>
      <c r="M38" s="309">
        <v>0</v>
      </c>
      <c r="N38" s="313">
        <v>0</v>
      </c>
      <c r="O38" s="310">
        <v>0</v>
      </c>
      <c r="P38" s="312">
        <v>0</v>
      </c>
      <c r="Q38" s="313">
        <v>0</v>
      </c>
      <c r="R38" s="313">
        <v>0</v>
      </c>
      <c r="S38" s="313">
        <v>0</v>
      </c>
      <c r="T38" s="313">
        <v>0</v>
      </c>
      <c r="U38" s="313">
        <v>0</v>
      </c>
      <c r="V38" s="310">
        <v>0</v>
      </c>
      <c r="W38" s="315">
        <v>0</v>
      </c>
      <c r="X38" s="309">
        <v>0</v>
      </c>
      <c r="Y38" s="313">
        <v>2</v>
      </c>
      <c r="Z38" s="310">
        <v>2</v>
      </c>
      <c r="AA38" s="312">
        <v>0</v>
      </c>
      <c r="AB38" s="313">
        <v>2</v>
      </c>
      <c r="AC38" s="313">
        <v>3</v>
      </c>
      <c r="AD38" s="313">
        <v>1</v>
      </c>
      <c r="AE38" s="313">
        <v>3</v>
      </c>
      <c r="AF38" s="313">
        <v>1</v>
      </c>
      <c r="AG38" s="310">
        <v>10</v>
      </c>
      <c r="AH38" s="315">
        <v>12</v>
      </c>
      <c r="AI38" s="309">
        <v>0</v>
      </c>
      <c r="AJ38" s="313">
        <v>0</v>
      </c>
      <c r="AK38" s="310">
        <v>0</v>
      </c>
      <c r="AL38" s="312">
        <v>0</v>
      </c>
      <c r="AM38" s="313">
        <v>0</v>
      </c>
      <c r="AN38" s="313">
        <v>0</v>
      </c>
      <c r="AO38" s="313">
        <v>0</v>
      </c>
      <c r="AP38" s="313">
        <v>2</v>
      </c>
      <c r="AQ38" s="313">
        <v>0</v>
      </c>
      <c r="AR38" s="310">
        <v>2</v>
      </c>
      <c r="AS38" s="315">
        <v>2</v>
      </c>
      <c r="AT38" s="309">
        <v>0</v>
      </c>
      <c r="AU38" s="313">
        <v>0</v>
      </c>
      <c r="AV38" s="310">
        <v>0</v>
      </c>
      <c r="AW38" s="312">
        <v>0</v>
      </c>
      <c r="AX38" s="313">
        <v>0</v>
      </c>
      <c r="AY38" s="313">
        <v>1</v>
      </c>
      <c r="AZ38" s="313">
        <v>5</v>
      </c>
      <c r="BA38" s="313">
        <v>6</v>
      </c>
      <c r="BB38" s="313">
        <v>1</v>
      </c>
      <c r="BC38" s="314">
        <v>13</v>
      </c>
      <c r="BD38" s="315">
        <v>13</v>
      </c>
      <c r="BE38" s="309">
        <v>0</v>
      </c>
      <c r="BF38" s="313">
        <v>0</v>
      </c>
      <c r="BG38" s="310">
        <v>0</v>
      </c>
      <c r="BH38" s="312">
        <v>0</v>
      </c>
      <c r="BI38" s="313">
        <v>3</v>
      </c>
      <c r="BJ38" s="313">
        <v>3</v>
      </c>
      <c r="BK38" s="313">
        <v>1</v>
      </c>
      <c r="BL38" s="313">
        <v>1</v>
      </c>
      <c r="BM38" s="313">
        <v>0</v>
      </c>
      <c r="BN38" s="310">
        <v>8</v>
      </c>
      <c r="BO38" s="315">
        <v>8</v>
      </c>
      <c r="BP38" s="309">
        <v>0</v>
      </c>
      <c r="BQ38" s="313">
        <v>1</v>
      </c>
      <c r="BR38" s="310">
        <v>1</v>
      </c>
      <c r="BS38" s="312">
        <v>0</v>
      </c>
      <c r="BT38" s="313">
        <v>1</v>
      </c>
      <c r="BU38" s="313">
        <v>0</v>
      </c>
      <c r="BV38" s="313">
        <v>0</v>
      </c>
      <c r="BW38" s="313">
        <v>1</v>
      </c>
      <c r="BX38" s="313">
        <v>0</v>
      </c>
      <c r="BY38" s="310">
        <v>2</v>
      </c>
      <c r="BZ38" s="315">
        <v>3</v>
      </c>
      <c r="CA38" s="309">
        <v>0</v>
      </c>
      <c r="CB38" s="313">
        <v>0</v>
      </c>
      <c r="CC38" s="310">
        <v>0</v>
      </c>
      <c r="CD38" s="312">
        <v>0</v>
      </c>
      <c r="CE38" s="313">
        <v>0</v>
      </c>
      <c r="CF38" s="313">
        <v>1</v>
      </c>
      <c r="CG38" s="313">
        <v>1</v>
      </c>
      <c r="CH38" s="313">
        <v>1</v>
      </c>
      <c r="CI38" s="313">
        <v>0</v>
      </c>
      <c r="CJ38" s="310">
        <v>3</v>
      </c>
      <c r="CK38" s="315">
        <v>3</v>
      </c>
      <c r="CL38" s="309">
        <v>0</v>
      </c>
      <c r="CM38" s="313">
        <v>0</v>
      </c>
      <c r="CN38" s="310">
        <v>0</v>
      </c>
      <c r="CO38" s="312">
        <v>0</v>
      </c>
      <c r="CP38" s="313">
        <v>0</v>
      </c>
      <c r="CQ38" s="313">
        <v>0</v>
      </c>
      <c r="CR38" s="313">
        <v>0</v>
      </c>
      <c r="CS38" s="313">
        <v>0</v>
      </c>
      <c r="CT38" s="313">
        <v>0</v>
      </c>
      <c r="CU38" s="310">
        <v>0</v>
      </c>
      <c r="CV38" s="315">
        <v>0</v>
      </c>
      <c r="CW38" s="309">
        <v>0</v>
      </c>
      <c r="CX38" s="313">
        <v>0</v>
      </c>
      <c r="CY38" s="310">
        <v>0</v>
      </c>
      <c r="CZ38" s="312">
        <v>0</v>
      </c>
      <c r="DA38" s="313">
        <v>0</v>
      </c>
      <c r="DB38" s="313">
        <v>0</v>
      </c>
      <c r="DC38" s="313">
        <v>0</v>
      </c>
      <c r="DD38" s="313">
        <v>0</v>
      </c>
      <c r="DE38" s="313">
        <v>0</v>
      </c>
      <c r="DF38" s="310">
        <v>0</v>
      </c>
      <c r="DG38" s="315">
        <v>0</v>
      </c>
      <c r="DH38" s="309">
        <v>0</v>
      </c>
      <c r="DI38" s="313">
        <v>0</v>
      </c>
      <c r="DJ38" s="310">
        <v>0</v>
      </c>
      <c r="DK38" s="312">
        <v>0</v>
      </c>
      <c r="DL38" s="313">
        <v>0</v>
      </c>
      <c r="DM38" s="313">
        <v>0</v>
      </c>
      <c r="DN38" s="313">
        <v>0</v>
      </c>
      <c r="DO38" s="313">
        <v>0</v>
      </c>
      <c r="DP38" s="313">
        <v>0</v>
      </c>
      <c r="DQ38" s="310">
        <v>0</v>
      </c>
      <c r="DR38" s="315">
        <v>0</v>
      </c>
      <c r="DS38" s="309">
        <v>0</v>
      </c>
      <c r="DT38" s="313">
        <v>2</v>
      </c>
      <c r="DU38" s="310">
        <v>2</v>
      </c>
      <c r="DV38" s="312">
        <v>0</v>
      </c>
      <c r="DW38" s="313">
        <v>3</v>
      </c>
      <c r="DX38" s="313">
        <v>5</v>
      </c>
      <c r="DY38" s="313">
        <v>3</v>
      </c>
      <c r="DZ38" s="313">
        <v>5</v>
      </c>
      <c r="EA38" s="313">
        <v>2</v>
      </c>
      <c r="EB38" s="310">
        <v>18</v>
      </c>
      <c r="EC38" s="315">
        <v>20</v>
      </c>
      <c r="ED38" s="309">
        <v>0</v>
      </c>
      <c r="EE38" s="313">
        <v>0</v>
      </c>
      <c r="EF38" s="310">
        <v>0</v>
      </c>
      <c r="EG38" s="312">
        <v>0</v>
      </c>
      <c r="EH38" s="313">
        <v>0</v>
      </c>
      <c r="EI38" s="313">
        <v>1</v>
      </c>
      <c r="EJ38" s="313">
        <v>2</v>
      </c>
      <c r="EK38" s="313">
        <v>3</v>
      </c>
      <c r="EL38" s="313">
        <v>1</v>
      </c>
      <c r="EM38" s="310">
        <v>7</v>
      </c>
      <c r="EN38" s="315">
        <v>7</v>
      </c>
      <c r="EO38" s="309">
        <v>0</v>
      </c>
      <c r="EP38" s="313">
        <v>4</v>
      </c>
      <c r="EQ38" s="310">
        <v>4</v>
      </c>
      <c r="ER38" s="312">
        <v>0</v>
      </c>
      <c r="ES38" s="313">
        <v>5</v>
      </c>
      <c r="ET38" s="313">
        <v>8</v>
      </c>
      <c r="EU38" s="313">
        <v>4</v>
      </c>
      <c r="EV38" s="313">
        <v>5</v>
      </c>
      <c r="EW38" s="313">
        <v>1</v>
      </c>
      <c r="EX38" s="310">
        <v>23</v>
      </c>
      <c r="EY38" s="315">
        <v>27</v>
      </c>
    </row>
    <row r="39" spans="1:155" ht="19.5" customHeight="1" thickBot="1" x14ac:dyDescent="0.25">
      <c r="A39" s="295" t="s">
        <v>37</v>
      </c>
      <c r="B39" s="316">
        <v>0</v>
      </c>
      <c r="C39" s="317">
        <v>0</v>
      </c>
      <c r="D39" s="318">
        <v>0</v>
      </c>
      <c r="E39" s="319">
        <v>0</v>
      </c>
      <c r="F39" s="320">
        <v>0</v>
      </c>
      <c r="G39" s="320">
        <v>0</v>
      </c>
      <c r="H39" s="320">
        <v>0</v>
      </c>
      <c r="I39" s="320">
        <v>0</v>
      </c>
      <c r="J39" s="320">
        <v>1</v>
      </c>
      <c r="K39" s="321">
        <v>1</v>
      </c>
      <c r="L39" s="322">
        <v>1</v>
      </c>
      <c r="M39" s="316">
        <v>0</v>
      </c>
      <c r="N39" s="320">
        <v>0</v>
      </c>
      <c r="O39" s="317">
        <v>0</v>
      </c>
      <c r="P39" s="319">
        <v>0</v>
      </c>
      <c r="Q39" s="320">
        <v>0</v>
      </c>
      <c r="R39" s="320">
        <v>0</v>
      </c>
      <c r="S39" s="320">
        <v>0</v>
      </c>
      <c r="T39" s="320">
        <v>0</v>
      </c>
      <c r="U39" s="320">
        <v>0</v>
      </c>
      <c r="V39" s="317">
        <v>0</v>
      </c>
      <c r="W39" s="322">
        <v>0</v>
      </c>
      <c r="X39" s="316">
        <v>0</v>
      </c>
      <c r="Y39" s="320">
        <v>0</v>
      </c>
      <c r="Z39" s="317">
        <v>0</v>
      </c>
      <c r="AA39" s="319">
        <v>0</v>
      </c>
      <c r="AB39" s="320">
        <v>0</v>
      </c>
      <c r="AC39" s="320">
        <v>0</v>
      </c>
      <c r="AD39" s="320">
        <v>0</v>
      </c>
      <c r="AE39" s="320">
        <v>0</v>
      </c>
      <c r="AF39" s="320">
        <v>1</v>
      </c>
      <c r="AG39" s="317">
        <v>1</v>
      </c>
      <c r="AH39" s="322">
        <v>1</v>
      </c>
      <c r="AI39" s="316">
        <v>0</v>
      </c>
      <c r="AJ39" s="320">
        <v>0</v>
      </c>
      <c r="AK39" s="317">
        <v>0</v>
      </c>
      <c r="AL39" s="319">
        <v>0</v>
      </c>
      <c r="AM39" s="320">
        <v>0</v>
      </c>
      <c r="AN39" s="320">
        <v>0</v>
      </c>
      <c r="AO39" s="320">
        <v>0</v>
      </c>
      <c r="AP39" s="320">
        <v>0</v>
      </c>
      <c r="AQ39" s="320">
        <v>0</v>
      </c>
      <c r="AR39" s="317">
        <v>0</v>
      </c>
      <c r="AS39" s="322">
        <v>0</v>
      </c>
      <c r="AT39" s="316">
        <v>0</v>
      </c>
      <c r="AU39" s="320">
        <v>0</v>
      </c>
      <c r="AV39" s="317">
        <v>0</v>
      </c>
      <c r="AW39" s="319">
        <v>0</v>
      </c>
      <c r="AX39" s="320">
        <v>0</v>
      </c>
      <c r="AY39" s="320">
        <v>0</v>
      </c>
      <c r="AZ39" s="320">
        <v>0</v>
      </c>
      <c r="BA39" s="320">
        <v>1</v>
      </c>
      <c r="BB39" s="320">
        <v>1</v>
      </c>
      <c r="BC39" s="321">
        <v>2</v>
      </c>
      <c r="BD39" s="322">
        <v>2</v>
      </c>
      <c r="BE39" s="316">
        <v>0</v>
      </c>
      <c r="BF39" s="320">
        <v>0</v>
      </c>
      <c r="BG39" s="317">
        <v>0</v>
      </c>
      <c r="BH39" s="319">
        <v>0</v>
      </c>
      <c r="BI39" s="320">
        <v>0</v>
      </c>
      <c r="BJ39" s="320">
        <v>0</v>
      </c>
      <c r="BK39" s="320">
        <v>0</v>
      </c>
      <c r="BL39" s="320">
        <v>0</v>
      </c>
      <c r="BM39" s="320">
        <v>0</v>
      </c>
      <c r="BN39" s="317">
        <v>0</v>
      </c>
      <c r="BO39" s="322">
        <v>0</v>
      </c>
      <c r="BP39" s="316">
        <v>0</v>
      </c>
      <c r="BQ39" s="320">
        <v>0</v>
      </c>
      <c r="BR39" s="317">
        <v>0</v>
      </c>
      <c r="BS39" s="319">
        <v>0</v>
      </c>
      <c r="BT39" s="320">
        <v>0</v>
      </c>
      <c r="BU39" s="320">
        <v>0</v>
      </c>
      <c r="BV39" s="320">
        <v>0</v>
      </c>
      <c r="BW39" s="320">
        <v>0</v>
      </c>
      <c r="BX39" s="320">
        <v>0</v>
      </c>
      <c r="BY39" s="317">
        <v>0</v>
      </c>
      <c r="BZ39" s="322">
        <v>0</v>
      </c>
      <c r="CA39" s="316">
        <v>0</v>
      </c>
      <c r="CB39" s="320">
        <v>0</v>
      </c>
      <c r="CC39" s="317">
        <v>0</v>
      </c>
      <c r="CD39" s="319">
        <v>0</v>
      </c>
      <c r="CE39" s="320">
        <v>0</v>
      </c>
      <c r="CF39" s="320">
        <v>0</v>
      </c>
      <c r="CG39" s="320">
        <v>0</v>
      </c>
      <c r="CH39" s="320">
        <v>0</v>
      </c>
      <c r="CI39" s="320">
        <v>0</v>
      </c>
      <c r="CJ39" s="317">
        <v>0</v>
      </c>
      <c r="CK39" s="322">
        <v>0</v>
      </c>
      <c r="CL39" s="316">
        <v>0</v>
      </c>
      <c r="CM39" s="320">
        <v>0</v>
      </c>
      <c r="CN39" s="317">
        <v>0</v>
      </c>
      <c r="CO39" s="319">
        <v>0</v>
      </c>
      <c r="CP39" s="320">
        <v>0</v>
      </c>
      <c r="CQ39" s="320">
        <v>0</v>
      </c>
      <c r="CR39" s="320">
        <v>0</v>
      </c>
      <c r="CS39" s="320">
        <v>1</v>
      </c>
      <c r="CT39" s="320">
        <v>0</v>
      </c>
      <c r="CU39" s="317">
        <v>1</v>
      </c>
      <c r="CV39" s="322">
        <v>1</v>
      </c>
      <c r="CW39" s="316">
        <v>0</v>
      </c>
      <c r="CX39" s="320">
        <v>0</v>
      </c>
      <c r="CY39" s="317">
        <v>0</v>
      </c>
      <c r="CZ39" s="319">
        <v>0</v>
      </c>
      <c r="DA39" s="320">
        <v>0</v>
      </c>
      <c r="DB39" s="320">
        <v>0</v>
      </c>
      <c r="DC39" s="320">
        <v>0</v>
      </c>
      <c r="DD39" s="320">
        <v>0</v>
      </c>
      <c r="DE39" s="320">
        <v>0</v>
      </c>
      <c r="DF39" s="317">
        <v>0</v>
      </c>
      <c r="DG39" s="322">
        <v>0</v>
      </c>
      <c r="DH39" s="316">
        <v>0</v>
      </c>
      <c r="DI39" s="320">
        <v>0</v>
      </c>
      <c r="DJ39" s="317">
        <v>0</v>
      </c>
      <c r="DK39" s="319">
        <v>0</v>
      </c>
      <c r="DL39" s="320">
        <v>0</v>
      </c>
      <c r="DM39" s="320">
        <v>0</v>
      </c>
      <c r="DN39" s="320">
        <v>0</v>
      </c>
      <c r="DO39" s="320">
        <v>0</v>
      </c>
      <c r="DP39" s="320">
        <v>0</v>
      </c>
      <c r="DQ39" s="317">
        <v>0</v>
      </c>
      <c r="DR39" s="322">
        <v>0</v>
      </c>
      <c r="DS39" s="316">
        <v>0</v>
      </c>
      <c r="DT39" s="320">
        <v>0</v>
      </c>
      <c r="DU39" s="317">
        <v>0</v>
      </c>
      <c r="DV39" s="319">
        <v>0</v>
      </c>
      <c r="DW39" s="320">
        <v>0</v>
      </c>
      <c r="DX39" s="320">
        <v>0</v>
      </c>
      <c r="DY39" s="320">
        <v>0</v>
      </c>
      <c r="DZ39" s="320">
        <v>1</v>
      </c>
      <c r="EA39" s="320">
        <v>1</v>
      </c>
      <c r="EB39" s="317">
        <v>2</v>
      </c>
      <c r="EC39" s="322">
        <v>2</v>
      </c>
      <c r="ED39" s="316">
        <v>0</v>
      </c>
      <c r="EE39" s="320">
        <v>0</v>
      </c>
      <c r="EF39" s="317">
        <v>0</v>
      </c>
      <c r="EG39" s="319">
        <v>0</v>
      </c>
      <c r="EH39" s="320">
        <v>0</v>
      </c>
      <c r="EI39" s="320">
        <v>0</v>
      </c>
      <c r="EJ39" s="320">
        <v>0</v>
      </c>
      <c r="EK39" s="320">
        <v>1</v>
      </c>
      <c r="EL39" s="320">
        <v>0</v>
      </c>
      <c r="EM39" s="317">
        <v>1</v>
      </c>
      <c r="EN39" s="322">
        <v>1</v>
      </c>
      <c r="EO39" s="316">
        <v>0</v>
      </c>
      <c r="EP39" s="320">
        <v>0</v>
      </c>
      <c r="EQ39" s="317">
        <v>0</v>
      </c>
      <c r="ER39" s="319">
        <v>0</v>
      </c>
      <c r="ES39" s="320">
        <v>0</v>
      </c>
      <c r="ET39" s="320">
        <v>0</v>
      </c>
      <c r="EU39" s="320">
        <v>0</v>
      </c>
      <c r="EV39" s="320">
        <v>1</v>
      </c>
      <c r="EW39" s="320">
        <v>1</v>
      </c>
      <c r="EX39" s="317">
        <v>2</v>
      </c>
      <c r="EY39" s="322">
        <v>2</v>
      </c>
    </row>
  </sheetData>
  <mergeCells count="59">
    <mergeCell ref="CL3:CV3"/>
    <mergeCell ref="H1:I1"/>
    <mergeCell ref="K1:L1"/>
    <mergeCell ref="A3:A5"/>
    <mergeCell ref="B3:L3"/>
    <mergeCell ref="M3:W3"/>
    <mergeCell ref="X3:AH3"/>
    <mergeCell ref="W4:W5"/>
    <mergeCell ref="X4:Z4"/>
    <mergeCell ref="AA4:AG4"/>
    <mergeCell ref="AH4:AH5"/>
    <mergeCell ref="AI3:AS3"/>
    <mergeCell ref="AT3:BD3"/>
    <mergeCell ref="BE3:BO3"/>
    <mergeCell ref="BP3:BZ3"/>
    <mergeCell ref="CA3:CK3"/>
    <mergeCell ref="B4:D4"/>
    <mergeCell ref="E4:K4"/>
    <mergeCell ref="L4:L5"/>
    <mergeCell ref="M4:O4"/>
    <mergeCell ref="P4:V4"/>
    <mergeCell ref="CW3:DG3"/>
    <mergeCell ref="DH3:DR3"/>
    <mergeCell ref="DS3:EC3"/>
    <mergeCell ref="ED3:EN3"/>
    <mergeCell ref="EO3:EY3"/>
    <mergeCell ref="BZ4:BZ5"/>
    <mergeCell ref="AI4:AK4"/>
    <mergeCell ref="AL4:AR4"/>
    <mergeCell ref="AS4:AS5"/>
    <mergeCell ref="AT4:AV4"/>
    <mergeCell ref="AW4:BC4"/>
    <mergeCell ref="BD4:BD5"/>
    <mergeCell ref="BE4:BG4"/>
    <mergeCell ref="BH4:BN4"/>
    <mergeCell ref="BO4:BO5"/>
    <mergeCell ref="BP4:BR4"/>
    <mergeCell ref="BS4:BY4"/>
    <mergeCell ref="DR4:DR5"/>
    <mergeCell ref="CA4:CC4"/>
    <mergeCell ref="CD4:CJ4"/>
    <mergeCell ref="CK4:CK5"/>
    <mergeCell ref="CL4:CN4"/>
    <mergeCell ref="CO4:CU4"/>
    <mergeCell ref="CV4:CV5"/>
    <mergeCell ref="CW4:CY4"/>
    <mergeCell ref="CZ4:DF4"/>
    <mergeCell ref="DG4:DG5"/>
    <mergeCell ref="DH4:DJ4"/>
    <mergeCell ref="DK4:DQ4"/>
    <mergeCell ref="EO4:EQ4"/>
    <mergeCell ref="ER4:EX4"/>
    <mergeCell ref="EY4:EY5"/>
    <mergeCell ref="DS4:DU4"/>
    <mergeCell ref="DV4:EB4"/>
    <mergeCell ref="EC4:EC5"/>
    <mergeCell ref="ED4:EF4"/>
    <mergeCell ref="EG4:EM4"/>
    <mergeCell ref="EN4:EN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88"/>
    <col min="5" max="5" width="7.77734375" style="288" customWidth="1"/>
    <col min="6" max="6" width="9" style="288"/>
    <col min="7" max="7" width="10.6640625" style="288" customWidth="1"/>
    <col min="8" max="15" width="9" style="288"/>
    <col min="16" max="16" width="7.77734375" style="288" customWidth="1"/>
    <col min="17" max="26" width="9" style="288"/>
    <col min="27" max="27" width="6.88671875" style="288" customWidth="1"/>
    <col min="28" max="37" width="9" style="288"/>
    <col min="38" max="38" width="7.21875" style="288" customWidth="1"/>
    <col min="39" max="48" width="9" style="288"/>
    <col min="49" max="49" width="7.44140625" style="288" customWidth="1"/>
    <col min="50" max="59" width="9" style="288"/>
    <col min="60" max="60" width="7.6640625" style="288" customWidth="1"/>
    <col min="61" max="70" width="9" style="288"/>
    <col min="71" max="71" width="7.88671875" style="288" customWidth="1"/>
    <col min="72" max="81" width="9" style="288"/>
    <col min="82" max="82" width="7" style="288" customWidth="1"/>
    <col min="83" max="92" width="9" style="288"/>
    <col min="93" max="93" width="7.6640625" style="288" customWidth="1"/>
    <col min="94" max="16384" width="9" style="288"/>
  </cols>
  <sheetData>
    <row r="1" spans="1:111" ht="19.5" customHeight="1" x14ac:dyDescent="0.2">
      <c r="A1" s="323" t="s">
        <v>123</v>
      </c>
      <c r="I1" s="457">
        <f>第１表!F2</f>
        <v>3</v>
      </c>
      <c r="J1" s="457"/>
      <c r="K1" s="280">
        <f>第１表!G2</f>
        <v>12</v>
      </c>
      <c r="L1" s="458">
        <f>IF(K1&lt;3,K1+12-2,K1-2)</f>
        <v>10</v>
      </c>
      <c r="M1" s="458"/>
    </row>
    <row r="2" spans="1:111" ht="17.25" customHeight="1" thickBot="1" x14ac:dyDescent="0.25">
      <c r="A2" s="323" t="s">
        <v>139</v>
      </c>
    </row>
    <row r="3" spans="1:111" ht="13.8" thickBot="1" x14ac:dyDescent="0.25">
      <c r="A3" s="478"/>
      <c r="B3" s="481" t="s">
        <v>112</v>
      </c>
      <c r="C3" s="481"/>
      <c r="D3" s="481"/>
      <c r="E3" s="481"/>
      <c r="F3" s="481"/>
      <c r="G3" s="481"/>
      <c r="H3" s="481"/>
      <c r="I3" s="481"/>
      <c r="J3" s="481"/>
      <c r="K3" s="481"/>
      <c r="L3" s="482"/>
      <c r="M3" s="476" t="s">
        <v>111</v>
      </c>
      <c r="N3" s="476"/>
      <c r="O3" s="476"/>
      <c r="P3" s="476"/>
      <c r="Q3" s="476"/>
      <c r="R3" s="476"/>
      <c r="S3" s="476"/>
      <c r="T3" s="476"/>
      <c r="U3" s="476"/>
      <c r="V3" s="476"/>
      <c r="W3" s="477"/>
      <c r="X3" s="475" t="s">
        <v>110</v>
      </c>
      <c r="Y3" s="476"/>
      <c r="Z3" s="476"/>
      <c r="AA3" s="476"/>
      <c r="AB3" s="476"/>
      <c r="AC3" s="476"/>
      <c r="AD3" s="476"/>
      <c r="AE3" s="476"/>
      <c r="AF3" s="476"/>
      <c r="AG3" s="476"/>
      <c r="AH3" s="477"/>
      <c r="AI3" s="475" t="s">
        <v>109</v>
      </c>
      <c r="AJ3" s="476"/>
      <c r="AK3" s="476"/>
      <c r="AL3" s="476"/>
      <c r="AM3" s="476"/>
      <c r="AN3" s="476"/>
      <c r="AO3" s="476"/>
      <c r="AP3" s="476"/>
      <c r="AQ3" s="476"/>
      <c r="AR3" s="476"/>
      <c r="AS3" s="477"/>
      <c r="AT3" s="475" t="s">
        <v>108</v>
      </c>
      <c r="AU3" s="476"/>
      <c r="AV3" s="476"/>
      <c r="AW3" s="476"/>
      <c r="AX3" s="476"/>
      <c r="AY3" s="476"/>
      <c r="AZ3" s="476"/>
      <c r="BA3" s="476"/>
      <c r="BB3" s="476"/>
      <c r="BC3" s="476"/>
      <c r="BD3" s="477"/>
      <c r="BE3" s="475" t="s">
        <v>107</v>
      </c>
      <c r="BF3" s="476"/>
      <c r="BG3" s="476"/>
      <c r="BH3" s="476"/>
      <c r="BI3" s="476"/>
      <c r="BJ3" s="476"/>
      <c r="BK3" s="476"/>
      <c r="BL3" s="476"/>
      <c r="BM3" s="476"/>
      <c r="BN3" s="476"/>
      <c r="BO3" s="477"/>
      <c r="BP3" s="475" t="s">
        <v>106</v>
      </c>
      <c r="BQ3" s="476"/>
      <c r="BR3" s="476"/>
      <c r="BS3" s="476"/>
      <c r="BT3" s="476"/>
      <c r="BU3" s="476"/>
      <c r="BV3" s="476"/>
      <c r="BW3" s="476"/>
      <c r="BX3" s="476"/>
      <c r="BY3" s="476"/>
      <c r="BZ3" s="477"/>
      <c r="CA3" s="475" t="s">
        <v>128</v>
      </c>
      <c r="CB3" s="476"/>
      <c r="CC3" s="476"/>
      <c r="CD3" s="476"/>
      <c r="CE3" s="476"/>
      <c r="CF3" s="476"/>
      <c r="CG3" s="476"/>
      <c r="CH3" s="476"/>
      <c r="CI3" s="476"/>
      <c r="CJ3" s="476"/>
      <c r="CK3" s="477"/>
      <c r="CL3" s="475" t="s">
        <v>105</v>
      </c>
      <c r="CM3" s="476"/>
      <c r="CN3" s="476"/>
      <c r="CO3" s="476"/>
      <c r="CP3" s="476"/>
      <c r="CQ3" s="476"/>
      <c r="CR3" s="476"/>
      <c r="CS3" s="476"/>
      <c r="CT3" s="476"/>
      <c r="CU3" s="476"/>
      <c r="CV3" s="477"/>
      <c r="CW3" s="475" t="s">
        <v>160</v>
      </c>
      <c r="CX3" s="476"/>
      <c r="CY3" s="476"/>
      <c r="CZ3" s="476"/>
      <c r="DA3" s="476"/>
      <c r="DB3" s="476"/>
      <c r="DC3" s="476"/>
      <c r="DD3" s="476"/>
      <c r="DE3" s="476"/>
      <c r="DF3" s="476"/>
      <c r="DG3" s="477"/>
    </row>
    <row r="4" spans="1:111" x14ac:dyDescent="0.2">
      <c r="A4" s="479"/>
      <c r="B4" s="483" t="s">
        <v>61</v>
      </c>
      <c r="C4" s="462"/>
      <c r="D4" s="463"/>
      <c r="E4" s="464" t="s">
        <v>62</v>
      </c>
      <c r="F4" s="462"/>
      <c r="G4" s="462"/>
      <c r="H4" s="462"/>
      <c r="I4" s="462"/>
      <c r="J4" s="462"/>
      <c r="K4" s="465"/>
      <c r="L4" s="459" t="s">
        <v>52</v>
      </c>
      <c r="M4" s="483" t="s">
        <v>61</v>
      </c>
      <c r="N4" s="462"/>
      <c r="O4" s="463"/>
      <c r="P4" s="464" t="s">
        <v>62</v>
      </c>
      <c r="Q4" s="462"/>
      <c r="R4" s="462"/>
      <c r="S4" s="462"/>
      <c r="T4" s="462"/>
      <c r="U4" s="462"/>
      <c r="V4" s="463"/>
      <c r="W4" s="459" t="s">
        <v>52</v>
      </c>
      <c r="X4" s="461" t="s">
        <v>61</v>
      </c>
      <c r="Y4" s="462"/>
      <c r="Z4" s="465"/>
      <c r="AA4" s="464" t="s">
        <v>62</v>
      </c>
      <c r="AB4" s="462"/>
      <c r="AC4" s="462"/>
      <c r="AD4" s="462"/>
      <c r="AE4" s="462"/>
      <c r="AF4" s="462"/>
      <c r="AG4" s="463"/>
      <c r="AH4" s="459" t="s">
        <v>52</v>
      </c>
      <c r="AI4" s="461" t="s">
        <v>61</v>
      </c>
      <c r="AJ4" s="462"/>
      <c r="AK4" s="463"/>
      <c r="AL4" s="464" t="s">
        <v>62</v>
      </c>
      <c r="AM4" s="462"/>
      <c r="AN4" s="462"/>
      <c r="AO4" s="462"/>
      <c r="AP4" s="462"/>
      <c r="AQ4" s="462"/>
      <c r="AR4" s="463"/>
      <c r="AS4" s="459" t="s">
        <v>52</v>
      </c>
      <c r="AT4" s="461" t="s">
        <v>61</v>
      </c>
      <c r="AU4" s="462"/>
      <c r="AV4" s="465"/>
      <c r="AW4" s="464" t="s">
        <v>62</v>
      </c>
      <c r="AX4" s="462"/>
      <c r="AY4" s="462"/>
      <c r="AZ4" s="462"/>
      <c r="BA4" s="462"/>
      <c r="BB4" s="462"/>
      <c r="BC4" s="465"/>
      <c r="BD4" s="459" t="s">
        <v>52</v>
      </c>
      <c r="BE4" s="461" t="s">
        <v>61</v>
      </c>
      <c r="BF4" s="462"/>
      <c r="BG4" s="463"/>
      <c r="BH4" s="464" t="s">
        <v>62</v>
      </c>
      <c r="BI4" s="462"/>
      <c r="BJ4" s="462"/>
      <c r="BK4" s="462"/>
      <c r="BL4" s="462"/>
      <c r="BM4" s="462"/>
      <c r="BN4" s="463"/>
      <c r="BO4" s="459" t="s">
        <v>52</v>
      </c>
      <c r="BP4" s="461" t="s">
        <v>61</v>
      </c>
      <c r="BQ4" s="462"/>
      <c r="BR4" s="463"/>
      <c r="BS4" s="464" t="s">
        <v>62</v>
      </c>
      <c r="BT4" s="462"/>
      <c r="BU4" s="462"/>
      <c r="BV4" s="462"/>
      <c r="BW4" s="462"/>
      <c r="BX4" s="462"/>
      <c r="BY4" s="463"/>
      <c r="BZ4" s="459" t="s">
        <v>52</v>
      </c>
      <c r="CA4" s="461" t="s">
        <v>61</v>
      </c>
      <c r="CB4" s="462"/>
      <c r="CC4" s="463"/>
      <c r="CD4" s="464" t="s">
        <v>62</v>
      </c>
      <c r="CE4" s="462"/>
      <c r="CF4" s="462"/>
      <c r="CG4" s="462"/>
      <c r="CH4" s="462"/>
      <c r="CI4" s="462"/>
      <c r="CJ4" s="463"/>
      <c r="CK4" s="459" t="s">
        <v>52</v>
      </c>
      <c r="CL4" s="461" t="s">
        <v>61</v>
      </c>
      <c r="CM4" s="462"/>
      <c r="CN4" s="463"/>
      <c r="CO4" s="464" t="s">
        <v>62</v>
      </c>
      <c r="CP4" s="462"/>
      <c r="CQ4" s="462"/>
      <c r="CR4" s="462"/>
      <c r="CS4" s="462"/>
      <c r="CT4" s="462"/>
      <c r="CU4" s="463"/>
      <c r="CV4" s="459" t="s">
        <v>52</v>
      </c>
      <c r="CW4" s="461" t="s">
        <v>61</v>
      </c>
      <c r="CX4" s="462"/>
      <c r="CY4" s="463"/>
      <c r="CZ4" s="464" t="s">
        <v>62</v>
      </c>
      <c r="DA4" s="462"/>
      <c r="DB4" s="462"/>
      <c r="DC4" s="462"/>
      <c r="DD4" s="462"/>
      <c r="DE4" s="462"/>
      <c r="DF4" s="463"/>
      <c r="DG4" s="459" t="s">
        <v>52</v>
      </c>
    </row>
    <row r="5" spans="1:111" ht="28.5" customHeight="1" thickBot="1" x14ac:dyDescent="0.25">
      <c r="A5" s="480"/>
      <c r="B5" s="297" t="s">
        <v>43</v>
      </c>
      <c r="C5" s="298" t="s">
        <v>44</v>
      </c>
      <c r="D5" s="299" t="s">
        <v>45</v>
      </c>
      <c r="E5" s="300" t="s">
        <v>83</v>
      </c>
      <c r="F5" s="292" t="s">
        <v>47</v>
      </c>
      <c r="G5" s="292" t="s">
        <v>48</v>
      </c>
      <c r="H5" s="292" t="s">
        <v>49</v>
      </c>
      <c r="I5" s="292" t="s">
        <v>50</v>
      </c>
      <c r="J5" s="292" t="s">
        <v>51</v>
      </c>
      <c r="K5" s="301" t="s">
        <v>45</v>
      </c>
      <c r="L5" s="460"/>
      <c r="M5" s="297" t="s">
        <v>43</v>
      </c>
      <c r="N5" s="292" t="s">
        <v>44</v>
      </c>
      <c r="O5" s="298" t="s">
        <v>45</v>
      </c>
      <c r="P5" s="300" t="s">
        <v>83</v>
      </c>
      <c r="Q5" s="292" t="s">
        <v>47</v>
      </c>
      <c r="R5" s="292" t="s">
        <v>48</v>
      </c>
      <c r="S5" s="292" t="s">
        <v>49</v>
      </c>
      <c r="T5" s="292" t="s">
        <v>50</v>
      </c>
      <c r="U5" s="292" t="s">
        <v>51</v>
      </c>
      <c r="V5" s="298" t="s">
        <v>45</v>
      </c>
      <c r="W5" s="460"/>
      <c r="X5" s="345" t="s">
        <v>43</v>
      </c>
      <c r="Y5" s="292" t="s">
        <v>44</v>
      </c>
      <c r="Z5" s="301" t="s">
        <v>45</v>
      </c>
      <c r="AA5" s="300" t="s">
        <v>83</v>
      </c>
      <c r="AB5" s="292" t="s">
        <v>47</v>
      </c>
      <c r="AC5" s="292" t="s">
        <v>48</v>
      </c>
      <c r="AD5" s="292" t="s">
        <v>49</v>
      </c>
      <c r="AE5" s="292" t="s">
        <v>50</v>
      </c>
      <c r="AF5" s="292" t="s">
        <v>51</v>
      </c>
      <c r="AG5" s="298" t="s">
        <v>45</v>
      </c>
      <c r="AH5" s="460"/>
      <c r="AI5" s="296" t="s">
        <v>43</v>
      </c>
      <c r="AJ5" s="292" t="s">
        <v>44</v>
      </c>
      <c r="AK5" s="298" t="s">
        <v>45</v>
      </c>
      <c r="AL5" s="300" t="s">
        <v>83</v>
      </c>
      <c r="AM5" s="292" t="s">
        <v>47</v>
      </c>
      <c r="AN5" s="292" t="s">
        <v>48</v>
      </c>
      <c r="AO5" s="292" t="s">
        <v>49</v>
      </c>
      <c r="AP5" s="292" t="s">
        <v>50</v>
      </c>
      <c r="AQ5" s="292" t="s">
        <v>51</v>
      </c>
      <c r="AR5" s="298" t="s">
        <v>45</v>
      </c>
      <c r="AS5" s="460"/>
      <c r="AT5" s="345" t="s">
        <v>43</v>
      </c>
      <c r="AU5" s="292" t="s">
        <v>44</v>
      </c>
      <c r="AV5" s="301" t="s">
        <v>45</v>
      </c>
      <c r="AW5" s="300" t="s">
        <v>83</v>
      </c>
      <c r="AX5" s="292" t="s">
        <v>47</v>
      </c>
      <c r="AY5" s="292" t="s">
        <v>48</v>
      </c>
      <c r="AZ5" s="292" t="s">
        <v>49</v>
      </c>
      <c r="BA5" s="292" t="s">
        <v>50</v>
      </c>
      <c r="BB5" s="292" t="s">
        <v>51</v>
      </c>
      <c r="BC5" s="301" t="s">
        <v>45</v>
      </c>
      <c r="BD5" s="460"/>
      <c r="BE5" s="345" t="s">
        <v>43</v>
      </c>
      <c r="BF5" s="292" t="s">
        <v>44</v>
      </c>
      <c r="BG5" s="298" t="s">
        <v>45</v>
      </c>
      <c r="BH5" s="300" t="s">
        <v>83</v>
      </c>
      <c r="BI5" s="292" t="s">
        <v>47</v>
      </c>
      <c r="BJ5" s="292" t="s">
        <v>48</v>
      </c>
      <c r="BK5" s="292" t="s">
        <v>49</v>
      </c>
      <c r="BL5" s="292" t="s">
        <v>50</v>
      </c>
      <c r="BM5" s="292" t="s">
        <v>51</v>
      </c>
      <c r="BN5" s="298" t="s">
        <v>45</v>
      </c>
      <c r="BO5" s="460"/>
      <c r="BP5" s="345" t="s">
        <v>43</v>
      </c>
      <c r="BQ5" s="292" t="s">
        <v>44</v>
      </c>
      <c r="BR5" s="298" t="s">
        <v>45</v>
      </c>
      <c r="BS5" s="300" t="s">
        <v>83</v>
      </c>
      <c r="BT5" s="292" t="s">
        <v>47</v>
      </c>
      <c r="BU5" s="292" t="s">
        <v>48</v>
      </c>
      <c r="BV5" s="292" t="s">
        <v>49</v>
      </c>
      <c r="BW5" s="292" t="s">
        <v>50</v>
      </c>
      <c r="BX5" s="292" t="s">
        <v>51</v>
      </c>
      <c r="BY5" s="298" t="s">
        <v>45</v>
      </c>
      <c r="BZ5" s="460"/>
      <c r="CA5" s="345" t="s">
        <v>43</v>
      </c>
      <c r="CB5" s="292" t="s">
        <v>44</v>
      </c>
      <c r="CC5" s="298" t="s">
        <v>45</v>
      </c>
      <c r="CD5" s="300" t="s">
        <v>83</v>
      </c>
      <c r="CE5" s="292" t="s">
        <v>47</v>
      </c>
      <c r="CF5" s="292" t="s">
        <v>48</v>
      </c>
      <c r="CG5" s="292" t="s">
        <v>49</v>
      </c>
      <c r="CH5" s="292" t="s">
        <v>50</v>
      </c>
      <c r="CI5" s="292" t="s">
        <v>51</v>
      </c>
      <c r="CJ5" s="298" t="s">
        <v>45</v>
      </c>
      <c r="CK5" s="460"/>
      <c r="CL5" s="345" t="s">
        <v>43</v>
      </c>
      <c r="CM5" s="292" t="s">
        <v>44</v>
      </c>
      <c r="CN5" s="298" t="s">
        <v>45</v>
      </c>
      <c r="CO5" s="300" t="s">
        <v>83</v>
      </c>
      <c r="CP5" s="292" t="s">
        <v>47</v>
      </c>
      <c r="CQ5" s="292" t="s">
        <v>48</v>
      </c>
      <c r="CR5" s="292" t="s">
        <v>49</v>
      </c>
      <c r="CS5" s="292" t="s">
        <v>50</v>
      </c>
      <c r="CT5" s="292" t="s">
        <v>51</v>
      </c>
      <c r="CU5" s="298" t="s">
        <v>45</v>
      </c>
      <c r="CV5" s="460"/>
      <c r="CW5" s="414" t="s">
        <v>43</v>
      </c>
      <c r="CX5" s="292" t="s">
        <v>44</v>
      </c>
      <c r="CY5" s="298" t="s">
        <v>45</v>
      </c>
      <c r="CZ5" s="300" t="s">
        <v>83</v>
      </c>
      <c r="DA5" s="292" t="s">
        <v>47</v>
      </c>
      <c r="DB5" s="292" t="s">
        <v>48</v>
      </c>
      <c r="DC5" s="292" t="s">
        <v>49</v>
      </c>
      <c r="DD5" s="292" t="s">
        <v>50</v>
      </c>
      <c r="DE5" s="292" t="s">
        <v>51</v>
      </c>
      <c r="DF5" s="298" t="s">
        <v>45</v>
      </c>
      <c r="DG5" s="460"/>
    </row>
    <row r="6" spans="1:111" ht="18.75" customHeight="1" x14ac:dyDescent="0.2">
      <c r="A6" s="293" t="s">
        <v>4</v>
      </c>
      <c r="B6" s="302">
        <v>0</v>
      </c>
      <c r="C6" s="303">
        <v>0</v>
      </c>
      <c r="D6" s="304">
        <v>0</v>
      </c>
      <c r="E6" s="305">
        <v>0</v>
      </c>
      <c r="F6" s="306">
        <v>212979</v>
      </c>
      <c r="G6" s="306">
        <v>332503</v>
      </c>
      <c r="H6" s="306">
        <v>333528</v>
      </c>
      <c r="I6" s="306">
        <v>385374</v>
      </c>
      <c r="J6" s="306">
        <v>371932</v>
      </c>
      <c r="K6" s="307">
        <v>1636316</v>
      </c>
      <c r="L6" s="308">
        <v>1636316</v>
      </c>
      <c r="M6" s="302">
        <v>11</v>
      </c>
      <c r="N6" s="306">
        <v>127</v>
      </c>
      <c r="O6" s="303">
        <v>138</v>
      </c>
      <c r="P6" s="305">
        <v>0</v>
      </c>
      <c r="Q6" s="306">
        <v>469</v>
      </c>
      <c r="R6" s="306">
        <v>2024</v>
      </c>
      <c r="S6" s="306">
        <v>3841</v>
      </c>
      <c r="T6" s="306">
        <v>9143</v>
      </c>
      <c r="U6" s="306">
        <v>18623</v>
      </c>
      <c r="V6" s="303">
        <v>34100</v>
      </c>
      <c r="W6" s="308">
        <v>34238</v>
      </c>
      <c r="X6" s="302">
        <v>12204</v>
      </c>
      <c r="Y6" s="306">
        <v>41718</v>
      </c>
      <c r="Z6" s="303">
        <v>53922</v>
      </c>
      <c r="AA6" s="305">
        <v>0</v>
      </c>
      <c r="AB6" s="306">
        <v>94244</v>
      </c>
      <c r="AC6" s="306">
        <v>151346</v>
      </c>
      <c r="AD6" s="306">
        <v>93251</v>
      </c>
      <c r="AE6" s="306">
        <v>85923</v>
      </c>
      <c r="AF6" s="306">
        <v>73271</v>
      </c>
      <c r="AG6" s="303">
        <v>498035</v>
      </c>
      <c r="AH6" s="308">
        <v>551957</v>
      </c>
      <c r="AI6" s="302">
        <v>2143</v>
      </c>
      <c r="AJ6" s="306">
        <v>7646</v>
      </c>
      <c r="AK6" s="303">
        <v>9789</v>
      </c>
      <c r="AL6" s="305">
        <v>0</v>
      </c>
      <c r="AM6" s="306">
        <v>11888</v>
      </c>
      <c r="AN6" s="306">
        <v>21192</v>
      </c>
      <c r="AO6" s="306">
        <v>13755</v>
      </c>
      <c r="AP6" s="306">
        <v>12148</v>
      </c>
      <c r="AQ6" s="306">
        <v>8257</v>
      </c>
      <c r="AR6" s="303">
        <v>67240</v>
      </c>
      <c r="AS6" s="308">
        <v>77029</v>
      </c>
      <c r="AT6" s="302">
        <v>0</v>
      </c>
      <c r="AU6" s="306">
        <v>0</v>
      </c>
      <c r="AV6" s="303">
        <v>0</v>
      </c>
      <c r="AW6" s="305">
        <v>0</v>
      </c>
      <c r="AX6" s="306">
        <v>188349</v>
      </c>
      <c r="AY6" s="306">
        <v>192114</v>
      </c>
      <c r="AZ6" s="306">
        <v>117576</v>
      </c>
      <c r="BA6" s="306">
        <v>67355</v>
      </c>
      <c r="BB6" s="306">
        <v>31443</v>
      </c>
      <c r="BC6" s="307">
        <v>596837</v>
      </c>
      <c r="BD6" s="308">
        <v>596837</v>
      </c>
      <c r="BE6" s="302">
        <v>0</v>
      </c>
      <c r="BF6" s="306">
        <v>0</v>
      </c>
      <c r="BG6" s="303">
        <v>0</v>
      </c>
      <c r="BH6" s="305">
        <v>0</v>
      </c>
      <c r="BI6" s="306">
        <v>30560</v>
      </c>
      <c r="BJ6" s="306">
        <v>48678</v>
      </c>
      <c r="BK6" s="306">
        <v>28427</v>
      </c>
      <c r="BL6" s="306">
        <v>18069</v>
      </c>
      <c r="BM6" s="306">
        <v>6335</v>
      </c>
      <c r="BN6" s="303">
        <v>132069</v>
      </c>
      <c r="BO6" s="308">
        <v>132069</v>
      </c>
      <c r="BP6" s="302">
        <v>276</v>
      </c>
      <c r="BQ6" s="306">
        <v>1304</v>
      </c>
      <c r="BR6" s="303">
        <v>1580</v>
      </c>
      <c r="BS6" s="305">
        <v>0</v>
      </c>
      <c r="BT6" s="306">
        <v>16254</v>
      </c>
      <c r="BU6" s="306">
        <v>31315</v>
      </c>
      <c r="BV6" s="306">
        <v>52598</v>
      </c>
      <c r="BW6" s="306">
        <v>41680</v>
      </c>
      <c r="BX6" s="306">
        <v>21599</v>
      </c>
      <c r="BY6" s="303">
        <v>163446</v>
      </c>
      <c r="BZ6" s="308">
        <v>165026</v>
      </c>
      <c r="CA6" s="302">
        <v>30</v>
      </c>
      <c r="CB6" s="306">
        <v>86</v>
      </c>
      <c r="CC6" s="303">
        <v>116</v>
      </c>
      <c r="CD6" s="305">
        <v>0</v>
      </c>
      <c r="CE6" s="306">
        <v>1246</v>
      </c>
      <c r="CF6" s="306">
        <v>3229</v>
      </c>
      <c r="CG6" s="306">
        <v>4381</v>
      </c>
      <c r="CH6" s="306">
        <v>4023</v>
      </c>
      <c r="CI6" s="306">
        <v>2744</v>
      </c>
      <c r="CJ6" s="303">
        <v>15623</v>
      </c>
      <c r="CK6" s="308">
        <v>15739</v>
      </c>
      <c r="CL6" s="302">
        <v>0</v>
      </c>
      <c r="CM6" s="306">
        <v>0</v>
      </c>
      <c r="CN6" s="303">
        <v>0</v>
      </c>
      <c r="CO6" s="305">
        <v>0</v>
      </c>
      <c r="CP6" s="306">
        <v>0</v>
      </c>
      <c r="CQ6" s="306">
        <v>0</v>
      </c>
      <c r="CR6" s="306">
        <v>0</v>
      </c>
      <c r="CS6" s="306">
        <v>0</v>
      </c>
      <c r="CT6" s="306">
        <v>0</v>
      </c>
      <c r="CU6" s="303">
        <v>0</v>
      </c>
      <c r="CV6" s="308">
        <v>0</v>
      </c>
      <c r="CW6" s="302">
        <v>0</v>
      </c>
      <c r="CX6" s="306">
        <v>0</v>
      </c>
      <c r="CY6" s="303">
        <v>0</v>
      </c>
      <c r="CZ6" s="305">
        <v>0</v>
      </c>
      <c r="DA6" s="306">
        <v>0</v>
      </c>
      <c r="DB6" s="306">
        <v>0</v>
      </c>
      <c r="DC6" s="306">
        <v>0</v>
      </c>
      <c r="DD6" s="306">
        <v>0</v>
      </c>
      <c r="DE6" s="306">
        <v>0</v>
      </c>
      <c r="DF6" s="303">
        <v>0</v>
      </c>
      <c r="DG6" s="308">
        <v>0</v>
      </c>
    </row>
    <row r="7" spans="1:111" ht="18.75" customHeight="1" x14ac:dyDescent="0.2">
      <c r="A7" s="294" t="s">
        <v>5</v>
      </c>
      <c r="B7" s="309">
        <v>0</v>
      </c>
      <c r="C7" s="310">
        <v>0</v>
      </c>
      <c r="D7" s="311">
        <v>0</v>
      </c>
      <c r="E7" s="312">
        <v>0</v>
      </c>
      <c r="F7" s="313">
        <v>71382</v>
      </c>
      <c r="G7" s="313">
        <v>144602</v>
      </c>
      <c r="H7" s="313">
        <v>127044</v>
      </c>
      <c r="I7" s="313">
        <v>135181</v>
      </c>
      <c r="J7" s="313">
        <v>139959</v>
      </c>
      <c r="K7" s="314">
        <v>618168</v>
      </c>
      <c r="L7" s="315">
        <v>618168</v>
      </c>
      <c r="M7" s="309">
        <v>0</v>
      </c>
      <c r="N7" s="313">
        <v>59</v>
      </c>
      <c r="O7" s="310">
        <v>59</v>
      </c>
      <c r="P7" s="312">
        <v>0</v>
      </c>
      <c r="Q7" s="313">
        <v>106</v>
      </c>
      <c r="R7" s="313">
        <v>751</v>
      </c>
      <c r="S7" s="313">
        <v>1479</v>
      </c>
      <c r="T7" s="313">
        <v>3650</v>
      </c>
      <c r="U7" s="313">
        <v>8280</v>
      </c>
      <c r="V7" s="310">
        <v>14266</v>
      </c>
      <c r="W7" s="315">
        <v>14325</v>
      </c>
      <c r="X7" s="309">
        <v>5432</v>
      </c>
      <c r="Y7" s="313">
        <v>21880</v>
      </c>
      <c r="Z7" s="310">
        <v>27312</v>
      </c>
      <c r="AA7" s="312">
        <v>0</v>
      </c>
      <c r="AB7" s="313">
        <v>34215</v>
      </c>
      <c r="AC7" s="313">
        <v>81358</v>
      </c>
      <c r="AD7" s="313">
        <v>46446</v>
      </c>
      <c r="AE7" s="313">
        <v>40124</v>
      </c>
      <c r="AF7" s="313">
        <v>34256</v>
      </c>
      <c r="AG7" s="310">
        <v>236399</v>
      </c>
      <c r="AH7" s="315">
        <v>263711</v>
      </c>
      <c r="AI7" s="309">
        <v>964</v>
      </c>
      <c r="AJ7" s="313">
        <v>3720</v>
      </c>
      <c r="AK7" s="310">
        <v>4684</v>
      </c>
      <c r="AL7" s="312">
        <v>0</v>
      </c>
      <c r="AM7" s="313">
        <v>3092</v>
      </c>
      <c r="AN7" s="313">
        <v>9147</v>
      </c>
      <c r="AO7" s="313">
        <v>5653</v>
      </c>
      <c r="AP7" s="313">
        <v>5187</v>
      </c>
      <c r="AQ7" s="313">
        <v>3034</v>
      </c>
      <c r="AR7" s="310">
        <v>26113</v>
      </c>
      <c r="AS7" s="315">
        <v>30797</v>
      </c>
      <c r="AT7" s="309">
        <v>0</v>
      </c>
      <c r="AU7" s="313">
        <v>0</v>
      </c>
      <c r="AV7" s="310">
        <v>0</v>
      </c>
      <c r="AW7" s="312">
        <v>0</v>
      </c>
      <c r="AX7" s="313">
        <v>57224</v>
      </c>
      <c r="AY7" s="313">
        <v>77346</v>
      </c>
      <c r="AZ7" s="313">
        <v>42369</v>
      </c>
      <c r="BA7" s="313">
        <v>22478</v>
      </c>
      <c r="BB7" s="313">
        <v>10812</v>
      </c>
      <c r="BC7" s="314">
        <v>210229</v>
      </c>
      <c r="BD7" s="315">
        <v>210229</v>
      </c>
      <c r="BE7" s="309">
        <v>0</v>
      </c>
      <c r="BF7" s="313">
        <v>0</v>
      </c>
      <c r="BG7" s="310">
        <v>0</v>
      </c>
      <c r="BH7" s="312">
        <v>0</v>
      </c>
      <c r="BI7" s="313">
        <v>9109</v>
      </c>
      <c r="BJ7" s="313">
        <v>22503</v>
      </c>
      <c r="BK7" s="313">
        <v>12904</v>
      </c>
      <c r="BL7" s="313">
        <v>7703</v>
      </c>
      <c r="BM7" s="313">
        <v>2861</v>
      </c>
      <c r="BN7" s="310">
        <v>55080</v>
      </c>
      <c r="BO7" s="315">
        <v>55080</v>
      </c>
      <c r="BP7" s="309">
        <v>99</v>
      </c>
      <c r="BQ7" s="313">
        <v>478</v>
      </c>
      <c r="BR7" s="310">
        <v>577</v>
      </c>
      <c r="BS7" s="312">
        <v>0</v>
      </c>
      <c r="BT7" s="313">
        <v>4667</v>
      </c>
      <c r="BU7" s="313">
        <v>11830</v>
      </c>
      <c r="BV7" s="313">
        <v>18928</v>
      </c>
      <c r="BW7" s="313">
        <v>15133</v>
      </c>
      <c r="BX7" s="313">
        <v>7799</v>
      </c>
      <c r="BY7" s="310">
        <v>58357</v>
      </c>
      <c r="BZ7" s="315">
        <v>58934</v>
      </c>
      <c r="CA7" s="309">
        <v>16</v>
      </c>
      <c r="CB7" s="313">
        <v>66</v>
      </c>
      <c r="CC7" s="310">
        <v>82</v>
      </c>
      <c r="CD7" s="312">
        <v>0</v>
      </c>
      <c r="CE7" s="313">
        <v>573</v>
      </c>
      <c r="CF7" s="313">
        <v>1776</v>
      </c>
      <c r="CG7" s="313">
        <v>2532</v>
      </c>
      <c r="CH7" s="313">
        <v>2248</v>
      </c>
      <c r="CI7" s="313">
        <v>1754</v>
      </c>
      <c r="CJ7" s="310">
        <v>8883</v>
      </c>
      <c r="CK7" s="315">
        <v>8965</v>
      </c>
      <c r="CL7" s="309">
        <v>0</v>
      </c>
      <c r="CM7" s="313">
        <v>0</v>
      </c>
      <c r="CN7" s="310">
        <v>0</v>
      </c>
      <c r="CO7" s="312">
        <v>0</v>
      </c>
      <c r="CP7" s="313">
        <v>0</v>
      </c>
      <c r="CQ7" s="313">
        <v>0</v>
      </c>
      <c r="CR7" s="313">
        <v>0</v>
      </c>
      <c r="CS7" s="313">
        <v>0</v>
      </c>
      <c r="CT7" s="313">
        <v>0</v>
      </c>
      <c r="CU7" s="310">
        <v>0</v>
      </c>
      <c r="CV7" s="315">
        <v>0</v>
      </c>
      <c r="CW7" s="309">
        <v>0</v>
      </c>
      <c r="CX7" s="313">
        <v>0</v>
      </c>
      <c r="CY7" s="310">
        <v>0</v>
      </c>
      <c r="CZ7" s="312">
        <v>0</v>
      </c>
      <c r="DA7" s="313">
        <v>0</v>
      </c>
      <c r="DB7" s="313">
        <v>0</v>
      </c>
      <c r="DC7" s="313">
        <v>0</v>
      </c>
      <c r="DD7" s="313">
        <v>0</v>
      </c>
      <c r="DE7" s="313">
        <v>0</v>
      </c>
      <c r="DF7" s="310">
        <v>0</v>
      </c>
      <c r="DG7" s="315">
        <v>0</v>
      </c>
    </row>
    <row r="8" spans="1:111" ht="18.75" customHeight="1" x14ac:dyDescent="0.2">
      <c r="A8" s="294" t="s">
        <v>6</v>
      </c>
      <c r="B8" s="309">
        <v>0</v>
      </c>
      <c r="C8" s="310">
        <v>0</v>
      </c>
      <c r="D8" s="311">
        <v>0</v>
      </c>
      <c r="E8" s="312">
        <v>0</v>
      </c>
      <c r="F8" s="313">
        <v>37952</v>
      </c>
      <c r="G8" s="313">
        <v>47989</v>
      </c>
      <c r="H8" s="313">
        <v>50035</v>
      </c>
      <c r="I8" s="313">
        <v>62254</v>
      </c>
      <c r="J8" s="313">
        <v>62700</v>
      </c>
      <c r="K8" s="314">
        <v>260930</v>
      </c>
      <c r="L8" s="315">
        <v>260930</v>
      </c>
      <c r="M8" s="309">
        <v>0</v>
      </c>
      <c r="N8" s="313">
        <v>17</v>
      </c>
      <c r="O8" s="310">
        <v>17</v>
      </c>
      <c r="P8" s="312">
        <v>0</v>
      </c>
      <c r="Q8" s="313">
        <v>96</v>
      </c>
      <c r="R8" s="313">
        <v>265</v>
      </c>
      <c r="S8" s="313">
        <v>564</v>
      </c>
      <c r="T8" s="313">
        <v>1240</v>
      </c>
      <c r="U8" s="313">
        <v>2698</v>
      </c>
      <c r="V8" s="310">
        <v>4863</v>
      </c>
      <c r="W8" s="315">
        <v>4880</v>
      </c>
      <c r="X8" s="309">
        <v>2137</v>
      </c>
      <c r="Y8" s="313">
        <v>6435</v>
      </c>
      <c r="Z8" s="310">
        <v>8572</v>
      </c>
      <c r="AA8" s="312">
        <v>0</v>
      </c>
      <c r="AB8" s="313">
        <v>20757</v>
      </c>
      <c r="AC8" s="313">
        <v>21389</v>
      </c>
      <c r="AD8" s="313">
        <v>14201</v>
      </c>
      <c r="AE8" s="313">
        <v>14257</v>
      </c>
      <c r="AF8" s="313">
        <v>11828</v>
      </c>
      <c r="AG8" s="310">
        <v>82432</v>
      </c>
      <c r="AH8" s="315">
        <v>91004</v>
      </c>
      <c r="AI8" s="309">
        <v>216</v>
      </c>
      <c r="AJ8" s="313">
        <v>624</v>
      </c>
      <c r="AK8" s="310">
        <v>840</v>
      </c>
      <c r="AL8" s="312">
        <v>0</v>
      </c>
      <c r="AM8" s="313">
        <v>1813</v>
      </c>
      <c r="AN8" s="313">
        <v>2439</v>
      </c>
      <c r="AO8" s="313">
        <v>1550</v>
      </c>
      <c r="AP8" s="313">
        <v>1595</v>
      </c>
      <c r="AQ8" s="313">
        <v>957</v>
      </c>
      <c r="AR8" s="310">
        <v>8354</v>
      </c>
      <c r="AS8" s="315">
        <v>9194</v>
      </c>
      <c r="AT8" s="309">
        <v>0</v>
      </c>
      <c r="AU8" s="313">
        <v>0</v>
      </c>
      <c r="AV8" s="310">
        <v>0</v>
      </c>
      <c r="AW8" s="312">
        <v>0</v>
      </c>
      <c r="AX8" s="313">
        <v>32193</v>
      </c>
      <c r="AY8" s="313">
        <v>25108</v>
      </c>
      <c r="AZ8" s="313">
        <v>16184</v>
      </c>
      <c r="BA8" s="313">
        <v>10356</v>
      </c>
      <c r="BB8" s="313">
        <v>4410</v>
      </c>
      <c r="BC8" s="314">
        <v>88251</v>
      </c>
      <c r="BD8" s="315">
        <v>88251</v>
      </c>
      <c r="BE8" s="309">
        <v>0</v>
      </c>
      <c r="BF8" s="313">
        <v>0</v>
      </c>
      <c r="BG8" s="310">
        <v>0</v>
      </c>
      <c r="BH8" s="312">
        <v>0</v>
      </c>
      <c r="BI8" s="313">
        <v>4052</v>
      </c>
      <c r="BJ8" s="313">
        <v>5683</v>
      </c>
      <c r="BK8" s="313">
        <v>3823</v>
      </c>
      <c r="BL8" s="313">
        <v>2448</v>
      </c>
      <c r="BM8" s="313">
        <v>829</v>
      </c>
      <c r="BN8" s="310">
        <v>16835</v>
      </c>
      <c r="BO8" s="315">
        <v>16835</v>
      </c>
      <c r="BP8" s="309">
        <v>20</v>
      </c>
      <c r="BQ8" s="313">
        <v>129</v>
      </c>
      <c r="BR8" s="310">
        <v>149</v>
      </c>
      <c r="BS8" s="312">
        <v>0</v>
      </c>
      <c r="BT8" s="313">
        <v>2200</v>
      </c>
      <c r="BU8" s="313">
        <v>3434</v>
      </c>
      <c r="BV8" s="313">
        <v>5871</v>
      </c>
      <c r="BW8" s="313">
        <v>4534</v>
      </c>
      <c r="BX8" s="313">
        <v>2551</v>
      </c>
      <c r="BY8" s="310">
        <v>18590</v>
      </c>
      <c r="BZ8" s="315">
        <v>18739</v>
      </c>
      <c r="CA8" s="309">
        <v>0</v>
      </c>
      <c r="CB8" s="313">
        <v>0</v>
      </c>
      <c r="CC8" s="310">
        <v>0</v>
      </c>
      <c r="CD8" s="312">
        <v>0</v>
      </c>
      <c r="CE8" s="313">
        <v>219</v>
      </c>
      <c r="CF8" s="313">
        <v>322</v>
      </c>
      <c r="CG8" s="313">
        <v>470</v>
      </c>
      <c r="CH8" s="313">
        <v>566</v>
      </c>
      <c r="CI8" s="313">
        <v>342</v>
      </c>
      <c r="CJ8" s="310">
        <v>1919</v>
      </c>
      <c r="CK8" s="315">
        <v>1919</v>
      </c>
      <c r="CL8" s="309">
        <v>0</v>
      </c>
      <c r="CM8" s="313">
        <v>0</v>
      </c>
      <c r="CN8" s="310">
        <v>0</v>
      </c>
      <c r="CO8" s="312">
        <v>0</v>
      </c>
      <c r="CP8" s="313">
        <v>0</v>
      </c>
      <c r="CQ8" s="313">
        <v>0</v>
      </c>
      <c r="CR8" s="313">
        <v>0</v>
      </c>
      <c r="CS8" s="313">
        <v>0</v>
      </c>
      <c r="CT8" s="313">
        <v>0</v>
      </c>
      <c r="CU8" s="310">
        <v>0</v>
      </c>
      <c r="CV8" s="315">
        <v>0</v>
      </c>
      <c r="CW8" s="309">
        <v>0</v>
      </c>
      <c r="CX8" s="313">
        <v>0</v>
      </c>
      <c r="CY8" s="310">
        <v>0</v>
      </c>
      <c r="CZ8" s="312">
        <v>0</v>
      </c>
      <c r="DA8" s="313">
        <v>0</v>
      </c>
      <c r="DB8" s="313">
        <v>0</v>
      </c>
      <c r="DC8" s="313">
        <v>0</v>
      </c>
      <c r="DD8" s="313">
        <v>0</v>
      </c>
      <c r="DE8" s="313">
        <v>0</v>
      </c>
      <c r="DF8" s="310">
        <v>0</v>
      </c>
      <c r="DG8" s="315">
        <v>0</v>
      </c>
    </row>
    <row r="9" spans="1:111" ht="18.75" customHeight="1" x14ac:dyDescent="0.2">
      <c r="A9" s="294" t="s">
        <v>14</v>
      </c>
      <c r="B9" s="309">
        <v>0</v>
      </c>
      <c r="C9" s="310">
        <v>0</v>
      </c>
      <c r="D9" s="311">
        <v>0</v>
      </c>
      <c r="E9" s="312">
        <v>0</v>
      </c>
      <c r="F9" s="313">
        <v>13520</v>
      </c>
      <c r="G9" s="313">
        <v>23539</v>
      </c>
      <c r="H9" s="313">
        <v>25778</v>
      </c>
      <c r="I9" s="313">
        <v>26213</v>
      </c>
      <c r="J9" s="313">
        <v>21474</v>
      </c>
      <c r="K9" s="314">
        <v>110524</v>
      </c>
      <c r="L9" s="315">
        <v>110524</v>
      </c>
      <c r="M9" s="309">
        <v>0</v>
      </c>
      <c r="N9" s="313">
        <v>4</v>
      </c>
      <c r="O9" s="310">
        <v>4</v>
      </c>
      <c r="P9" s="312">
        <v>0</v>
      </c>
      <c r="Q9" s="313">
        <v>30</v>
      </c>
      <c r="R9" s="313">
        <v>97</v>
      </c>
      <c r="S9" s="313">
        <v>241</v>
      </c>
      <c r="T9" s="313">
        <v>585</v>
      </c>
      <c r="U9" s="313">
        <v>1132</v>
      </c>
      <c r="V9" s="310">
        <v>2085</v>
      </c>
      <c r="W9" s="315">
        <v>2089</v>
      </c>
      <c r="X9" s="309">
        <v>604</v>
      </c>
      <c r="Y9" s="313">
        <v>3255</v>
      </c>
      <c r="Z9" s="310">
        <v>3859</v>
      </c>
      <c r="AA9" s="312">
        <v>0</v>
      </c>
      <c r="AB9" s="313">
        <v>4882</v>
      </c>
      <c r="AC9" s="313">
        <v>9949</v>
      </c>
      <c r="AD9" s="313">
        <v>7034</v>
      </c>
      <c r="AE9" s="313">
        <v>7290</v>
      </c>
      <c r="AF9" s="313">
        <v>4849</v>
      </c>
      <c r="AG9" s="310">
        <v>34004</v>
      </c>
      <c r="AH9" s="315">
        <v>37863</v>
      </c>
      <c r="AI9" s="309">
        <v>46</v>
      </c>
      <c r="AJ9" s="313">
        <v>483</v>
      </c>
      <c r="AK9" s="310">
        <v>529</v>
      </c>
      <c r="AL9" s="312">
        <v>0</v>
      </c>
      <c r="AM9" s="313">
        <v>241</v>
      </c>
      <c r="AN9" s="313">
        <v>742</v>
      </c>
      <c r="AO9" s="313">
        <v>726</v>
      </c>
      <c r="AP9" s="313">
        <v>508</v>
      </c>
      <c r="AQ9" s="313">
        <v>463</v>
      </c>
      <c r="AR9" s="310">
        <v>2680</v>
      </c>
      <c r="AS9" s="315">
        <v>3209</v>
      </c>
      <c r="AT9" s="309">
        <v>0</v>
      </c>
      <c r="AU9" s="313">
        <v>0</v>
      </c>
      <c r="AV9" s="310">
        <v>0</v>
      </c>
      <c r="AW9" s="312">
        <v>0</v>
      </c>
      <c r="AX9" s="313">
        <v>14101</v>
      </c>
      <c r="AY9" s="313">
        <v>14947</v>
      </c>
      <c r="AZ9" s="313">
        <v>11285</v>
      </c>
      <c r="BA9" s="313">
        <v>6555</v>
      </c>
      <c r="BB9" s="313">
        <v>3356</v>
      </c>
      <c r="BC9" s="314">
        <v>50244</v>
      </c>
      <c r="BD9" s="315">
        <v>50244</v>
      </c>
      <c r="BE9" s="309">
        <v>0</v>
      </c>
      <c r="BF9" s="313">
        <v>0</v>
      </c>
      <c r="BG9" s="310">
        <v>0</v>
      </c>
      <c r="BH9" s="312">
        <v>0</v>
      </c>
      <c r="BI9" s="313">
        <v>1027</v>
      </c>
      <c r="BJ9" s="313">
        <v>2800</v>
      </c>
      <c r="BK9" s="313">
        <v>1748</v>
      </c>
      <c r="BL9" s="313">
        <v>1291</v>
      </c>
      <c r="BM9" s="313">
        <v>305</v>
      </c>
      <c r="BN9" s="310">
        <v>7171</v>
      </c>
      <c r="BO9" s="315">
        <v>7171</v>
      </c>
      <c r="BP9" s="309">
        <v>5</v>
      </c>
      <c r="BQ9" s="313">
        <v>174</v>
      </c>
      <c r="BR9" s="310">
        <v>179</v>
      </c>
      <c r="BS9" s="312">
        <v>0</v>
      </c>
      <c r="BT9" s="313">
        <v>1286</v>
      </c>
      <c r="BU9" s="313">
        <v>2686</v>
      </c>
      <c r="BV9" s="313">
        <v>4882</v>
      </c>
      <c r="BW9" s="313">
        <v>4090</v>
      </c>
      <c r="BX9" s="313">
        <v>2028</v>
      </c>
      <c r="BY9" s="310">
        <v>14972</v>
      </c>
      <c r="BZ9" s="315">
        <v>15151</v>
      </c>
      <c r="CA9" s="309">
        <v>0</v>
      </c>
      <c r="CB9" s="313">
        <v>3</v>
      </c>
      <c r="CC9" s="310">
        <v>3</v>
      </c>
      <c r="CD9" s="312">
        <v>0</v>
      </c>
      <c r="CE9" s="313">
        <v>9</v>
      </c>
      <c r="CF9" s="313">
        <v>49</v>
      </c>
      <c r="CG9" s="313">
        <v>68</v>
      </c>
      <c r="CH9" s="313">
        <v>130</v>
      </c>
      <c r="CI9" s="313">
        <v>39</v>
      </c>
      <c r="CJ9" s="310">
        <v>295</v>
      </c>
      <c r="CK9" s="315">
        <v>298</v>
      </c>
      <c r="CL9" s="309">
        <v>0</v>
      </c>
      <c r="CM9" s="313">
        <v>0</v>
      </c>
      <c r="CN9" s="310">
        <v>0</v>
      </c>
      <c r="CO9" s="312">
        <v>0</v>
      </c>
      <c r="CP9" s="313">
        <v>0</v>
      </c>
      <c r="CQ9" s="313">
        <v>0</v>
      </c>
      <c r="CR9" s="313">
        <v>0</v>
      </c>
      <c r="CS9" s="313">
        <v>0</v>
      </c>
      <c r="CT9" s="313">
        <v>0</v>
      </c>
      <c r="CU9" s="310">
        <v>0</v>
      </c>
      <c r="CV9" s="315">
        <v>0</v>
      </c>
      <c r="CW9" s="309">
        <v>0</v>
      </c>
      <c r="CX9" s="313">
        <v>0</v>
      </c>
      <c r="CY9" s="310">
        <v>0</v>
      </c>
      <c r="CZ9" s="312">
        <v>0</v>
      </c>
      <c r="DA9" s="313">
        <v>0</v>
      </c>
      <c r="DB9" s="313">
        <v>0</v>
      </c>
      <c r="DC9" s="313">
        <v>0</v>
      </c>
      <c r="DD9" s="313">
        <v>0</v>
      </c>
      <c r="DE9" s="313">
        <v>0</v>
      </c>
      <c r="DF9" s="310">
        <v>0</v>
      </c>
      <c r="DG9" s="315">
        <v>0</v>
      </c>
    </row>
    <row r="10" spans="1:111" ht="18.75" customHeight="1" x14ac:dyDescent="0.2">
      <c r="A10" s="294" t="s">
        <v>7</v>
      </c>
      <c r="B10" s="309">
        <v>0</v>
      </c>
      <c r="C10" s="310">
        <v>0</v>
      </c>
      <c r="D10" s="311">
        <v>0</v>
      </c>
      <c r="E10" s="312">
        <v>0</v>
      </c>
      <c r="F10" s="313">
        <v>17284</v>
      </c>
      <c r="G10" s="313">
        <v>19038</v>
      </c>
      <c r="H10" s="313">
        <v>22331</v>
      </c>
      <c r="I10" s="313">
        <v>27589</v>
      </c>
      <c r="J10" s="313">
        <v>22448</v>
      </c>
      <c r="K10" s="314">
        <v>108690</v>
      </c>
      <c r="L10" s="315">
        <v>108690</v>
      </c>
      <c r="M10" s="309">
        <v>0</v>
      </c>
      <c r="N10" s="313">
        <v>0</v>
      </c>
      <c r="O10" s="310">
        <v>0</v>
      </c>
      <c r="P10" s="312">
        <v>0</v>
      </c>
      <c r="Q10" s="313">
        <v>46</v>
      </c>
      <c r="R10" s="313">
        <v>156</v>
      </c>
      <c r="S10" s="313">
        <v>294</v>
      </c>
      <c r="T10" s="313">
        <v>593</v>
      </c>
      <c r="U10" s="313">
        <v>1058</v>
      </c>
      <c r="V10" s="310">
        <v>2147</v>
      </c>
      <c r="W10" s="315">
        <v>2147</v>
      </c>
      <c r="X10" s="309">
        <v>66</v>
      </c>
      <c r="Y10" s="313">
        <v>183</v>
      </c>
      <c r="Z10" s="310">
        <v>249</v>
      </c>
      <c r="AA10" s="312">
        <v>0</v>
      </c>
      <c r="AB10" s="313">
        <v>3464</v>
      </c>
      <c r="AC10" s="313">
        <v>4314</v>
      </c>
      <c r="AD10" s="313">
        <v>2939</v>
      </c>
      <c r="AE10" s="313">
        <v>2844</v>
      </c>
      <c r="AF10" s="313">
        <v>2692</v>
      </c>
      <c r="AG10" s="310">
        <v>16253</v>
      </c>
      <c r="AH10" s="315">
        <v>16502</v>
      </c>
      <c r="AI10" s="309">
        <v>32</v>
      </c>
      <c r="AJ10" s="313">
        <v>62</v>
      </c>
      <c r="AK10" s="310">
        <v>94</v>
      </c>
      <c r="AL10" s="312">
        <v>0</v>
      </c>
      <c r="AM10" s="313">
        <v>856</v>
      </c>
      <c r="AN10" s="313">
        <v>1129</v>
      </c>
      <c r="AO10" s="313">
        <v>509</v>
      </c>
      <c r="AP10" s="313">
        <v>666</v>
      </c>
      <c r="AQ10" s="313">
        <v>471</v>
      </c>
      <c r="AR10" s="310">
        <v>3631</v>
      </c>
      <c r="AS10" s="315">
        <v>3725</v>
      </c>
      <c r="AT10" s="309">
        <v>0</v>
      </c>
      <c r="AU10" s="313">
        <v>0</v>
      </c>
      <c r="AV10" s="310">
        <v>0</v>
      </c>
      <c r="AW10" s="312">
        <v>0</v>
      </c>
      <c r="AX10" s="313">
        <v>14567</v>
      </c>
      <c r="AY10" s="313">
        <v>10695</v>
      </c>
      <c r="AZ10" s="313">
        <v>6003</v>
      </c>
      <c r="BA10" s="313">
        <v>3494</v>
      </c>
      <c r="BB10" s="313">
        <v>1548</v>
      </c>
      <c r="BC10" s="314">
        <v>36307</v>
      </c>
      <c r="BD10" s="315">
        <v>36307</v>
      </c>
      <c r="BE10" s="309">
        <v>0</v>
      </c>
      <c r="BF10" s="313">
        <v>0</v>
      </c>
      <c r="BG10" s="310">
        <v>0</v>
      </c>
      <c r="BH10" s="312">
        <v>0</v>
      </c>
      <c r="BI10" s="313">
        <v>1809</v>
      </c>
      <c r="BJ10" s="313">
        <v>1756</v>
      </c>
      <c r="BK10" s="313">
        <v>995</v>
      </c>
      <c r="BL10" s="313">
        <v>604</v>
      </c>
      <c r="BM10" s="313">
        <v>209</v>
      </c>
      <c r="BN10" s="310">
        <v>5373</v>
      </c>
      <c r="BO10" s="315">
        <v>5373</v>
      </c>
      <c r="BP10" s="309">
        <v>5</v>
      </c>
      <c r="BQ10" s="313">
        <v>7</v>
      </c>
      <c r="BR10" s="310">
        <v>12</v>
      </c>
      <c r="BS10" s="312">
        <v>0</v>
      </c>
      <c r="BT10" s="313">
        <v>1614</v>
      </c>
      <c r="BU10" s="313">
        <v>2404</v>
      </c>
      <c r="BV10" s="313">
        <v>3017</v>
      </c>
      <c r="BW10" s="313">
        <v>2092</v>
      </c>
      <c r="BX10" s="313">
        <v>1240</v>
      </c>
      <c r="BY10" s="310">
        <v>10367</v>
      </c>
      <c r="BZ10" s="315">
        <v>10379</v>
      </c>
      <c r="CA10" s="309">
        <v>0</v>
      </c>
      <c r="CB10" s="313">
        <v>0</v>
      </c>
      <c r="CC10" s="310">
        <v>0</v>
      </c>
      <c r="CD10" s="312">
        <v>0</v>
      </c>
      <c r="CE10" s="313">
        <v>84</v>
      </c>
      <c r="CF10" s="313">
        <v>121</v>
      </c>
      <c r="CG10" s="313">
        <v>111</v>
      </c>
      <c r="CH10" s="313">
        <v>111</v>
      </c>
      <c r="CI10" s="313">
        <v>85</v>
      </c>
      <c r="CJ10" s="310">
        <v>512</v>
      </c>
      <c r="CK10" s="315">
        <v>512</v>
      </c>
      <c r="CL10" s="309">
        <v>0</v>
      </c>
      <c r="CM10" s="313">
        <v>0</v>
      </c>
      <c r="CN10" s="310">
        <v>0</v>
      </c>
      <c r="CO10" s="312">
        <v>0</v>
      </c>
      <c r="CP10" s="313">
        <v>0</v>
      </c>
      <c r="CQ10" s="313">
        <v>0</v>
      </c>
      <c r="CR10" s="313">
        <v>0</v>
      </c>
      <c r="CS10" s="313">
        <v>0</v>
      </c>
      <c r="CT10" s="313">
        <v>0</v>
      </c>
      <c r="CU10" s="310">
        <v>0</v>
      </c>
      <c r="CV10" s="315">
        <v>0</v>
      </c>
      <c r="CW10" s="309">
        <v>0</v>
      </c>
      <c r="CX10" s="313">
        <v>0</v>
      </c>
      <c r="CY10" s="310">
        <v>0</v>
      </c>
      <c r="CZ10" s="312">
        <v>0</v>
      </c>
      <c r="DA10" s="313">
        <v>0</v>
      </c>
      <c r="DB10" s="313">
        <v>0</v>
      </c>
      <c r="DC10" s="313">
        <v>0</v>
      </c>
      <c r="DD10" s="313">
        <v>0</v>
      </c>
      <c r="DE10" s="313">
        <v>0</v>
      </c>
      <c r="DF10" s="310">
        <v>0</v>
      </c>
      <c r="DG10" s="315">
        <v>0</v>
      </c>
    </row>
    <row r="11" spans="1:111" ht="18.75" customHeight="1" x14ac:dyDescent="0.2">
      <c r="A11" s="294" t="s">
        <v>8</v>
      </c>
      <c r="B11" s="309">
        <v>0</v>
      </c>
      <c r="C11" s="310">
        <v>0</v>
      </c>
      <c r="D11" s="311">
        <v>0</v>
      </c>
      <c r="E11" s="312">
        <v>0</v>
      </c>
      <c r="F11" s="313">
        <v>6148</v>
      </c>
      <c r="G11" s="313">
        <v>10171</v>
      </c>
      <c r="H11" s="313">
        <v>12960</v>
      </c>
      <c r="I11" s="313">
        <v>13572</v>
      </c>
      <c r="J11" s="313">
        <v>13471</v>
      </c>
      <c r="K11" s="314">
        <v>56322</v>
      </c>
      <c r="L11" s="315">
        <v>56322</v>
      </c>
      <c r="M11" s="309">
        <v>0</v>
      </c>
      <c r="N11" s="313">
        <v>4</v>
      </c>
      <c r="O11" s="310">
        <v>4</v>
      </c>
      <c r="P11" s="312">
        <v>0</v>
      </c>
      <c r="Q11" s="313">
        <v>12</v>
      </c>
      <c r="R11" s="313">
        <v>58</v>
      </c>
      <c r="S11" s="313">
        <v>115</v>
      </c>
      <c r="T11" s="313">
        <v>251</v>
      </c>
      <c r="U11" s="313">
        <v>513</v>
      </c>
      <c r="V11" s="310">
        <v>949</v>
      </c>
      <c r="W11" s="315">
        <v>953</v>
      </c>
      <c r="X11" s="309">
        <v>228</v>
      </c>
      <c r="Y11" s="313">
        <v>406</v>
      </c>
      <c r="Z11" s="310">
        <v>634</v>
      </c>
      <c r="AA11" s="312">
        <v>0</v>
      </c>
      <c r="AB11" s="313">
        <v>1414</v>
      </c>
      <c r="AC11" s="313">
        <v>2320</v>
      </c>
      <c r="AD11" s="313">
        <v>1584</v>
      </c>
      <c r="AE11" s="313">
        <v>1475</v>
      </c>
      <c r="AF11" s="313">
        <v>1622</v>
      </c>
      <c r="AG11" s="310">
        <v>8415</v>
      </c>
      <c r="AH11" s="315">
        <v>9049</v>
      </c>
      <c r="AI11" s="309">
        <v>56</v>
      </c>
      <c r="AJ11" s="313">
        <v>214</v>
      </c>
      <c r="AK11" s="310">
        <v>270</v>
      </c>
      <c r="AL11" s="312">
        <v>0</v>
      </c>
      <c r="AM11" s="313">
        <v>545</v>
      </c>
      <c r="AN11" s="313">
        <v>1127</v>
      </c>
      <c r="AO11" s="313">
        <v>828</v>
      </c>
      <c r="AP11" s="313">
        <v>474</v>
      </c>
      <c r="AQ11" s="313">
        <v>349</v>
      </c>
      <c r="AR11" s="310">
        <v>3323</v>
      </c>
      <c r="AS11" s="315">
        <v>3593</v>
      </c>
      <c r="AT11" s="309">
        <v>0</v>
      </c>
      <c r="AU11" s="313">
        <v>0</v>
      </c>
      <c r="AV11" s="310">
        <v>0</v>
      </c>
      <c r="AW11" s="312">
        <v>0</v>
      </c>
      <c r="AX11" s="313">
        <v>5560</v>
      </c>
      <c r="AY11" s="313">
        <v>6211</v>
      </c>
      <c r="AZ11" s="313">
        <v>4105</v>
      </c>
      <c r="BA11" s="313">
        <v>2402</v>
      </c>
      <c r="BB11" s="313">
        <v>1613</v>
      </c>
      <c r="BC11" s="314">
        <v>19891</v>
      </c>
      <c r="BD11" s="315">
        <v>19891</v>
      </c>
      <c r="BE11" s="309">
        <v>0</v>
      </c>
      <c r="BF11" s="313">
        <v>0</v>
      </c>
      <c r="BG11" s="310">
        <v>0</v>
      </c>
      <c r="BH11" s="312">
        <v>0</v>
      </c>
      <c r="BI11" s="313">
        <v>846</v>
      </c>
      <c r="BJ11" s="313">
        <v>1219</v>
      </c>
      <c r="BK11" s="313">
        <v>769</v>
      </c>
      <c r="BL11" s="313">
        <v>443</v>
      </c>
      <c r="BM11" s="313">
        <v>127</v>
      </c>
      <c r="BN11" s="310">
        <v>3404</v>
      </c>
      <c r="BO11" s="315">
        <v>3404</v>
      </c>
      <c r="BP11" s="309">
        <v>3</v>
      </c>
      <c r="BQ11" s="313">
        <v>31</v>
      </c>
      <c r="BR11" s="310">
        <v>34</v>
      </c>
      <c r="BS11" s="312">
        <v>0</v>
      </c>
      <c r="BT11" s="313">
        <v>568</v>
      </c>
      <c r="BU11" s="313">
        <v>1131</v>
      </c>
      <c r="BV11" s="313">
        <v>2335</v>
      </c>
      <c r="BW11" s="313">
        <v>1924</v>
      </c>
      <c r="BX11" s="313">
        <v>760</v>
      </c>
      <c r="BY11" s="310">
        <v>6718</v>
      </c>
      <c r="BZ11" s="315">
        <v>6752</v>
      </c>
      <c r="CA11" s="309">
        <v>1</v>
      </c>
      <c r="CB11" s="313">
        <v>2</v>
      </c>
      <c r="CC11" s="310">
        <v>3</v>
      </c>
      <c r="CD11" s="312">
        <v>0</v>
      </c>
      <c r="CE11" s="313">
        <v>0</v>
      </c>
      <c r="CF11" s="313">
        <v>48</v>
      </c>
      <c r="CG11" s="313">
        <v>71</v>
      </c>
      <c r="CH11" s="313">
        <v>0</v>
      </c>
      <c r="CI11" s="313">
        <v>0</v>
      </c>
      <c r="CJ11" s="310">
        <v>119</v>
      </c>
      <c r="CK11" s="315">
        <v>122</v>
      </c>
      <c r="CL11" s="309">
        <v>0</v>
      </c>
      <c r="CM11" s="313">
        <v>0</v>
      </c>
      <c r="CN11" s="310">
        <v>0</v>
      </c>
      <c r="CO11" s="312">
        <v>0</v>
      </c>
      <c r="CP11" s="313">
        <v>0</v>
      </c>
      <c r="CQ11" s="313">
        <v>0</v>
      </c>
      <c r="CR11" s="313">
        <v>0</v>
      </c>
      <c r="CS11" s="313">
        <v>0</v>
      </c>
      <c r="CT11" s="313">
        <v>0</v>
      </c>
      <c r="CU11" s="310">
        <v>0</v>
      </c>
      <c r="CV11" s="315">
        <v>0</v>
      </c>
      <c r="CW11" s="309">
        <v>0</v>
      </c>
      <c r="CX11" s="313">
        <v>0</v>
      </c>
      <c r="CY11" s="310">
        <v>0</v>
      </c>
      <c r="CZ11" s="312">
        <v>0</v>
      </c>
      <c r="DA11" s="313">
        <v>0</v>
      </c>
      <c r="DB11" s="313">
        <v>0</v>
      </c>
      <c r="DC11" s="313">
        <v>0</v>
      </c>
      <c r="DD11" s="313">
        <v>0</v>
      </c>
      <c r="DE11" s="313">
        <v>0</v>
      </c>
      <c r="DF11" s="310">
        <v>0</v>
      </c>
      <c r="DG11" s="315">
        <v>0</v>
      </c>
    </row>
    <row r="12" spans="1:111" ht="18.75" customHeight="1" x14ac:dyDescent="0.2">
      <c r="A12" s="294" t="s">
        <v>9</v>
      </c>
      <c r="B12" s="309">
        <v>0</v>
      </c>
      <c r="C12" s="310">
        <v>0</v>
      </c>
      <c r="D12" s="311">
        <v>0</v>
      </c>
      <c r="E12" s="312">
        <v>0</v>
      </c>
      <c r="F12" s="313">
        <v>5658</v>
      </c>
      <c r="G12" s="313">
        <v>8366</v>
      </c>
      <c r="H12" s="313">
        <v>11927</v>
      </c>
      <c r="I12" s="313">
        <v>16484</v>
      </c>
      <c r="J12" s="313">
        <v>14441</v>
      </c>
      <c r="K12" s="314">
        <v>56876</v>
      </c>
      <c r="L12" s="315">
        <v>56876</v>
      </c>
      <c r="M12" s="309">
        <v>0</v>
      </c>
      <c r="N12" s="313">
        <v>0</v>
      </c>
      <c r="O12" s="310">
        <v>0</v>
      </c>
      <c r="P12" s="312">
        <v>0</v>
      </c>
      <c r="Q12" s="313">
        <v>25</v>
      </c>
      <c r="R12" s="313">
        <v>47</v>
      </c>
      <c r="S12" s="313">
        <v>81</v>
      </c>
      <c r="T12" s="313">
        <v>291</v>
      </c>
      <c r="U12" s="313">
        <v>538</v>
      </c>
      <c r="V12" s="310">
        <v>982</v>
      </c>
      <c r="W12" s="315">
        <v>982</v>
      </c>
      <c r="X12" s="309">
        <v>158</v>
      </c>
      <c r="Y12" s="313">
        <v>461</v>
      </c>
      <c r="Z12" s="310">
        <v>619</v>
      </c>
      <c r="AA12" s="312">
        <v>0</v>
      </c>
      <c r="AB12" s="313">
        <v>2979</v>
      </c>
      <c r="AC12" s="313">
        <v>2865</v>
      </c>
      <c r="AD12" s="313">
        <v>2100</v>
      </c>
      <c r="AE12" s="313">
        <v>2147</v>
      </c>
      <c r="AF12" s="313">
        <v>2095</v>
      </c>
      <c r="AG12" s="310">
        <v>12186</v>
      </c>
      <c r="AH12" s="315">
        <v>12805</v>
      </c>
      <c r="AI12" s="309">
        <v>66</v>
      </c>
      <c r="AJ12" s="313">
        <v>147</v>
      </c>
      <c r="AK12" s="310">
        <v>213</v>
      </c>
      <c r="AL12" s="312">
        <v>0</v>
      </c>
      <c r="AM12" s="313">
        <v>510</v>
      </c>
      <c r="AN12" s="313">
        <v>705</v>
      </c>
      <c r="AO12" s="313">
        <v>658</v>
      </c>
      <c r="AP12" s="313">
        <v>567</v>
      </c>
      <c r="AQ12" s="313">
        <v>673</v>
      </c>
      <c r="AR12" s="310">
        <v>3113</v>
      </c>
      <c r="AS12" s="315">
        <v>3326</v>
      </c>
      <c r="AT12" s="309">
        <v>0</v>
      </c>
      <c r="AU12" s="313">
        <v>0</v>
      </c>
      <c r="AV12" s="310">
        <v>0</v>
      </c>
      <c r="AW12" s="312">
        <v>0</v>
      </c>
      <c r="AX12" s="313">
        <v>4275</v>
      </c>
      <c r="AY12" s="313">
        <v>3639</v>
      </c>
      <c r="AZ12" s="313">
        <v>2491</v>
      </c>
      <c r="BA12" s="313">
        <v>1660</v>
      </c>
      <c r="BB12" s="313">
        <v>666</v>
      </c>
      <c r="BC12" s="314">
        <v>12731</v>
      </c>
      <c r="BD12" s="315">
        <v>12731</v>
      </c>
      <c r="BE12" s="309">
        <v>0</v>
      </c>
      <c r="BF12" s="313">
        <v>0</v>
      </c>
      <c r="BG12" s="310">
        <v>0</v>
      </c>
      <c r="BH12" s="312">
        <v>0</v>
      </c>
      <c r="BI12" s="313">
        <v>748</v>
      </c>
      <c r="BJ12" s="313">
        <v>883</v>
      </c>
      <c r="BK12" s="313">
        <v>496</v>
      </c>
      <c r="BL12" s="313">
        <v>571</v>
      </c>
      <c r="BM12" s="313">
        <v>172</v>
      </c>
      <c r="BN12" s="310">
        <v>2870</v>
      </c>
      <c r="BO12" s="315">
        <v>2870</v>
      </c>
      <c r="BP12" s="309">
        <v>3</v>
      </c>
      <c r="BQ12" s="313">
        <v>15</v>
      </c>
      <c r="BR12" s="310">
        <v>18</v>
      </c>
      <c r="BS12" s="312">
        <v>0</v>
      </c>
      <c r="BT12" s="313">
        <v>468</v>
      </c>
      <c r="BU12" s="313">
        <v>789</v>
      </c>
      <c r="BV12" s="313">
        <v>1465</v>
      </c>
      <c r="BW12" s="313">
        <v>1350</v>
      </c>
      <c r="BX12" s="313">
        <v>716</v>
      </c>
      <c r="BY12" s="310">
        <v>4788</v>
      </c>
      <c r="BZ12" s="315">
        <v>4806</v>
      </c>
      <c r="CA12" s="309">
        <v>0</v>
      </c>
      <c r="CB12" s="313">
        <v>0</v>
      </c>
      <c r="CC12" s="310">
        <v>0</v>
      </c>
      <c r="CD12" s="312">
        <v>0</v>
      </c>
      <c r="CE12" s="313">
        <v>30</v>
      </c>
      <c r="CF12" s="313">
        <v>96</v>
      </c>
      <c r="CG12" s="313">
        <v>175</v>
      </c>
      <c r="CH12" s="313">
        <v>174</v>
      </c>
      <c r="CI12" s="313">
        <v>77</v>
      </c>
      <c r="CJ12" s="310">
        <v>552</v>
      </c>
      <c r="CK12" s="315">
        <v>552</v>
      </c>
      <c r="CL12" s="309">
        <v>0</v>
      </c>
      <c r="CM12" s="313">
        <v>0</v>
      </c>
      <c r="CN12" s="310">
        <v>0</v>
      </c>
      <c r="CO12" s="312">
        <v>0</v>
      </c>
      <c r="CP12" s="313">
        <v>0</v>
      </c>
      <c r="CQ12" s="313">
        <v>0</v>
      </c>
      <c r="CR12" s="313">
        <v>0</v>
      </c>
      <c r="CS12" s="313">
        <v>0</v>
      </c>
      <c r="CT12" s="313">
        <v>0</v>
      </c>
      <c r="CU12" s="310">
        <v>0</v>
      </c>
      <c r="CV12" s="315">
        <v>0</v>
      </c>
      <c r="CW12" s="309">
        <v>0</v>
      </c>
      <c r="CX12" s="313">
        <v>0</v>
      </c>
      <c r="CY12" s="310">
        <v>0</v>
      </c>
      <c r="CZ12" s="312">
        <v>0</v>
      </c>
      <c r="DA12" s="313">
        <v>0</v>
      </c>
      <c r="DB12" s="313">
        <v>0</v>
      </c>
      <c r="DC12" s="313">
        <v>0</v>
      </c>
      <c r="DD12" s="313">
        <v>0</v>
      </c>
      <c r="DE12" s="313">
        <v>0</v>
      </c>
      <c r="DF12" s="310">
        <v>0</v>
      </c>
      <c r="DG12" s="315">
        <v>0</v>
      </c>
    </row>
    <row r="13" spans="1:111" ht="18.75" customHeight="1" x14ac:dyDescent="0.2">
      <c r="A13" s="294" t="s">
        <v>10</v>
      </c>
      <c r="B13" s="309">
        <v>0</v>
      </c>
      <c r="C13" s="310">
        <v>0</v>
      </c>
      <c r="D13" s="311">
        <v>0</v>
      </c>
      <c r="E13" s="312">
        <v>0</v>
      </c>
      <c r="F13" s="313">
        <v>17149</v>
      </c>
      <c r="G13" s="313">
        <v>15102</v>
      </c>
      <c r="H13" s="313">
        <v>16778</v>
      </c>
      <c r="I13" s="313">
        <v>22472</v>
      </c>
      <c r="J13" s="313">
        <v>19392</v>
      </c>
      <c r="K13" s="314">
        <v>90893</v>
      </c>
      <c r="L13" s="315">
        <v>90893</v>
      </c>
      <c r="M13" s="309">
        <v>0</v>
      </c>
      <c r="N13" s="313">
        <v>0</v>
      </c>
      <c r="O13" s="310">
        <v>0</v>
      </c>
      <c r="P13" s="312">
        <v>0</v>
      </c>
      <c r="Q13" s="313">
        <v>51</v>
      </c>
      <c r="R13" s="313">
        <v>84</v>
      </c>
      <c r="S13" s="313">
        <v>123</v>
      </c>
      <c r="T13" s="313">
        <v>401</v>
      </c>
      <c r="U13" s="313">
        <v>743</v>
      </c>
      <c r="V13" s="310">
        <v>1402</v>
      </c>
      <c r="W13" s="315">
        <v>1402</v>
      </c>
      <c r="X13" s="309">
        <v>893</v>
      </c>
      <c r="Y13" s="313">
        <v>2354</v>
      </c>
      <c r="Z13" s="310">
        <v>3247</v>
      </c>
      <c r="AA13" s="312">
        <v>0</v>
      </c>
      <c r="AB13" s="313">
        <v>6722</v>
      </c>
      <c r="AC13" s="313">
        <v>4782</v>
      </c>
      <c r="AD13" s="313">
        <v>3183</v>
      </c>
      <c r="AE13" s="313">
        <v>2805</v>
      </c>
      <c r="AF13" s="313">
        <v>2791</v>
      </c>
      <c r="AG13" s="310">
        <v>20283</v>
      </c>
      <c r="AH13" s="315">
        <v>23530</v>
      </c>
      <c r="AI13" s="309">
        <v>146</v>
      </c>
      <c r="AJ13" s="313">
        <v>434</v>
      </c>
      <c r="AK13" s="310">
        <v>580</v>
      </c>
      <c r="AL13" s="312">
        <v>0</v>
      </c>
      <c r="AM13" s="313">
        <v>1115</v>
      </c>
      <c r="AN13" s="313">
        <v>1119</v>
      </c>
      <c r="AO13" s="313">
        <v>776</v>
      </c>
      <c r="AP13" s="313">
        <v>594</v>
      </c>
      <c r="AQ13" s="313">
        <v>600</v>
      </c>
      <c r="AR13" s="310">
        <v>4204</v>
      </c>
      <c r="AS13" s="315">
        <v>4784</v>
      </c>
      <c r="AT13" s="309">
        <v>0</v>
      </c>
      <c r="AU13" s="313">
        <v>0</v>
      </c>
      <c r="AV13" s="310">
        <v>0</v>
      </c>
      <c r="AW13" s="312">
        <v>0</v>
      </c>
      <c r="AX13" s="313">
        <v>13410</v>
      </c>
      <c r="AY13" s="313">
        <v>8480</v>
      </c>
      <c r="AZ13" s="313">
        <v>4855</v>
      </c>
      <c r="BA13" s="313">
        <v>2660</v>
      </c>
      <c r="BB13" s="313">
        <v>1251</v>
      </c>
      <c r="BC13" s="314">
        <v>30656</v>
      </c>
      <c r="BD13" s="315">
        <v>30656</v>
      </c>
      <c r="BE13" s="309">
        <v>0</v>
      </c>
      <c r="BF13" s="313">
        <v>0</v>
      </c>
      <c r="BG13" s="310">
        <v>0</v>
      </c>
      <c r="BH13" s="312">
        <v>0</v>
      </c>
      <c r="BI13" s="313">
        <v>1659</v>
      </c>
      <c r="BJ13" s="313">
        <v>1215</v>
      </c>
      <c r="BK13" s="313">
        <v>650</v>
      </c>
      <c r="BL13" s="313">
        <v>431</v>
      </c>
      <c r="BM13" s="313">
        <v>148</v>
      </c>
      <c r="BN13" s="310">
        <v>4103</v>
      </c>
      <c r="BO13" s="315">
        <v>4103</v>
      </c>
      <c r="BP13" s="309">
        <v>63</v>
      </c>
      <c r="BQ13" s="313">
        <v>149</v>
      </c>
      <c r="BR13" s="310">
        <v>212</v>
      </c>
      <c r="BS13" s="312">
        <v>0</v>
      </c>
      <c r="BT13" s="313">
        <v>1450</v>
      </c>
      <c r="BU13" s="313">
        <v>1572</v>
      </c>
      <c r="BV13" s="313">
        <v>2326</v>
      </c>
      <c r="BW13" s="313">
        <v>1878</v>
      </c>
      <c r="BX13" s="313">
        <v>950</v>
      </c>
      <c r="BY13" s="310">
        <v>8176</v>
      </c>
      <c r="BZ13" s="315">
        <v>8388</v>
      </c>
      <c r="CA13" s="309">
        <v>0</v>
      </c>
      <c r="CB13" s="313">
        <v>8</v>
      </c>
      <c r="CC13" s="310">
        <v>8</v>
      </c>
      <c r="CD13" s="312">
        <v>0</v>
      </c>
      <c r="CE13" s="313">
        <v>43</v>
      </c>
      <c r="CF13" s="313">
        <v>178</v>
      </c>
      <c r="CG13" s="313">
        <v>205</v>
      </c>
      <c r="CH13" s="313">
        <v>158</v>
      </c>
      <c r="CI13" s="313">
        <v>36</v>
      </c>
      <c r="CJ13" s="310">
        <v>620</v>
      </c>
      <c r="CK13" s="315">
        <v>628</v>
      </c>
      <c r="CL13" s="309">
        <v>0</v>
      </c>
      <c r="CM13" s="313">
        <v>0</v>
      </c>
      <c r="CN13" s="310">
        <v>0</v>
      </c>
      <c r="CO13" s="312">
        <v>0</v>
      </c>
      <c r="CP13" s="313">
        <v>0</v>
      </c>
      <c r="CQ13" s="313">
        <v>0</v>
      </c>
      <c r="CR13" s="313">
        <v>0</v>
      </c>
      <c r="CS13" s="313">
        <v>0</v>
      </c>
      <c r="CT13" s="313">
        <v>0</v>
      </c>
      <c r="CU13" s="310">
        <v>0</v>
      </c>
      <c r="CV13" s="315">
        <v>0</v>
      </c>
      <c r="CW13" s="309">
        <v>0</v>
      </c>
      <c r="CX13" s="313">
        <v>0</v>
      </c>
      <c r="CY13" s="310">
        <v>0</v>
      </c>
      <c r="CZ13" s="312">
        <v>0</v>
      </c>
      <c r="DA13" s="313">
        <v>0</v>
      </c>
      <c r="DB13" s="313">
        <v>0</v>
      </c>
      <c r="DC13" s="313">
        <v>0</v>
      </c>
      <c r="DD13" s="313">
        <v>0</v>
      </c>
      <c r="DE13" s="313">
        <v>0</v>
      </c>
      <c r="DF13" s="310">
        <v>0</v>
      </c>
      <c r="DG13" s="315">
        <v>0</v>
      </c>
    </row>
    <row r="14" spans="1:111" ht="18.75" customHeight="1" x14ac:dyDescent="0.2">
      <c r="A14" s="294" t="s">
        <v>11</v>
      </c>
      <c r="B14" s="309">
        <v>0</v>
      </c>
      <c r="C14" s="310">
        <v>0</v>
      </c>
      <c r="D14" s="311">
        <v>0</v>
      </c>
      <c r="E14" s="312">
        <v>0</v>
      </c>
      <c r="F14" s="313">
        <v>6592</v>
      </c>
      <c r="G14" s="313">
        <v>6403</v>
      </c>
      <c r="H14" s="313">
        <v>7721</v>
      </c>
      <c r="I14" s="313">
        <v>9875</v>
      </c>
      <c r="J14" s="313">
        <v>8349</v>
      </c>
      <c r="K14" s="314">
        <v>38940</v>
      </c>
      <c r="L14" s="315">
        <v>38940</v>
      </c>
      <c r="M14" s="309">
        <v>0</v>
      </c>
      <c r="N14" s="313">
        <v>0</v>
      </c>
      <c r="O14" s="310">
        <v>0</v>
      </c>
      <c r="P14" s="312">
        <v>0</v>
      </c>
      <c r="Q14" s="313">
        <v>22</v>
      </c>
      <c r="R14" s="313">
        <v>84</v>
      </c>
      <c r="S14" s="313">
        <v>117</v>
      </c>
      <c r="T14" s="313">
        <v>195</v>
      </c>
      <c r="U14" s="313">
        <v>318</v>
      </c>
      <c r="V14" s="310">
        <v>736</v>
      </c>
      <c r="W14" s="315">
        <v>736</v>
      </c>
      <c r="X14" s="309">
        <v>245</v>
      </c>
      <c r="Y14" s="313">
        <v>378</v>
      </c>
      <c r="Z14" s="310">
        <v>623</v>
      </c>
      <c r="AA14" s="312">
        <v>0</v>
      </c>
      <c r="AB14" s="313">
        <v>2527</v>
      </c>
      <c r="AC14" s="313">
        <v>1805</v>
      </c>
      <c r="AD14" s="313">
        <v>1684</v>
      </c>
      <c r="AE14" s="313">
        <v>1399</v>
      </c>
      <c r="AF14" s="313">
        <v>1609</v>
      </c>
      <c r="AG14" s="310">
        <v>9024</v>
      </c>
      <c r="AH14" s="315">
        <v>9647</v>
      </c>
      <c r="AI14" s="309">
        <v>50</v>
      </c>
      <c r="AJ14" s="313">
        <v>192</v>
      </c>
      <c r="AK14" s="310">
        <v>242</v>
      </c>
      <c r="AL14" s="312">
        <v>0</v>
      </c>
      <c r="AM14" s="313">
        <v>503</v>
      </c>
      <c r="AN14" s="313">
        <v>331</v>
      </c>
      <c r="AO14" s="313">
        <v>244</v>
      </c>
      <c r="AP14" s="313">
        <v>307</v>
      </c>
      <c r="AQ14" s="313">
        <v>41</v>
      </c>
      <c r="AR14" s="310">
        <v>1426</v>
      </c>
      <c r="AS14" s="315">
        <v>1668</v>
      </c>
      <c r="AT14" s="309">
        <v>0</v>
      </c>
      <c r="AU14" s="313">
        <v>0</v>
      </c>
      <c r="AV14" s="310">
        <v>0</v>
      </c>
      <c r="AW14" s="312">
        <v>0</v>
      </c>
      <c r="AX14" s="313">
        <v>6939</v>
      </c>
      <c r="AY14" s="313">
        <v>4012</v>
      </c>
      <c r="AZ14" s="313">
        <v>3026</v>
      </c>
      <c r="BA14" s="313">
        <v>1646</v>
      </c>
      <c r="BB14" s="313">
        <v>969</v>
      </c>
      <c r="BC14" s="314">
        <v>16592</v>
      </c>
      <c r="BD14" s="315">
        <v>16592</v>
      </c>
      <c r="BE14" s="309">
        <v>0</v>
      </c>
      <c r="BF14" s="313">
        <v>0</v>
      </c>
      <c r="BG14" s="310">
        <v>0</v>
      </c>
      <c r="BH14" s="312">
        <v>0</v>
      </c>
      <c r="BI14" s="313">
        <v>1556</v>
      </c>
      <c r="BJ14" s="313">
        <v>852</v>
      </c>
      <c r="BK14" s="313">
        <v>633</v>
      </c>
      <c r="BL14" s="313">
        <v>418</v>
      </c>
      <c r="BM14" s="313">
        <v>160</v>
      </c>
      <c r="BN14" s="310">
        <v>3619</v>
      </c>
      <c r="BO14" s="315">
        <v>3619</v>
      </c>
      <c r="BP14" s="309">
        <v>16</v>
      </c>
      <c r="BQ14" s="313">
        <v>54</v>
      </c>
      <c r="BR14" s="310">
        <v>70</v>
      </c>
      <c r="BS14" s="312">
        <v>0</v>
      </c>
      <c r="BT14" s="313">
        <v>500</v>
      </c>
      <c r="BU14" s="313">
        <v>782</v>
      </c>
      <c r="BV14" s="313">
        <v>1037</v>
      </c>
      <c r="BW14" s="313">
        <v>900</v>
      </c>
      <c r="BX14" s="313">
        <v>370</v>
      </c>
      <c r="BY14" s="310">
        <v>3589</v>
      </c>
      <c r="BZ14" s="315">
        <v>3659</v>
      </c>
      <c r="CA14" s="309">
        <v>0</v>
      </c>
      <c r="CB14" s="313">
        <v>0</v>
      </c>
      <c r="CC14" s="310">
        <v>0</v>
      </c>
      <c r="CD14" s="312">
        <v>0</v>
      </c>
      <c r="CE14" s="313">
        <v>22</v>
      </c>
      <c r="CF14" s="313">
        <v>47</v>
      </c>
      <c r="CG14" s="313">
        <v>130</v>
      </c>
      <c r="CH14" s="313">
        <v>99</v>
      </c>
      <c r="CI14" s="313">
        <v>39</v>
      </c>
      <c r="CJ14" s="310">
        <v>337</v>
      </c>
      <c r="CK14" s="315">
        <v>337</v>
      </c>
      <c r="CL14" s="309">
        <v>0</v>
      </c>
      <c r="CM14" s="313">
        <v>0</v>
      </c>
      <c r="CN14" s="310">
        <v>0</v>
      </c>
      <c r="CO14" s="312">
        <v>0</v>
      </c>
      <c r="CP14" s="313">
        <v>0</v>
      </c>
      <c r="CQ14" s="313">
        <v>0</v>
      </c>
      <c r="CR14" s="313">
        <v>0</v>
      </c>
      <c r="CS14" s="313">
        <v>0</v>
      </c>
      <c r="CT14" s="313">
        <v>0</v>
      </c>
      <c r="CU14" s="310">
        <v>0</v>
      </c>
      <c r="CV14" s="315">
        <v>0</v>
      </c>
      <c r="CW14" s="309">
        <v>0</v>
      </c>
      <c r="CX14" s="313">
        <v>0</v>
      </c>
      <c r="CY14" s="310">
        <v>0</v>
      </c>
      <c r="CZ14" s="312">
        <v>0</v>
      </c>
      <c r="DA14" s="313">
        <v>0</v>
      </c>
      <c r="DB14" s="313">
        <v>0</v>
      </c>
      <c r="DC14" s="313">
        <v>0</v>
      </c>
      <c r="DD14" s="313">
        <v>0</v>
      </c>
      <c r="DE14" s="313">
        <v>0</v>
      </c>
      <c r="DF14" s="310">
        <v>0</v>
      </c>
      <c r="DG14" s="315">
        <v>0</v>
      </c>
    </row>
    <row r="15" spans="1:111" ht="18.75" customHeight="1" x14ac:dyDescent="0.2">
      <c r="A15" s="294" t="s">
        <v>12</v>
      </c>
      <c r="B15" s="309">
        <v>0</v>
      </c>
      <c r="C15" s="310">
        <v>0</v>
      </c>
      <c r="D15" s="311">
        <v>0</v>
      </c>
      <c r="E15" s="312">
        <v>0</v>
      </c>
      <c r="F15" s="313">
        <v>6565</v>
      </c>
      <c r="G15" s="313">
        <v>8064</v>
      </c>
      <c r="H15" s="313">
        <v>8616</v>
      </c>
      <c r="I15" s="313">
        <v>11206</v>
      </c>
      <c r="J15" s="313">
        <v>10462</v>
      </c>
      <c r="K15" s="314">
        <v>44913</v>
      </c>
      <c r="L15" s="315">
        <v>44913</v>
      </c>
      <c r="M15" s="309">
        <v>2</v>
      </c>
      <c r="N15" s="313">
        <v>16</v>
      </c>
      <c r="O15" s="310">
        <v>18</v>
      </c>
      <c r="P15" s="312">
        <v>0</v>
      </c>
      <c r="Q15" s="313">
        <v>12</v>
      </c>
      <c r="R15" s="313">
        <v>82</v>
      </c>
      <c r="S15" s="313">
        <v>82</v>
      </c>
      <c r="T15" s="313">
        <v>308</v>
      </c>
      <c r="U15" s="313">
        <v>387</v>
      </c>
      <c r="V15" s="310">
        <v>871</v>
      </c>
      <c r="W15" s="315">
        <v>889</v>
      </c>
      <c r="X15" s="309">
        <v>438</v>
      </c>
      <c r="Y15" s="313">
        <v>1189</v>
      </c>
      <c r="Z15" s="310">
        <v>1627</v>
      </c>
      <c r="AA15" s="312">
        <v>0</v>
      </c>
      <c r="AB15" s="313">
        <v>1778</v>
      </c>
      <c r="AC15" s="313">
        <v>1922</v>
      </c>
      <c r="AD15" s="313">
        <v>1456</v>
      </c>
      <c r="AE15" s="313">
        <v>1667</v>
      </c>
      <c r="AF15" s="313">
        <v>1341</v>
      </c>
      <c r="AG15" s="310">
        <v>8164</v>
      </c>
      <c r="AH15" s="315">
        <v>9791</v>
      </c>
      <c r="AI15" s="309">
        <v>52</v>
      </c>
      <c r="AJ15" s="313">
        <v>140</v>
      </c>
      <c r="AK15" s="310">
        <v>192</v>
      </c>
      <c r="AL15" s="312">
        <v>0</v>
      </c>
      <c r="AM15" s="313">
        <v>135</v>
      </c>
      <c r="AN15" s="313">
        <v>644</v>
      </c>
      <c r="AO15" s="313">
        <v>349</v>
      </c>
      <c r="AP15" s="313">
        <v>229</v>
      </c>
      <c r="AQ15" s="313">
        <v>201</v>
      </c>
      <c r="AR15" s="310">
        <v>1558</v>
      </c>
      <c r="AS15" s="315">
        <v>1750</v>
      </c>
      <c r="AT15" s="309">
        <v>0</v>
      </c>
      <c r="AU15" s="313">
        <v>0</v>
      </c>
      <c r="AV15" s="310">
        <v>0</v>
      </c>
      <c r="AW15" s="312">
        <v>0</v>
      </c>
      <c r="AX15" s="313">
        <v>6066</v>
      </c>
      <c r="AY15" s="313">
        <v>4357</v>
      </c>
      <c r="AZ15" s="313">
        <v>3655</v>
      </c>
      <c r="BA15" s="313">
        <v>2336</v>
      </c>
      <c r="BB15" s="313">
        <v>832</v>
      </c>
      <c r="BC15" s="314">
        <v>17246</v>
      </c>
      <c r="BD15" s="315">
        <v>17246</v>
      </c>
      <c r="BE15" s="309">
        <v>0</v>
      </c>
      <c r="BF15" s="313">
        <v>0</v>
      </c>
      <c r="BG15" s="310">
        <v>0</v>
      </c>
      <c r="BH15" s="312">
        <v>0</v>
      </c>
      <c r="BI15" s="313">
        <v>879</v>
      </c>
      <c r="BJ15" s="313">
        <v>1256</v>
      </c>
      <c r="BK15" s="313">
        <v>858</v>
      </c>
      <c r="BL15" s="313">
        <v>627</v>
      </c>
      <c r="BM15" s="313">
        <v>256</v>
      </c>
      <c r="BN15" s="310">
        <v>3876</v>
      </c>
      <c r="BO15" s="315">
        <v>3876</v>
      </c>
      <c r="BP15" s="309">
        <v>7</v>
      </c>
      <c r="BQ15" s="313">
        <v>81</v>
      </c>
      <c r="BR15" s="310">
        <v>88</v>
      </c>
      <c r="BS15" s="312">
        <v>0</v>
      </c>
      <c r="BT15" s="313">
        <v>635</v>
      </c>
      <c r="BU15" s="313">
        <v>925</v>
      </c>
      <c r="BV15" s="313">
        <v>1321</v>
      </c>
      <c r="BW15" s="313">
        <v>1118</v>
      </c>
      <c r="BX15" s="313">
        <v>551</v>
      </c>
      <c r="BY15" s="310">
        <v>4550</v>
      </c>
      <c r="BZ15" s="315">
        <v>4638</v>
      </c>
      <c r="CA15" s="309">
        <v>0</v>
      </c>
      <c r="CB15" s="313">
        <v>0</v>
      </c>
      <c r="CC15" s="310">
        <v>0</v>
      </c>
      <c r="CD15" s="312">
        <v>0</v>
      </c>
      <c r="CE15" s="313">
        <v>15</v>
      </c>
      <c r="CF15" s="313">
        <v>18</v>
      </c>
      <c r="CG15" s="313">
        <v>27</v>
      </c>
      <c r="CH15" s="313">
        <v>27</v>
      </c>
      <c r="CI15" s="313">
        <v>14</v>
      </c>
      <c r="CJ15" s="310">
        <v>101</v>
      </c>
      <c r="CK15" s="315">
        <v>101</v>
      </c>
      <c r="CL15" s="309">
        <v>0</v>
      </c>
      <c r="CM15" s="313">
        <v>0</v>
      </c>
      <c r="CN15" s="310">
        <v>0</v>
      </c>
      <c r="CO15" s="312">
        <v>0</v>
      </c>
      <c r="CP15" s="313">
        <v>0</v>
      </c>
      <c r="CQ15" s="313">
        <v>0</v>
      </c>
      <c r="CR15" s="313">
        <v>0</v>
      </c>
      <c r="CS15" s="313">
        <v>0</v>
      </c>
      <c r="CT15" s="313">
        <v>0</v>
      </c>
      <c r="CU15" s="310">
        <v>0</v>
      </c>
      <c r="CV15" s="315">
        <v>0</v>
      </c>
      <c r="CW15" s="309">
        <v>0</v>
      </c>
      <c r="CX15" s="313">
        <v>0</v>
      </c>
      <c r="CY15" s="310">
        <v>0</v>
      </c>
      <c r="CZ15" s="312">
        <v>0</v>
      </c>
      <c r="DA15" s="313">
        <v>0</v>
      </c>
      <c r="DB15" s="313">
        <v>0</v>
      </c>
      <c r="DC15" s="313">
        <v>0</v>
      </c>
      <c r="DD15" s="313">
        <v>0</v>
      </c>
      <c r="DE15" s="313">
        <v>0</v>
      </c>
      <c r="DF15" s="310">
        <v>0</v>
      </c>
      <c r="DG15" s="315">
        <v>0</v>
      </c>
    </row>
    <row r="16" spans="1:111" ht="18.75" customHeight="1" x14ac:dyDescent="0.2">
      <c r="A16" s="294" t="s">
        <v>13</v>
      </c>
      <c r="B16" s="309">
        <v>0</v>
      </c>
      <c r="C16" s="310">
        <v>0</v>
      </c>
      <c r="D16" s="311">
        <v>0</v>
      </c>
      <c r="E16" s="312">
        <v>0</v>
      </c>
      <c r="F16" s="313">
        <v>2056</v>
      </c>
      <c r="G16" s="313">
        <v>3634</v>
      </c>
      <c r="H16" s="313">
        <v>3342</v>
      </c>
      <c r="I16" s="313">
        <v>4055</v>
      </c>
      <c r="J16" s="313">
        <v>5301</v>
      </c>
      <c r="K16" s="314">
        <v>18388</v>
      </c>
      <c r="L16" s="315">
        <v>18388</v>
      </c>
      <c r="M16" s="309">
        <v>9</v>
      </c>
      <c r="N16" s="313">
        <v>0</v>
      </c>
      <c r="O16" s="310">
        <v>9</v>
      </c>
      <c r="P16" s="312">
        <v>0</v>
      </c>
      <c r="Q16" s="313">
        <v>0</v>
      </c>
      <c r="R16" s="313">
        <v>10</v>
      </c>
      <c r="S16" s="313">
        <v>29</v>
      </c>
      <c r="T16" s="313">
        <v>80</v>
      </c>
      <c r="U16" s="313">
        <v>159</v>
      </c>
      <c r="V16" s="310">
        <v>278</v>
      </c>
      <c r="W16" s="315">
        <v>287</v>
      </c>
      <c r="X16" s="309">
        <v>52</v>
      </c>
      <c r="Y16" s="313">
        <v>145</v>
      </c>
      <c r="Z16" s="310">
        <v>197</v>
      </c>
      <c r="AA16" s="312">
        <v>0</v>
      </c>
      <c r="AB16" s="313">
        <v>834</v>
      </c>
      <c r="AC16" s="313">
        <v>1377</v>
      </c>
      <c r="AD16" s="313">
        <v>774</v>
      </c>
      <c r="AE16" s="313">
        <v>770</v>
      </c>
      <c r="AF16" s="313">
        <v>812</v>
      </c>
      <c r="AG16" s="310">
        <v>4567</v>
      </c>
      <c r="AH16" s="315">
        <v>4764</v>
      </c>
      <c r="AI16" s="309">
        <v>39</v>
      </c>
      <c r="AJ16" s="313">
        <v>36</v>
      </c>
      <c r="AK16" s="310">
        <v>75</v>
      </c>
      <c r="AL16" s="312">
        <v>0</v>
      </c>
      <c r="AM16" s="313">
        <v>202</v>
      </c>
      <c r="AN16" s="313">
        <v>274</v>
      </c>
      <c r="AO16" s="313">
        <v>133</v>
      </c>
      <c r="AP16" s="313">
        <v>119</v>
      </c>
      <c r="AQ16" s="313">
        <v>96</v>
      </c>
      <c r="AR16" s="310">
        <v>824</v>
      </c>
      <c r="AS16" s="315">
        <v>899</v>
      </c>
      <c r="AT16" s="309">
        <v>0</v>
      </c>
      <c r="AU16" s="313">
        <v>0</v>
      </c>
      <c r="AV16" s="310">
        <v>0</v>
      </c>
      <c r="AW16" s="312">
        <v>0</v>
      </c>
      <c r="AX16" s="313">
        <v>1470</v>
      </c>
      <c r="AY16" s="313">
        <v>1646</v>
      </c>
      <c r="AZ16" s="313">
        <v>1179</v>
      </c>
      <c r="BA16" s="313">
        <v>639</v>
      </c>
      <c r="BB16" s="313">
        <v>226</v>
      </c>
      <c r="BC16" s="314">
        <v>5160</v>
      </c>
      <c r="BD16" s="315">
        <v>5160</v>
      </c>
      <c r="BE16" s="309">
        <v>0</v>
      </c>
      <c r="BF16" s="313">
        <v>0</v>
      </c>
      <c r="BG16" s="310">
        <v>0</v>
      </c>
      <c r="BH16" s="312">
        <v>0</v>
      </c>
      <c r="BI16" s="313">
        <v>197</v>
      </c>
      <c r="BJ16" s="313">
        <v>319</v>
      </c>
      <c r="BK16" s="313">
        <v>167</v>
      </c>
      <c r="BL16" s="313">
        <v>215</v>
      </c>
      <c r="BM16" s="313">
        <v>82</v>
      </c>
      <c r="BN16" s="310">
        <v>980</v>
      </c>
      <c r="BO16" s="315">
        <v>980</v>
      </c>
      <c r="BP16" s="309">
        <v>0</v>
      </c>
      <c r="BQ16" s="313">
        <v>3</v>
      </c>
      <c r="BR16" s="310">
        <v>3</v>
      </c>
      <c r="BS16" s="312">
        <v>0</v>
      </c>
      <c r="BT16" s="313">
        <v>183</v>
      </c>
      <c r="BU16" s="313">
        <v>239</v>
      </c>
      <c r="BV16" s="313">
        <v>695</v>
      </c>
      <c r="BW16" s="313">
        <v>553</v>
      </c>
      <c r="BX16" s="313">
        <v>406</v>
      </c>
      <c r="BY16" s="310">
        <v>2076</v>
      </c>
      <c r="BZ16" s="315">
        <v>2079</v>
      </c>
      <c r="CA16" s="309">
        <v>0</v>
      </c>
      <c r="CB16" s="313">
        <v>0</v>
      </c>
      <c r="CC16" s="310">
        <v>0</v>
      </c>
      <c r="CD16" s="312">
        <v>0</v>
      </c>
      <c r="CE16" s="313">
        <v>14</v>
      </c>
      <c r="CF16" s="313">
        <v>33</v>
      </c>
      <c r="CG16" s="313">
        <v>37</v>
      </c>
      <c r="CH16" s="313">
        <v>39</v>
      </c>
      <c r="CI16" s="313">
        <v>0</v>
      </c>
      <c r="CJ16" s="310">
        <v>123</v>
      </c>
      <c r="CK16" s="315">
        <v>123</v>
      </c>
      <c r="CL16" s="309">
        <v>0</v>
      </c>
      <c r="CM16" s="313">
        <v>0</v>
      </c>
      <c r="CN16" s="310">
        <v>0</v>
      </c>
      <c r="CO16" s="312">
        <v>0</v>
      </c>
      <c r="CP16" s="313">
        <v>0</v>
      </c>
      <c r="CQ16" s="313">
        <v>0</v>
      </c>
      <c r="CR16" s="313">
        <v>0</v>
      </c>
      <c r="CS16" s="313">
        <v>0</v>
      </c>
      <c r="CT16" s="313">
        <v>0</v>
      </c>
      <c r="CU16" s="310">
        <v>0</v>
      </c>
      <c r="CV16" s="315">
        <v>0</v>
      </c>
      <c r="CW16" s="309">
        <v>0</v>
      </c>
      <c r="CX16" s="313">
        <v>0</v>
      </c>
      <c r="CY16" s="310">
        <v>0</v>
      </c>
      <c r="CZ16" s="312">
        <v>0</v>
      </c>
      <c r="DA16" s="313">
        <v>0</v>
      </c>
      <c r="DB16" s="313">
        <v>0</v>
      </c>
      <c r="DC16" s="313">
        <v>0</v>
      </c>
      <c r="DD16" s="313">
        <v>0</v>
      </c>
      <c r="DE16" s="313">
        <v>0</v>
      </c>
      <c r="DF16" s="310">
        <v>0</v>
      </c>
      <c r="DG16" s="315">
        <v>0</v>
      </c>
    </row>
    <row r="17" spans="1:111" ht="18.75" customHeight="1" x14ac:dyDescent="0.2">
      <c r="A17" s="294" t="s">
        <v>15</v>
      </c>
      <c r="B17" s="309">
        <v>0</v>
      </c>
      <c r="C17" s="310">
        <v>0</v>
      </c>
      <c r="D17" s="311">
        <v>0</v>
      </c>
      <c r="E17" s="312">
        <v>0</v>
      </c>
      <c r="F17" s="313">
        <v>1234</v>
      </c>
      <c r="G17" s="313">
        <v>2107</v>
      </c>
      <c r="H17" s="313">
        <v>1616</v>
      </c>
      <c r="I17" s="313">
        <v>1167</v>
      </c>
      <c r="J17" s="313">
        <v>2555</v>
      </c>
      <c r="K17" s="314">
        <v>8679</v>
      </c>
      <c r="L17" s="315">
        <v>8679</v>
      </c>
      <c r="M17" s="309">
        <v>0</v>
      </c>
      <c r="N17" s="313">
        <v>0</v>
      </c>
      <c r="O17" s="310">
        <v>0</v>
      </c>
      <c r="P17" s="312">
        <v>0</v>
      </c>
      <c r="Q17" s="313">
        <v>6</v>
      </c>
      <c r="R17" s="313">
        <v>21</v>
      </c>
      <c r="S17" s="313">
        <v>43</v>
      </c>
      <c r="T17" s="313">
        <v>75</v>
      </c>
      <c r="U17" s="313">
        <v>191</v>
      </c>
      <c r="V17" s="310">
        <v>336</v>
      </c>
      <c r="W17" s="315">
        <v>336</v>
      </c>
      <c r="X17" s="309">
        <v>5</v>
      </c>
      <c r="Y17" s="313">
        <v>74</v>
      </c>
      <c r="Z17" s="310">
        <v>79</v>
      </c>
      <c r="AA17" s="312">
        <v>0</v>
      </c>
      <c r="AB17" s="313">
        <v>211</v>
      </c>
      <c r="AC17" s="313">
        <v>418</v>
      </c>
      <c r="AD17" s="313">
        <v>283</v>
      </c>
      <c r="AE17" s="313">
        <v>328</v>
      </c>
      <c r="AF17" s="313">
        <v>353</v>
      </c>
      <c r="AG17" s="310">
        <v>1593</v>
      </c>
      <c r="AH17" s="315">
        <v>1672</v>
      </c>
      <c r="AI17" s="309">
        <v>8</v>
      </c>
      <c r="AJ17" s="313">
        <v>8</v>
      </c>
      <c r="AK17" s="310">
        <v>16</v>
      </c>
      <c r="AL17" s="312">
        <v>0</v>
      </c>
      <c r="AM17" s="313">
        <v>46</v>
      </c>
      <c r="AN17" s="313">
        <v>97</v>
      </c>
      <c r="AO17" s="313">
        <v>115</v>
      </c>
      <c r="AP17" s="313">
        <v>49</v>
      </c>
      <c r="AQ17" s="313">
        <v>130</v>
      </c>
      <c r="AR17" s="310">
        <v>437</v>
      </c>
      <c r="AS17" s="315">
        <v>453</v>
      </c>
      <c r="AT17" s="309">
        <v>0</v>
      </c>
      <c r="AU17" s="313">
        <v>0</v>
      </c>
      <c r="AV17" s="310">
        <v>0</v>
      </c>
      <c r="AW17" s="312">
        <v>0</v>
      </c>
      <c r="AX17" s="313">
        <v>812</v>
      </c>
      <c r="AY17" s="313">
        <v>1338</v>
      </c>
      <c r="AZ17" s="313">
        <v>729</v>
      </c>
      <c r="BA17" s="313">
        <v>182</v>
      </c>
      <c r="BB17" s="313">
        <v>93</v>
      </c>
      <c r="BC17" s="314">
        <v>3154</v>
      </c>
      <c r="BD17" s="315">
        <v>3154</v>
      </c>
      <c r="BE17" s="309">
        <v>0</v>
      </c>
      <c r="BF17" s="313">
        <v>0</v>
      </c>
      <c r="BG17" s="310">
        <v>0</v>
      </c>
      <c r="BH17" s="312">
        <v>0</v>
      </c>
      <c r="BI17" s="313">
        <v>264</v>
      </c>
      <c r="BJ17" s="313">
        <v>299</v>
      </c>
      <c r="BK17" s="313">
        <v>162</v>
      </c>
      <c r="BL17" s="313">
        <v>71</v>
      </c>
      <c r="BM17" s="313">
        <v>38</v>
      </c>
      <c r="BN17" s="310">
        <v>834</v>
      </c>
      <c r="BO17" s="315">
        <v>834</v>
      </c>
      <c r="BP17" s="309">
        <v>3</v>
      </c>
      <c r="BQ17" s="313">
        <v>8</v>
      </c>
      <c r="BR17" s="310">
        <v>11</v>
      </c>
      <c r="BS17" s="312">
        <v>0</v>
      </c>
      <c r="BT17" s="313">
        <v>118</v>
      </c>
      <c r="BU17" s="313">
        <v>244</v>
      </c>
      <c r="BV17" s="313">
        <v>781</v>
      </c>
      <c r="BW17" s="313">
        <v>514</v>
      </c>
      <c r="BX17" s="313">
        <v>321</v>
      </c>
      <c r="BY17" s="310">
        <v>1978</v>
      </c>
      <c r="BZ17" s="315">
        <v>1989</v>
      </c>
      <c r="CA17" s="309">
        <v>0</v>
      </c>
      <c r="CB17" s="313">
        <v>4</v>
      </c>
      <c r="CC17" s="310">
        <v>4</v>
      </c>
      <c r="CD17" s="312">
        <v>0</v>
      </c>
      <c r="CE17" s="313">
        <v>0</v>
      </c>
      <c r="CF17" s="313">
        <v>24</v>
      </c>
      <c r="CG17" s="313">
        <v>28</v>
      </c>
      <c r="CH17" s="313">
        <v>0</v>
      </c>
      <c r="CI17" s="313">
        <v>8</v>
      </c>
      <c r="CJ17" s="310">
        <v>60</v>
      </c>
      <c r="CK17" s="315">
        <v>64</v>
      </c>
      <c r="CL17" s="309">
        <v>0</v>
      </c>
      <c r="CM17" s="313">
        <v>0</v>
      </c>
      <c r="CN17" s="310">
        <v>0</v>
      </c>
      <c r="CO17" s="312">
        <v>0</v>
      </c>
      <c r="CP17" s="313">
        <v>0</v>
      </c>
      <c r="CQ17" s="313">
        <v>0</v>
      </c>
      <c r="CR17" s="313">
        <v>0</v>
      </c>
      <c r="CS17" s="313">
        <v>0</v>
      </c>
      <c r="CT17" s="313">
        <v>0</v>
      </c>
      <c r="CU17" s="310">
        <v>0</v>
      </c>
      <c r="CV17" s="315">
        <v>0</v>
      </c>
      <c r="CW17" s="309">
        <v>0</v>
      </c>
      <c r="CX17" s="313">
        <v>0</v>
      </c>
      <c r="CY17" s="310">
        <v>0</v>
      </c>
      <c r="CZ17" s="312">
        <v>0</v>
      </c>
      <c r="DA17" s="313">
        <v>0</v>
      </c>
      <c r="DB17" s="313">
        <v>0</v>
      </c>
      <c r="DC17" s="313">
        <v>0</v>
      </c>
      <c r="DD17" s="313">
        <v>0</v>
      </c>
      <c r="DE17" s="313">
        <v>0</v>
      </c>
      <c r="DF17" s="310">
        <v>0</v>
      </c>
      <c r="DG17" s="315">
        <v>0</v>
      </c>
    </row>
    <row r="18" spans="1:111" ht="18.75" customHeight="1" x14ac:dyDescent="0.2">
      <c r="A18" s="294" t="s">
        <v>16</v>
      </c>
      <c r="B18" s="309">
        <v>0</v>
      </c>
      <c r="C18" s="310">
        <v>0</v>
      </c>
      <c r="D18" s="311">
        <v>0</v>
      </c>
      <c r="E18" s="312">
        <v>0</v>
      </c>
      <c r="F18" s="313">
        <v>2069</v>
      </c>
      <c r="G18" s="313">
        <v>4434</v>
      </c>
      <c r="H18" s="313">
        <v>4007</v>
      </c>
      <c r="I18" s="313">
        <v>4892</v>
      </c>
      <c r="J18" s="313">
        <v>4054</v>
      </c>
      <c r="K18" s="314">
        <v>19456</v>
      </c>
      <c r="L18" s="315">
        <v>19456</v>
      </c>
      <c r="M18" s="309">
        <v>0</v>
      </c>
      <c r="N18" s="313">
        <v>0</v>
      </c>
      <c r="O18" s="310">
        <v>0</v>
      </c>
      <c r="P18" s="312">
        <v>0</v>
      </c>
      <c r="Q18" s="313">
        <v>4</v>
      </c>
      <c r="R18" s="313">
        <v>34</v>
      </c>
      <c r="S18" s="313">
        <v>53</v>
      </c>
      <c r="T18" s="313">
        <v>144</v>
      </c>
      <c r="U18" s="313">
        <v>201</v>
      </c>
      <c r="V18" s="310">
        <v>436</v>
      </c>
      <c r="W18" s="315">
        <v>436</v>
      </c>
      <c r="X18" s="309">
        <v>84</v>
      </c>
      <c r="Y18" s="313">
        <v>371</v>
      </c>
      <c r="Z18" s="310">
        <v>455</v>
      </c>
      <c r="AA18" s="312">
        <v>0</v>
      </c>
      <c r="AB18" s="313">
        <v>1041</v>
      </c>
      <c r="AC18" s="313">
        <v>2304</v>
      </c>
      <c r="AD18" s="313">
        <v>1525</v>
      </c>
      <c r="AE18" s="313">
        <v>1353</v>
      </c>
      <c r="AF18" s="313">
        <v>938</v>
      </c>
      <c r="AG18" s="310">
        <v>7161</v>
      </c>
      <c r="AH18" s="315">
        <v>7616</v>
      </c>
      <c r="AI18" s="309">
        <v>12</v>
      </c>
      <c r="AJ18" s="313">
        <v>66</v>
      </c>
      <c r="AK18" s="310">
        <v>78</v>
      </c>
      <c r="AL18" s="312">
        <v>0</v>
      </c>
      <c r="AM18" s="313">
        <v>55</v>
      </c>
      <c r="AN18" s="313">
        <v>210</v>
      </c>
      <c r="AO18" s="313">
        <v>142</v>
      </c>
      <c r="AP18" s="313">
        <v>149</v>
      </c>
      <c r="AQ18" s="313">
        <v>129</v>
      </c>
      <c r="AR18" s="310">
        <v>685</v>
      </c>
      <c r="AS18" s="315">
        <v>763</v>
      </c>
      <c r="AT18" s="309">
        <v>0</v>
      </c>
      <c r="AU18" s="313">
        <v>0</v>
      </c>
      <c r="AV18" s="310">
        <v>0</v>
      </c>
      <c r="AW18" s="312">
        <v>0</v>
      </c>
      <c r="AX18" s="313">
        <v>3341</v>
      </c>
      <c r="AY18" s="313">
        <v>4519</v>
      </c>
      <c r="AZ18" s="313">
        <v>3213</v>
      </c>
      <c r="BA18" s="313">
        <v>1654</v>
      </c>
      <c r="BB18" s="313">
        <v>1027</v>
      </c>
      <c r="BC18" s="314">
        <v>13754</v>
      </c>
      <c r="BD18" s="315">
        <v>13754</v>
      </c>
      <c r="BE18" s="309">
        <v>0</v>
      </c>
      <c r="BF18" s="313">
        <v>0</v>
      </c>
      <c r="BG18" s="310">
        <v>0</v>
      </c>
      <c r="BH18" s="312">
        <v>0</v>
      </c>
      <c r="BI18" s="313">
        <v>1405</v>
      </c>
      <c r="BJ18" s="313">
        <v>2291</v>
      </c>
      <c r="BK18" s="313">
        <v>1017</v>
      </c>
      <c r="BL18" s="313">
        <v>569</v>
      </c>
      <c r="BM18" s="313">
        <v>184</v>
      </c>
      <c r="BN18" s="310">
        <v>5466</v>
      </c>
      <c r="BO18" s="315">
        <v>5466</v>
      </c>
      <c r="BP18" s="309">
        <v>14</v>
      </c>
      <c r="BQ18" s="313">
        <v>8</v>
      </c>
      <c r="BR18" s="310">
        <v>22</v>
      </c>
      <c r="BS18" s="312">
        <v>0</v>
      </c>
      <c r="BT18" s="313">
        <v>297</v>
      </c>
      <c r="BU18" s="313">
        <v>591</v>
      </c>
      <c r="BV18" s="313">
        <v>1018</v>
      </c>
      <c r="BW18" s="313">
        <v>393</v>
      </c>
      <c r="BX18" s="313">
        <v>378</v>
      </c>
      <c r="BY18" s="310">
        <v>2677</v>
      </c>
      <c r="BZ18" s="315">
        <v>2699</v>
      </c>
      <c r="CA18" s="309">
        <v>0</v>
      </c>
      <c r="CB18" s="313">
        <v>0</v>
      </c>
      <c r="CC18" s="310">
        <v>0</v>
      </c>
      <c r="CD18" s="312">
        <v>0</v>
      </c>
      <c r="CE18" s="313">
        <v>28</v>
      </c>
      <c r="CF18" s="313">
        <v>28</v>
      </c>
      <c r="CG18" s="313">
        <v>50</v>
      </c>
      <c r="CH18" s="313">
        <v>48</v>
      </c>
      <c r="CI18" s="313">
        <v>19</v>
      </c>
      <c r="CJ18" s="310">
        <v>173</v>
      </c>
      <c r="CK18" s="315">
        <v>173</v>
      </c>
      <c r="CL18" s="309">
        <v>0</v>
      </c>
      <c r="CM18" s="313">
        <v>0</v>
      </c>
      <c r="CN18" s="310">
        <v>0</v>
      </c>
      <c r="CO18" s="312">
        <v>0</v>
      </c>
      <c r="CP18" s="313">
        <v>0</v>
      </c>
      <c r="CQ18" s="313">
        <v>0</v>
      </c>
      <c r="CR18" s="313">
        <v>0</v>
      </c>
      <c r="CS18" s="313">
        <v>0</v>
      </c>
      <c r="CT18" s="313">
        <v>0</v>
      </c>
      <c r="CU18" s="310">
        <v>0</v>
      </c>
      <c r="CV18" s="315">
        <v>0</v>
      </c>
      <c r="CW18" s="309">
        <v>0</v>
      </c>
      <c r="CX18" s="313">
        <v>0</v>
      </c>
      <c r="CY18" s="310">
        <v>0</v>
      </c>
      <c r="CZ18" s="312">
        <v>0</v>
      </c>
      <c r="DA18" s="313">
        <v>0</v>
      </c>
      <c r="DB18" s="313">
        <v>0</v>
      </c>
      <c r="DC18" s="313">
        <v>0</v>
      </c>
      <c r="DD18" s="313">
        <v>0</v>
      </c>
      <c r="DE18" s="313">
        <v>0</v>
      </c>
      <c r="DF18" s="310">
        <v>0</v>
      </c>
      <c r="DG18" s="315">
        <v>0</v>
      </c>
    </row>
    <row r="19" spans="1:111" ht="18.75" customHeight="1" x14ac:dyDescent="0.2">
      <c r="A19" s="294" t="s">
        <v>17</v>
      </c>
      <c r="B19" s="309">
        <v>0</v>
      </c>
      <c r="C19" s="310">
        <v>0</v>
      </c>
      <c r="D19" s="311">
        <v>0</v>
      </c>
      <c r="E19" s="312">
        <v>0</v>
      </c>
      <c r="F19" s="313">
        <v>2356</v>
      </c>
      <c r="G19" s="313">
        <v>6945</v>
      </c>
      <c r="H19" s="313">
        <v>7600</v>
      </c>
      <c r="I19" s="313">
        <v>8724</v>
      </c>
      <c r="J19" s="313">
        <v>9862</v>
      </c>
      <c r="K19" s="314">
        <v>35487</v>
      </c>
      <c r="L19" s="315">
        <v>35487</v>
      </c>
      <c r="M19" s="309">
        <v>0</v>
      </c>
      <c r="N19" s="313">
        <v>8</v>
      </c>
      <c r="O19" s="310">
        <v>8</v>
      </c>
      <c r="P19" s="312">
        <v>0</v>
      </c>
      <c r="Q19" s="313">
        <v>2</v>
      </c>
      <c r="R19" s="313">
        <v>62</v>
      </c>
      <c r="S19" s="313">
        <v>96</v>
      </c>
      <c r="T19" s="313">
        <v>171</v>
      </c>
      <c r="U19" s="313">
        <v>393</v>
      </c>
      <c r="V19" s="310">
        <v>724</v>
      </c>
      <c r="W19" s="315">
        <v>732</v>
      </c>
      <c r="X19" s="309">
        <v>165</v>
      </c>
      <c r="Y19" s="313">
        <v>584</v>
      </c>
      <c r="Z19" s="310">
        <v>749</v>
      </c>
      <c r="AA19" s="312">
        <v>0</v>
      </c>
      <c r="AB19" s="313">
        <v>1114</v>
      </c>
      <c r="AC19" s="313">
        <v>2415</v>
      </c>
      <c r="AD19" s="313">
        <v>1511</v>
      </c>
      <c r="AE19" s="313">
        <v>1330</v>
      </c>
      <c r="AF19" s="313">
        <v>1418</v>
      </c>
      <c r="AG19" s="310">
        <v>7788</v>
      </c>
      <c r="AH19" s="315">
        <v>8537</v>
      </c>
      <c r="AI19" s="309">
        <v>24</v>
      </c>
      <c r="AJ19" s="313">
        <v>32</v>
      </c>
      <c r="AK19" s="310">
        <v>56</v>
      </c>
      <c r="AL19" s="312">
        <v>0</v>
      </c>
      <c r="AM19" s="313">
        <v>43</v>
      </c>
      <c r="AN19" s="313">
        <v>341</v>
      </c>
      <c r="AO19" s="313">
        <v>217</v>
      </c>
      <c r="AP19" s="313">
        <v>112</v>
      </c>
      <c r="AQ19" s="313">
        <v>121</v>
      </c>
      <c r="AR19" s="310">
        <v>834</v>
      </c>
      <c r="AS19" s="315">
        <v>890</v>
      </c>
      <c r="AT19" s="309">
        <v>0</v>
      </c>
      <c r="AU19" s="313">
        <v>0</v>
      </c>
      <c r="AV19" s="310">
        <v>0</v>
      </c>
      <c r="AW19" s="312">
        <v>0</v>
      </c>
      <c r="AX19" s="313">
        <v>3401</v>
      </c>
      <c r="AY19" s="313">
        <v>5452</v>
      </c>
      <c r="AZ19" s="313">
        <v>3687</v>
      </c>
      <c r="BA19" s="313">
        <v>2172</v>
      </c>
      <c r="BB19" s="313">
        <v>959</v>
      </c>
      <c r="BC19" s="314">
        <v>15671</v>
      </c>
      <c r="BD19" s="315">
        <v>15671</v>
      </c>
      <c r="BE19" s="309">
        <v>0</v>
      </c>
      <c r="BF19" s="313">
        <v>0</v>
      </c>
      <c r="BG19" s="310">
        <v>0</v>
      </c>
      <c r="BH19" s="312">
        <v>0</v>
      </c>
      <c r="BI19" s="313">
        <v>594</v>
      </c>
      <c r="BJ19" s="313">
        <v>1354</v>
      </c>
      <c r="BK19" s="313">
        <v>630</v>
      </c>
      <c r="BL19" s="313">
        <v>388</v>
      </c>
      <c r="BM19" s="313">
        <v>129</v>
      </c>
      <c r="BN19" s="310">
        <v>3095</v>
      </c>
      <c r="BO19" s="315">
        <v>3095</v>
      </c>
      <c r="BP19" s="309">
        <v>9</v>
      </c>
      <c r="BQ19" s="313">
        <v>14</v>
      </c>
      <c r="BR19" s="310">
        <v>23</v>
      </c>
      <c r="BS19" s="312">
        <v>0</v>
      </c>
      <c r="BT19" s="313">
        <v>311</v>
      </c>
      <c r="BU19" s="313">
        <v>788</v>
      </c>
      <c r="BV19" s="313">
        <v>1659</v>
      </c>
      <c r="BW19" s="313">
        <v>1418</v>
      </c>
      <c r="BX19" s="313">
        <v>579</v>
      </c>
      <c r="BY19" s="310">
        <v>4755</v>
      </c>
      <c r="BZ19" s="315">
        <v>4778</v>
      </c>
      <c r="CA19" s="309">
        <v>0</v>
      </c>
      <c r="CB19" s="313">
        <v>0</v>
      </c>
      <c r="CC19" s="310">
        <v>0</v>
      </c>
      <c r="CD19" s="312">
        <v>0</v>
      </c>
      <c r="CE19" s="313">
        <v>45</v>
      </c>
      <c r="CF19" s="313">
        <v>70</v>
      </c>
      <c r="CG19" s="313">
        <v>60</v>
      </c>
      <c r="CH19" s="313">
        <v>75</v>
      </c>
      <c r="CI19" s="313">
        <v>60</v>
      </c>
      <c r="CJ19" s="310">
        <v>310</v>
      </c>
      <c r="CK19" s="315">
        <v>310</v>
      </c>
      <c r="CL19" s="309">
        <v>0</v>
      </c>
      <c r="CM19" s="313">
        <v>0</v>
      </c>
      <c r="CN19" s="310">
        <v>0</v>
      </c>
      <c r="CO19" s="312">
        <v>0</v>
      </c>
      <c r="CP19" s="313">
        <v>0</v>
      </c>
      <c r="CQ19" s="313">
        <v>0</v>
      </c>
      <c r="CR19" s="313">
        <v>0</v>
      </c>
      <c r="CS19" s="313">
        <v>0</v>
      </c>
      <c r="CT19" s="313">
        <v>0</v>
      </c>
      <c r="CU19" s="310">
        <v>0</v>
      </c>
      <c r="CV19" s="315">
        <v>0</v>
      </c>
      <c r="CW19" s="309">
        <v>0</v>
      </c>
      <c r="CX19" s="313">
        <v>0</v>
      </c>
      <c r="CY19" s="310">
        <v>0</v>
      </c>
      <c r="CZ19" s="312">
        <v>0</v>
      </c>
      <c r="DA19" s="313">
        <v>0</v>
      </c>
      <c r="DB19" s="313">
        <v>0</v>
      </c>
      <c r="DC19" s="313">
        <v>0</v>
      </c>
      <c r="DD19" s="313">
        <v>0</v>
      </c>
      <c r="DE19" s="313">
        <v>0</v>
      </c>
      <c r="DF19" s="310">
        <v>0</v>
      </c>
      <c r="DG19" s="315">
        <v>0</v>
      </c>
    </row>
    <row r="20" spans="1:111" ht="18.75" customHeight="1" x14ac:dyDescent="0.2">
      <c r="A20" s="294" t="s">
        <v>18</v>
      </c>
      <c r="B20" s="309">
        <v>0</v>
      </c>
      <c r="C20" s="310">
        <v>0</v>
      </c>
      <c r="D20" s="311">
        <v>0</v>
      </c>
      <c r="E20" s="312">
        <v>0</v>
      </c>
      <c r="F20" s="313">
        <v>5394</v>
      </c>
      <c r="G20" s="313">
        <v>7694</v>
      </c>
      <c r="H20" s="313">
        <v>7621</v>
      </c>
      <c r="I20" s="313">
        <v>11772</v>
      </c>
      <c r="J20" s="313">
        <v>9434</v>
      </c>
      <c r="K20" s="314">
        <v>41915</v>
      </c>
      <c r="L20" s="315">
        <v>41915</v>
      </c>
      <c r="M20" s="309">
        <v>0</v>
      </c>
      <c r="N20" s="313">
        <v>5</v>
      </c>
      <c r="O20" s="310">
        <v>5</v>
      </c>
      <c r="P20" s="312">
        <v>0</v>
      </c>
      <c r="Q20" s="313">
        <v>8</v>
      </c>
      <c r="R20" s="313">
        <v>54</v>
      </c>
      <c r="S20" s="313">
        <v>68</v>
      </c>
      <c r="T20" s="313">
        <v>198</v>
      </c>
      <c r="U20" s="313">
        <v>454</v>
      </c>
      <c r="V20" s="310">
        <v>782</v>
      </c>
      <c r="W20" s="315">
        <v>787</v>
      </c>
      <c r="X20" s="309">
        <v>260</v>
      </c>
      <c r="Y20" s="313">
        <v>791</v>
      </c>
      <c r="Z20" s="310">
        <v>1051</v>
      </c>
      <c r="AA20" s="312">
        <v>0</v>
      </c>
      <c r="AB20" s="313">
        <v>2606</v>
      </c>
      <c r="AC20" s="313">
        <v>2996</v>
      </c>
      <c r="AD20" s="313">
        <v>1933</v>
      </c>
      <c r="AE20" s="313">
        <v>1869</v>
      </c>
      <c r="AF20" s="313">
        <v>1498</v>
      </c>
      <c r="AG20" s="310">
        <v>10902</v>
      </c>
      <c r="AH20" s="315">
        <v>11953</v>
      </c>
      <c r="AI20" s="309">
        <v>60</v>
      </c>
      <c r="AJ20" s="313">
        <v>111</v>
      </c>
      <c r="AK20" s="310">
        <v>171</v>
      </c>
      <c r="AL20" s="312">
        <v>0</v>
      </c>
      <c r="AM20" s="313">
        <v>508</v>
      </c>
      <c r="AN20" s="313">
        <v>731</v>
      </c>
      <c r="AO20" s="313">
        <v>369</v>
      </c>
      <c r="AP20" s="313">
        <v>336</v>
      </c>
      <c r="AQ20" s="313">
        <v>139</v>
      </c>
      <c r="AR20" s="310">
        <v>2083</v>
      </c>
      <c r="AS20" s="315">
        <v>2254</v>
      </c>
      <c r="AT20" s="309">
        <v>0</v>
      </c>
      <c r="AU20" s="313">
        <v>0</v>
      </c>
      <c r="AV20" s="310">
        <v>0</v>
      </c>
      <c r="AW20" s="312">
        <v>0</v>
      </c>
      <c r="AX20" s="313">
        <v>5437</v>
      </c>
      <c r="AY20" s="313">
        <v>5973</v>
      </c>
      <c r="AZ20" s="313">
        <v>4000</v>
      </c>
      <c r="BA20" s="313">
        <v>2244</v>
      </c>
      <c r="BB20" s="313">
        <v>813</v>
      </c>
      <c r="BC20" s="314">
        <v>18467</v>
      </c>
      <c r="BD20" s="315">
        <v>18467</v>
      </c>
      <c r="BE20" s="309">
        <v>0</v>
      </c>
      <c r="BF20" s="313">
        <v>0</v>
      </c>
      <c r="BG20" s="310">
        <v>0</v>
      </c>
      <c r="BH20" s="312">
        <v>0</v>
      </c>
      <c r="BI20" s="313">
        <v>1405</v>
      </c>
      <c r="BJ20" s="313">
        <v>1336</v>
      </c>
      <c r="BK20" s="313">
        <v>864</v>
      </c>
      <c r="BL20" s="313">
        <v>516</v>
      </c>
      <c r="BM20" s="313">
        <v>124</v>
      </c>
      <c r="BN20" s="310">
        <v>4245</v>
      </c>
      <c r="BO20" s="315">
        <v>4245</v>
      </c>
      <c r="BP20" s="309">
        <v>14</v>
      </c>
      <c r="BQ20" s="313">
        <v>18</v>
      </c>
      <c r="BR20" s="310">
        <v>32</v>
      </c>
      <c r="BS20" s="312">
        <v>0</v>
      </c>
      <c r="BT20" s="313">
        <v>327</v>
      </c>
      <c r="BU20" s="313">
        <v>959</v>
      </c>
      <c r="BV20" s="313">
        <v>1731</v>
      </c>
      <c r="BW20" s="313">
        <v>1527</v>
      </c>
      <c r="BX20" s="313">
        <v>948</v>
      </c>
      <c r="BY20" s="310">
        <v>5492</v>
      </c>
      <c r="BZ20" s="315">
        <v>5524</v>
      </c>
      <c r="CA20" s="309">
        <v>0</v>
      </c>
      <c r="CB20" s="313">
        <v>0</v>
      </c>
      <c r="CC20" s="310">
        <v>0</v>
      </c>
      <c r="CD20" s="312">
        <v>0</v>
      </c>
      <c r="CE20" s="313">
        <v>5</v>
      </c>
      <c r="CF20" s="313">
        <v>28</v>
      </c>
      <c r="CG20" s="313">
        <v>11</v>
      </c>
      <c r="CH20" s="313">
        <v>37</v>
      </c>
      <c r="CI20" s="313">
        <v>13</v>
      </c>
      <c r="CJ20" s="310">
        <v>94</v>
      </c>
      <c r="CK20" s="315">
        <v>94</v>
      </c>
      <c r="CL20" s="309">
        <v>0</v>
      </c>
      <c r="CM20" s="313">
        <v>0</v>
      </c>
      <c r="CN20" s="310">
        <v>0</v>
      </c>
      <c r="CO20" s="312">
        <v>0</v>
      </c>
      <c r="CP20" s="313">
        <v>0</v>
      </c>
      <c r="CQ20" s="313">
        <v>0</v>
      </c>
      <c r="CR20" s="313">
        <v>0</v>
      </c>
      <c r="CS20" s="313">
        <v>0</v>
      </c>
      <c r="CT20" s="313">
        <v>0</v>
      </c>
      <c r="CU20" s="310">
        <v>0</v>
      </c>
      <c r="CV20" s="315">
        <v>0</v>
      </c>
      <c r="CW20" s="309">
        <v>0</v>
      </c>
      <c r="CX20" s="313">
        <v>0</v>
      </c>
      <c r="CY20" s="310">
        <v>0</v>
      </c>
      <c r="CZ20" s="312">
        <v>0</v>
      </c>
      <c r="DA20" s="313">
        <v>0</v>
      </c>
      <c r="DB20" s="313">
        <v>0</v>
      </c>
      <c r="DC20" s="313">
        <v>0</v>
      </c>
      <c r="DD20" s="313">
        <v>0</v>
      </c>
      <c r="DE20" s="313">
        <v>0</v>
      </c>
      <c r="DF20" s="310">
        <v>0</v>
      </c>
      <c r="DG20" s="315">
        <v>0</v>
      </c>
    </row>
    <row r="21" spans="1:111" ht="18.75" customHeight="1" x14ac:dyDescent="0.2">
      <c r="A21" s="294" t="s">
        <v>19</v>
      </c>
      <c r="B21" s="309">
        <v>0</v>
      </c>
      <c r="C21" s="310">
        <v>0</v>
      </c>
      <c r="D21" s="311">
        <v>0</v>
      </c>
      <c r="E21" s="312">
        <v>0</v>
      </c>
      <c r="F21" s="313">
        <v>2155</v>
      </c>
      <c r="G21" s="313">
        <v>2846</v>
      </c>
      <c r="H21" s="313">
        <v>3758</v>
      </c>
      <c r="I21" s="313">
        <v>3708</v>
      </c>
      <c r="J21" s="313">
        <v>2112</v>
      </c>
      <c r="K21" s="314">
        <v>14579</v>
      </c>
      <c r="L21" s="315">
        <v>14579</v>
      </c>
      <c r="M21" s="309">
        <v>0</v>
      </c>
      <c r="N21" s="313">
        <v>5</v>
      </c>
      <c r="O21" s="310">
        <v>5</v>
      </c>
      <c r="P21" s="312">
        <v>0</v>
      </c>
      <c r="Q21" s="313">
        <v>8</v>
      </c>
      <c r="R21" s="313">
        <v>24</v>
      </c>
      <c r="S21" s="313">
        <v>75</v>
      </c>
      <c r="T21" s="313">
        <v>115</v>
      </c>
      <c r="U21" s="313">
        <v>147</v>
      </c>
      <c r="V21" s="310">
        <v>369</v>
      </c>
      <c r="W21" s="315">
        <v>374</v>
      </c>
      <c r="X21" s="309">
        <v>157</v>
      </c>
      <c r="Y21" s="313">
        <v>363</v>
      </c>
      <c r="Z21" s="310">
        <v>520</v>
      </c>
      <c r="AA21" s="312">
        <v>0</v>
      </c>
      <c r="AB21" s="313">
        <v>1194</v>
      </c>
      <c r="AC21" s="313">
        <v>1162</v>
      </c>
      <c r="AD21" s="313">
        <v>814</v>
      </c>
      <c r="AE21" s="313">
        <v>780</v>
      </c>
      <c r="AF21" s="313">
        <v>546</v>
      </c>
      <c r="AG21" s="310">
        <v>4496</v>
      </c>
      <c r="AH21" s="315">
        <v>5016</v>
      </c>
      <c r="AI21" s="309">
        <v>42</v>
      </c>
      <c r="AJ21" s="313">
        <v>127</v>
      </c>
      <c r="AK21" s="310">
        <v>169</v>
      </c>
      <c r="AL21" s="312">
        <v>0</v>
      </c>
      <c r="AM21" s="313">
        <v>224</v>
      </c>
      <c r="AN21" s="313">
        <v>185</v>
      </c>
      <c r="AO21" s="313">
        <v>139</v>
      </c>
      <c r="AP21" s="313">
        <v>122</v>
      </c>
      <c r="AQ21" s="313">
        <v>39</v>
      </c>
      <c r="AR21" s="310">
        <v>709</v>
      </c>
      <c r="AS21" s="315">
        <v>878</v>
      </c>
      <c r="AT21" s="309">
        <v>0</v>
      </c>
      <c r="AU21" s="313">
        <v>0</v>
      </c>
      <c r="AV21" s="310">
        <v>0</v>
      </c>
      <c r="AW21" s="312">
        <v>0</v>
      </c>
      <c r="AX21" s="313">
        <v>2389</v>
      </c>
      <c r="AY21" s="313">
        <v>2524</v>
      </c>
      <c r="AZ21" s="313">
        <v>1321</v>
      </c>
      <c r="BA21" s="313">
        <v>579</v>
      </c>
      <c r="BB21" s="313">
        <v>446</v>
      </c>
      <c r="BC21" s="314">
        <v>7259</v>
      </c>
      <c r="BD21" s="315">
        <v>7259</v>
      </c>
      <c r="BE21" s="309">
        <v>0</v>
      </c>
      <c r="BF21" s="313">
        <v>0</v>
      </c>
      <c r="BG21" s="310">
        <v>0</v>
      </c>
      <c r="BH21" s="312">
        <v>0</v>
      </c>
      <c r="BI21" s="313">
        <v>598</v>
      </c>
      <c r="BJ21" s="313">
        <v>716</v>
      </c>
      <c r="BK21" s="313">
        <v>433</v>
      </c>
      <c r="BL21" s="313">
        <v>255</v>
      </c>
      <c r="BM21" s="313">
        <v>94</v>
      </c>
      <c r="BN21" s="310">
        <v>2096</v>
      </c>
      <c r="BO21" s="315">
        <v>2096</v>
      </c>
      <c r="BP21" s="309">
        <v>0</v>
      </c>
      <c r="BQ21" s="313">
        <v>14</v>
      </c>
      <c r="BR21" s="310">
        <v>14</v>
      </c>
      <c r="BS21" s="312">
        <v>0</v>
      </c>
      <c r="BT21" s="313">
        <v>181</v>
      </c>
      <c r="BU21" s="313">
        <v>429</v>
      </c>
      <c r="BV21" s="313">
        <v>528</v>
      </c>
      <c r="BW21" s="313">
        <v>226</v>
      </c>
      <c r="BX21" s="313">
        <v>211</v>
      </c>
      <c r="BY21" s="310">
        <v>1575</v>
      </c>
      <c r="BZ21" s="315">
        <v>1589</v>
      </c>
      <c r="CA21" s="309">
        <v>0</v>
      </c>
      <c r="CB21" s="313">
        <v>0</v>
      </c>
      <c r="CC21" s="310">
        <v>0</v>
      </c>
      <c r="CD21" s="312">
        <v>0</v>
      </c>
      <c r="CE21" s="313">
        <v>34</v>
      </c>
      <c r="CF21" s="313">
        <v>74</v>
      </c>
      <c r="CG21" s="313">
        <v>59</v>
      </c>
      <c r="CH21" s="313">
        <v>87</v>
      </c>
      <c r="CI21" s="313">
        <v>52</v>
      </c>
      <c r="CJ21" s="310">
        <v>306</v>
      </c>
      <c r="CK21" s="315">
        <v>306</v>
      </c>
      <c r="CL21" s="309">
        <v>0</v>
      </c>
      <c r="CM21" s="313">
        <v>0</v>
      </c>
      <c r="CN21" s="310">
        <v>0</v>
      </c>
      <c r="CO21" s="312">
        <v>0</v>
      </c>
      <c r="CP21" s="313">
        <v>0</v>
      </c>
      <c r="CQ21" s="313">
        <v>0</v>
      </c>
      <c r="CR21" s="313">
        <v>0</v>
      </c>
      <c r="CS21" s="313">
        <v>0</v>
      </c>
      <c r="CT21" s="313">
        <v>0</v>
      </c>
      <c r="CU21" s="310">
        <v>0</v>
      </c>
      <c r="CV21" s="315">
        <v>0</v>
      </c>
      <c r="CW21" s="309">
        <v>0</v>
      </c>
      <c r="CX21" s="313">
        <v>0</v>
      </c>
      <c r="CY21" s="310">
        <v>0</v>
      </c>
      <c r="CZ21" s="312">
        <v>0</v>
      </c>
      <c r="DA21" s="313">
        <v>0</v>
      </c>
      <c r="DB21" s="313">
        <v>0</v>
      </c>
      <c r="DC21" s="313">
        <v>0</v>
      </c>
      <c r="DD21" s="313">
        <v>0</v>
      </c>
      <c r="DE21" s="313">
        <v>0</v>
      </c>
      <c r="DF21" s="310">
        <v>0</v>
      </c>
      <c r="DG21" s="315">
        <v>0</v>
      </c>
    </row>
    <row r="22" spans="1:111" ht="18.75" customHeight="1" x14ac:dyDescent="0.2">
      <c r="A22" s="294" t="s">
        <v>20</v>
      </c>
      <c r="B22" s="309">
        <v>0</v>
      </c>
      <c r="C22" s="310">
        <v>0</v>
      </c>
      <c r="D22" s="311">
        <v>0</v>
      </c>
      <c r="E22" s="312">
        <v>0</v>
      </c>
      <c r="F22" s="313">
        <v>3047</v>
      </c>
      <c r="G22" s="313">
        <v>3349</v>
      </c>
      <c r="H22" s="313">
        <v>3629</v>
      </c>
      <c r="I22" s="313">
        <v>3718</v>
      </c>
      <c r="J22" s="313">
        <v>3095</v>
      </c>
      <c r="K22" s="314">
        <v>16838</v>
      </c>
      <c r="L22" s="315">
        <v>16838</v>
      </c>
      <c r="M22" s="309">
        <v>0</v>
      </c>
      <c r="N22" s="313">
        <v>6</v>
      </c>
      <c r="O22" s="310">
        <v>6</v>
      </c>
      <c r="P22" s="312">
        <v>0</v>
      </c>
      <c r="Q22" s="313">
        <v>3</v>
      </c>
      <c r="R22" s="313">
        <v>38</v>
      </c>
      <c r="S22" s="313">
        <v>35</v>
      </c>
      <c r="T22" s="313">
        <v>142</v>
      </c>
      <c r="U22" s="313">
        <v>228</v>
      </c>
      <c r="V22" s="310">
        <v>446</v>
      </c>
      <c r="W22" s="315">
        <v>452</v>
      </c>
      <c r="X22" s="309">
        <v>219</v>
      </c>
      <c r="Y22" s="313">
        <v>643</v>
      </c>
      <c r="Z22" s="310">
        <v>862</v>
      </c>
      <c r="AA22" s="312">
        <v>0</v>
      </c>
      <c r="AB22" s="313">
        <v>2315</v>
      </c>
      <c r="AC22" s="313">
        <v>1419</v>
      </c>
      <c r="AD22" s="313">
        <v>1159</v>
      </c>
      <c r="AE22" s="313">
        <v>940</v>
      </c>
      <c r="AF22" s="313">
        <v>534</v>
      </c>
      <c r="AG22" s="310">
        <v>6367</v>
      </c>
      <c r="AH22" s="315">
        <v>7229</v>
      </c>
      <c r="AI22" s="309">
        <v>104</v>
      </c>
      <c r="AJ22" s="313">
        <v>341</v>
      </c>
      <c r="AK22" s="310">
        <v>445</v>
      </c>
      <c r="AL22" s="312">
        <v>0</v>
      </c>
      <c r="AM22" s="313">
        <v>521</v>
      </c>
      <c r="AN22" s="313">
        <v>568</v>
      </c>
      <c r="AO22" s="313">
        <v>315</v>
      </c>
      <c r="AP22" s="313">
        <v>377</v>
      </c>
      <c r="AQ22" s="313">
        <v>128</v>
      </c>
      <c r="AR22" s="310">
        <v>1909</v>
      </c>
      <c r="AS22" s="315">
        <v>2354</v>
      </c>
      <c r="AT22" s="309">
        <v>0</v>
      </c>
      <c r="AU22" s="313">
        <v>0</v>
      </c>
      <c r="AV22" s="310">
        <v>0</v>
      </c>
      <c r="AW22" s="312">
        <v>0</v>
      </c>
      <c r="AX22" s="313">
        <v>2712</v>
      </c>
      <c r="AY22" s="313">
        <v>1736</v>
      </c>
      <c r="AZ22" s="313">
        <v>1559</v>
      </c>
      <c r="BA22" s="313">
        <v>680</v>
      </c>
      <c r="BB22" s="313">
        <v>287</v>
      </c>
      <c r="BC22" s="314">
        <v>6974</v>
      </c>
      <c r="BD22" s="315">
        <v>6974</v>
      </c>
      <c r="BE22" s="309">
        <v>0</v>
      </c>
      <c r="BF22" s="313">
        <v>0</v>
      </c>
      <c r="BG22" s="310">
        <v>0</v>
      </c>
      <c r="BH22" s="312">
        <v>0</v>
      </c>
      <c r="BI22" s="313">
        <v>1427</v>
      </c>
      <c r="BJ22" s="313">
        <v>743</v>
      </c>
      <c r="BK22" s="313">
        <v>507</v>
      </c>
      <c r="BL22" s="313">
        <v>281</v>
      </c>
      <c r="BM22" s="313">
        <v>68</v>
      </c>
      <c r="BN22" s="310">
        <v>3026</v>
      </c>
      <c r="BO22" s="315">
        <v>3026</v>
      </c>
      <c r="BP22" s="309">
        <v>3</v>
      </c>
      <c r="BQ22" s="313">
        <v>23</v>
      </c>
      <c r="BR22" s="310">
        <v>26</v>
      </c>
      <c r="BS22" s="312">
        <v>0</v>
      </c>
      <c r="BT22" s="313">
        <v>290</v>
      </c>
      <c r="BU22" s="313">
        <v>308</v>
      </c>
      <c r="BV22" s="313">
        <v>1193</v>
      </c>
      <c r="BW22" s="313">
        <v>733</v>
      </c>
      <c r="BX22" s="313">
        <v>363</v>
      </c>
      <c r="BY22" s="310">
        <v>2887</v>
      </c>
      <c r="BZ22" s="315">
        <v>2913</v>
      </c>
      <c r="CA22" s="309">
        <v>0</v>
      </c>
      <c r="CB22" s="313">
        <v>3</v>
      </c>
      <c r="CC22" s="310">
        <v>3</v>
      </c>
      <c r="CD22" s="312">
        <v>0</v>
      </c>
      <c r="CE22" s="313">
        <v>7</v>
      </c>
      <c r="CF22" s="313">
        <v>46</v>
      </c>
      <c r="CG22" s="313">
        <v>68</v>
      </c>
      <c r="CH22" s="313">
        <v>46</v>
      </c>
      <c r="CI22" s="313">
        <v>26</v>
      </c>
      <c r="CJ22" s="310">
        <v>193</v>
      </c>
      <c r="CK22" s="315">
        <v>196</v>
      </c>
      <c r="CL22" s="309">
        <v>0</v>
      </c>
      <c r="CM22" s="313">
        <v>0</v>
      </c>
      <c r="CN22" s="310">
        <v>0</v>
      </c>
      <c r="CO22" s="312">
        <v>0</v>
      </c>
      <c r="CP22" s="313">
        <v>0</v>
      </c>
      <c r="CQ22" s="313">
        <v>0</v>
      </c>
      <c r="CR22" s="313">
        <v>0</v>
      </c>
      <c r="CS22" s="313">
        <v>0</v>
      </c>
      <c r="CT22" s="313">
        <v>0</v>
      </c>
      <c r="CU22" s="310">
        <v>0</v>
      </c>
      <c r="CV22" s="315">
        <v>0</v>
      </c>
      <c r="CW22" s="309">
        <v>0</v>
      </c>
      <c r="CX22" s="313">
        <v>0</v>
      </c>
      <c r="CY22" s="310">
        <v>0</v>
      </c>
      <c r="CZ22" s="312">
        <v>0</v>
      </c>
      <c r="DA22" s="313">
        <v>0</v>
      </c>
      <c r="DB22" s="313">
        <v>0</v>
      </c>
      <c r="DC22" s="313">
        <v>0</v>
      </c>
      <c r="DD22" s="313">
        <v>0</v>
      </c>
      <c r="DE22" s="313">
        <v>0</v>
      </c>
      <c r="DF22" s="310">
        <v>0</v>
      </c>
      <c r="DG22" s="315">
        <v>0</v>
      </c>
    </row>
    <row r="23" spans="1:111" ht="18.75" customHeight="1" x14ac:dyDescent="0.2">
      <c r="A23" s="294" t="s">
        <v>21</v>
      </c>
      <c r="B23" s="309">
        <v>0</v>
      </c>
      <c r="C23" s="310">
        <v>0</v>
      </c>
      <c r="D23" s="311">
        <v>0</v>
      </c>
      <c r="E23" s="312">
        <v>0</v>
      </c>
      <c r="F23" s="313">
        <v>3077</v>
      </c>
      <c r="G23" s="313">
        <v>5707</v>
      </c>
      <c r="H23" s="313">
        <v>5775</v>
      </c>
      <c r="I23" s="313">
        <v>5692</v>
      </c>
      <c r="J23" s="313">
        <v>5090</v>
      </c>
      <c r="K23" s="314">
        <v>25341</v>
      </c>
      <c r="L23" s="315">
        <v>25341</v>
      </c>
      <c r="M23" s="309">
        <v>0</v>
      </c>
      <c r="N23" s="313">
        <v>0</v>
      </c>
      <c r="O23" s="310">
        <v>0</v>
      </c>
      <c r="P23" s="312">
        <v>0</v>
      </c>
      <c r="Q23" s="313">
        <v>4</v>
      </c>
      <c r="R23" s="313">
        <v>19</v>
      </c>
      <c r="S23" s="313">
        <v>78</v>
      </c>
      <c r="T23" s="313">
        <v>153</v>
      </c>
      <c r="U23" s="313">
        <v>237</v>
      </c>
      <c r="V23" s="310">
        <v>491</v>
      </c>
      <c r="W23" s="315">
        <v>491</v>
      </c>
      <c r="X23" s="309">
        <v>292</v>
      </c>
      <c r="Y23" s="313">
        <v>633</v>
      </c>
      <c r="Z23" s="310">
        <v>925</v>
      </c>
      <c r="AA23" s="312">
        <v>0</v>
      </c>
      <c r="AB23" s="313">
        <v>1574</v>
      </c>
      <c r="AC23" s="313">
        <v>2586</v>
      </c>
      <c r="AD23" s="313">
        <v>1409</v>
      </c>
      <c r="AE23" s="313">
        <v>1253</v>
      </c>
      <c r="AF23" s="313">
        <v>804</v>
      </c>
      <c r="AG23" s="310">
        <v>7626</v>
      </c>
      <c r="AH23" s="315">
        <v>8551</v>
      </c>
      <c r="AI23" s="309">
        <v>86</v>
      </c>
      <c r="AJ23" s="313">
        <v>236</v>
      </c>
      <c r="AK23" s="310">
        <v>322</v>
      </c>
      <c r="AL23" s="312">
        <v>0</v>
      </c>
      <c r="AM23" s="313">
        <v>209</v>
      </c>
      <c r="AN23" s="313">
        <v>403</v>
      </c>
      <c r="AO23" s="313">
        <v>218</v>
      </c>
      <c r="AP23" s="313">
        <v>273</v>
      </c>
      <c r="AQ23" s="313">
        <v>52</v>
      </c>
      <c r="AR23" s="310">
        <v>1155</v>
      </c>
      <c r="AS23" s="315">
        <v>1477</v>
      </c>
      <c r="AT23" s="309">
        <v>0</v>
      </c>
      <c r="AU23" s="313">
        <v>0</v>
      </c>
      <c r="AV23" s="310">
        <v>0</v>
      </c>
      <c r="AW23" s="312">
        <v>0</v>
      </c>
      <c r="AX23" s="313">
        <v>2292</v>
      </c>
      <c r="AY23" s="313">
        <v>3418</v>
      </c>
      <c r="AZ23" s="313">
        <v>1688</v>
      </c>
      <c r="BA23" s="313">
        <v>1267</v>
      </c>
      <c r="BB23" s="313">
        <v>372</v>
      </c>
      <c r="BC23" s="314">
        <v>9037</v>
      </c>
      <c r="BD23" s="315">
        <v>9037</v>
      </c>
      <c r="BE23" s="309">
        <v>0</v>
      </c>
      <c r="BF23" s="313">
        <v>0</v>
      </c>
      <c r="BG23" s="310">
        <v>0</v>
      </c>
      <c r="BH23" s="312">
        <v>0</v>
      </c>
      <c r="BI23" s="313">
        <v>338</v>
      </c>
      <c r="BJ23" s="313">
        <v>525</v>
      </c>
      <c r="BK23" s="313">
        <v>329</v>
      </c>
      <c r="BL23" s="313">
        <v>90</v>
      </c>
      <c r="BM23" s="313">
        <v>116</v>
      </c>
      <c r="BN23" s="310">
        <v>1398</v>
      </c>
      <c r="BO23" s="315">
        <v>1398</v>
      </c>
      <c r="BP23" s="309">
        <v>4</v>
      </c>
      <c r="BQ23" s="313">
        <v>29</v>
      </c>
      <c r="BR23" s="310">
        <v>33</v>
      </c>
      <c r="BS23" s="312">
        <v>0</v>
      </c>
      <c r="BT23" s="313">
        <v>140</v>
      </c>
      <c r="BU23" s="313">
        <v>416</v>
      </c>
      <c r="BV23" s="313">
        <v>990</v>
      </c>
      <c r="BW23" s="313">
        <v>1088</v>
      </c>
      <c r="BX23" s="313">
        <v>418</v>
      </c>
      <c r="BY23" s="310">
        <v>3052</v>
      </c>
      <c r="BZ23" s="315">
        <v>3085</v>
      </c>
      <c r="CA23" s="309">
        <v>0</v>
      </c>
      <c r="CB23" s="313">
        <v>0</v>
      </c>
      <c r="CC23" s="310">
        <v>0</v>
      </c>
      <c r="CD23" s="312">
        <v>0</v>
      </c>
      <c r="CE23" s="313">
        <v>0</v>
      </c>
      <c r="CF23" s="313">
        <v>8</v>
      </c>
      <c r="CG23" s="313">
        <v>14</v>
      </c>
      <c r="CH23" s="313">
        <v>3</v>
      </c>
      <c r="CI23" s="313">
        <v>41</v>
      </c>
      <c r="CJ23" s="310">
        <v>66</v>
      </c>
      <c r="CK23" s="315">
        <v>66</v>
      </c>
      <c r="CL23" s="309">
        <v>0</v>
      </c>
      <c r="CM23" s="313">
        <v>0</v>
      </c>
      <c r="CN23" s="310">
        <v>0</v>
      </c>
      <c r="CO23" s="312">
        <v>0</v>
      </c>
      <c r="CP23" s="313">
        <v>0</v>
      </c>
      <c r="CQ23" s="313">
        <v>0</v>
      </c>
      <c r="CR23" s="313">
        <v>0</v>
      </c>
      <c r="CS23" s="313">
        <v>0</v>
      </c>
      <c r="CT23" s="313">
        <v>0</v>
      </c>
      <c r="CU23" s="310">
        <v>0</v>
      </c>
      <c r="CV23" s="315">
        <v>0</v>
      </c>
      <c r="CW23" s="309">
        <v>0</v>
      </c>
      <c r="CX23" s="313">
        <v>0</v>
      </c>
      <c r="CY23" s="310">
        <v>0</v>
      </c>
      <c r="CZ23" s="312">
        <v>0</v>
      </c>
      <c r="DA23" s="313">
        <v>0</v>
      </c>
      <c r="DB23" s="313">
        <v>0</v>
      </c>
      <c r="DC23" s="313">
        <v>0</v>
      </c>
      <c r="DD23" s="313">
        <v>0</v>
      </c>
      <c r="DE23" s="313">
        <v>0</v>
      </c>
      <c r="DF23" s="310">
        <v>0</v>
      </c>
      <c r="DG23" s="315">
        <v>0</v>
      </c>
    </row>
    <row r="24" spans="1:111" ht="18.75" customHeight="1" x14ac:dyDescent="0.2">
      <c r="A24" s="294" t="s">
        <v>22</v>
      </c>
      <c r="B24" s="309">
        <v>0</v>
      </c>
      <c r="C24" s="310">
        <v>0</v>
      </c>
      <c r="D24" s="311">
        <v>0</v>
      </c>
      <c r="E24" s="312">
        <v>0</v>
      </c>
      <c r="F24" s="313">
        <v>789</v>
      </c>
      <c r="G24" s="313">
        <v>1188</v>
      </c>
      <c r="H24" s="313">
        <v>795</v>
      </c>
      <c r="I24" s="313">
        <v>1566</v>
      </c>
      <c r="J24" s="313">
        <v>1706</v>
      </c>
      <c r="K24" s="314">
        <v>6044</v>
      </c>
      <c r="L24" s="315">
        <v>6044</v>
      </c>
      <c r="M24" s="309">
        <v>0</v>
      </c>
      <c r="N24" s="313">
        <v>0</v>
      </c>
      <c r="O24" s="310">
        <v>0</v>
      </c>
      <c r="P24" s="312">
        <v>0</v>
      </c>
      <c r="Q24" s="313">
        <v>0</v>
      </c>
      <c r="R24" s="313">
        <v>5</v>
      </c>
      <c r="S24" s="313">
        <v>26</v>
      </c>
      <c r="T24" s="313">
        <v>43</v>
      </c>
      <c r="U24" s="313">
        <v>101</v>
      </c>
      <c r="V24" s="310">
        <v>175</v>
      </c>
      <c r="W24" s="315">
        <v>175</v>
      </c>
      <c r="X24" s="309">
        <v>18</v>
      </c>
      <c r="Y24" s="313">
        <v>88</v>
      </c>
      <c r="Z24" s="310">
        <v>106</v>
      </c>
      <c r="AA24" s="312">
        <v>0</v>
      </c>
      <c r="AB24" s="313">
        <v>291</v>
      </c>
      <c r="AC24" s="313">
        <v>637</v>
      </c>
      <c r="AD24" s="313">
        <v>146</v>
      </c>
      <c r="AE24" s="313">
        <v>303</v>
      </c>
      <c r="AF24" s="313">
        <v>318</v>
      </c>
      <c r="AG24" s="310">
        <v>1695</v>
      </c>
      <c r="AH24" s="315">
        <v>1801</v>
      </c>
      <c r="AI24" s="309">
        <v>0</v>
      </c>
      <c r="AJ24" s="313">
        <v>20</v>
      </c>
      <c r="AK24" s="310">
        <v>20</v>
      </c>
      <c r="AL24" s="312">
        <v>0</v>
      </c>
      <c r="AM24" s="313">
        <v>107</v>
      </c>
      <c r="AN24" s="313">
        <v>120</v>
      </c>
      <c r="AO24" s="313">
        <v>133</v>
      </c>
      <c r="AP24" s="313">
        <v>49</v>
      </c>
      <c r="AQ24" s="313">
        <v>66</v>
      </c>
      <c r="AR24" s="310">
        <v>475</v>
      </c>
      <c r="AS24" s="315">
        <v>495</v>
      </c>
      <c r="AT24" s="309">
        <v>0</v>
      </c>
      <c r="AU24" s="313">
        <v>0</v>
      </c>
      <c r="AV24" s="310">
        <v>0</v>
      </c>
      <c r="AW24" s="312">
        <v>0</v>
      </c>
      <c r="AX24" s="313">
        <v>1088</v>
      </c>
      <c r="AY24" s="313">
        <v>1143</v>
      </c>
      <c r="AZ24" s="313">
        <v>460</v>
      </c>
      <c r="BA24" s="313">
        <v>389</v>
      </c>
      <c r="BB24" s="313">
        <v>210</v>
      </c>
      <c r="BC24" s="314">
        <v>3290</v>
      </c>
      <c r="BD24" s="315">
        <v>3290</v>
      </c>
      <c r="BE24" s="309">
        <v>0</v>
      </c>
      <c r="BF24" s="313">
        <v>0</v>
      </c>
      <c r="BG24" s="310">
        <v>0</v>
      </c>
      <c r="BH24" s="312">
        <v>0</v>
      </c>
      <c r="BI24" s="313">
        <v>137</v>
      </c>
      <c r="BJ24" s="313">
        <v>168</v>
      </c>
      <c r="BK24" s="313">
        <v>148</v>
      </c>
      <c r="BL24" s="313">
        <v>96</v>
      </c>
      <c r="BM24" s="313">
        <v>36</v>
      </c>
      <c r="BN24" s="310">
        <v>585</v>
      </c>
      <c r="BO24" s="315">
        <v>585</v>
      </c>
      <c r="BP24" s="309">
        <v>0</v>
      </c>
      <c r="BQ24" s="313">
        <v>6</v>
      </c>
      <c r="BR24" s="310">
        <v>6</v>
      </c>
      <c r="BS24" s="312">
        <v>0</v>
      </c>
      <c r="BT24" s="313">
        <v>86</v>
      </c>
      <c r="BU24" s="313">
        <v>105</v>
      </c>
      <c r="BV24" s="313">
        <v>351</v>
      </c>
      <c r="BW24" s="313">
        <v>228</v>
      </c>
      <c r="BX24" s="313">
        <v>151</v>
      </c>
      <c r="BY24" s="310">
        <v>921</v>
      </c>
      <c r="BZ24" s="315">
        <v>927</v>
      </c>
      <c r="CA24" s="309">
        <v>0</v>
      </c>
      <c r="CB24" s="313">
        <v>0</v>
      </c>
      <c r="CC24" s="310">
        <v>0</v>
      </c>
      <c r="CD24" s="312">
        <v>0</v>
      </c>
      <c r="CE24" s="313">
        <v>21</v>
      </c>
      <c r="CF24" s="313">
        <v>7</v>
      </c>
      <c r="CG24" s="313">
        <v>25</v>
      </c>
      <c r="CH24" s="313">
        <v>12</v>
      </c>
      <c r="CI24" s="313">
        <v>3</v>
      </c>
      <c r="CJ24" s="310">
        <v>68</v>
      </c>
      <c r="CK24" s="315">
        <v>68</v>
      </c>
      <c r="CL24" s="309">
        <v>0</v>
      </c>
      <c r="CM24" s="313">
        <v>0</v>
      </c>
      <c r="CN24" s="310">
        <v>0</v>
      </c>
      <c r="CO24" s="312">
        <v>0</v>
      </c>
      <c r="CP24" s="313">
        <v>0</v>
      </c>
      <c r="CQ24" s="313">
        <v>0</v>
      </c>
      <c r="CR24" s="313">
        <v>0</v>
      </c>
      <c r="CS24" s="313">
        <v>0</v>
      </c>
      <c r="CT24" s="313">
        <v>0</v>
      </c>
      <c r="CU24" s="310">
        <v>0</v>
      </c>
      <c r="CV24" s="315">
        <v>0</v>
      </c>
      <c r="CW24" s="309">
        <v>0</v>
      </c>
      <c r="CX24" s="313">
        <v>0</v>
      </c>
      <c r="CY24" s="310">
        <v>0</v>
      </c>
      <c r="CZ24" s="312">
        <v>0</v>
      </c>
      <c r="DA24" s="313">
        <v>0</v>
      </c>
      <c r="DB24" s="313">
        <v>0</v>
      </c>
      <c r="DC24" s="313">
        <v>0</v>
      </c>
      <c r="DD24" s="313">
        <v>0</v>
      </c>
      <c r="DE24" s="313">
        <v>0</v>
      </c>
      <c r="DF24" s="310">
        <v>0</v>
      </c>
      <c r="DG24" s="315">
        <v>0</v>
      </c>
    </row>
    <row r="25" spans="1:111" ht="18.75" customHeight="1" x14ac:dyDescent="0.2">
      <c r="A25" s="294" t="s">
        <v>23</v>
      </c>
      <c r="B25" s="309">
        <v>0</v>
      </c>
      <c r="C25" s="310">
        <v>0</v>
      </c>
      <c r="D25" s="311">
        <v>0</v>
      </c>
      <c r="E25" s="312">
        <v>0</v>
      </c>
      <c r="F25" s="313">
        <v>1556</v>
      </c>
      <c r="G25" s="313">
        <v>2274</v>
      </c>
      <c r="H25" s="313">
        <v>2905</v>
      </c>
      <c r="I25" s="313">
        <v>3254</v>
      </c>
      <c r="J25" s="313">
        <v>1977</v>
      </c>
      <c r="K25" s="314">
        <v>11966</v>
      </c>
      <c r="L25" s="315">
        <v>11966</v>
      </c>
      <c r="M25" s="309">
        <v>0</v>
      </c>
      <c r="N25" s="313">
        <v>0</v>
      </c>
      <c r="O25" s="310">
        <v>0</v>
      </c>
      <c r="P25" s="312">
        <v>0</v>
      </c>
      <c r="Q25" s="313">
        <v>4</v>
      </c>
      <c r="R25" s="313">
        <v>19</v>
      </c>
      <c r="S25" s="313">
        <v>46</v>
      </c>
      <c r="T25" s="313">
        <v>56</v>
      </c>
      <c r="U25" s="313">
        <v>80</v>
      </c>
      <c r="V25" s="310">
        <v>205</v>
      </c>
      <c r="W25" s="315">
        <v>205</v>
      </c>
      <c r="X25" s="309">
        <v>157</v>
      </c>
      <c r="Y25" s="313">
        <v>401</v>
      </c>
      <c r="Z25" s="310">
        <v>558</v>
      </c>
      <c r="AA25" s="312">
        <v>0</v>
      </c>
      <c r="AB25" s="313">
        <v>1082</v>
      </c>
      <c r="AC25" s="313">
        <v>1528</v>
      </c>
      <c r="AD25" s="313">
        <v>788</v>
      </c>
      <c r="AE25" s="313">
        <v>742</v>
      </c>
      <c r="AF25" s="313">
        <v>628</v>
      </c>
      <c r="AG25" s="310">
        <v>4768</v>
      </c>
      <c r="AH25" s="315">
        <v>5326</v>
      </c>
      <c r="AI25" s="309">
        <v>6</v>
      </c>
      <c r="AJ25" s="313">
        <v>102</v>
      </c>
      <c r="AK25" s="310">
        <v>108</v>
      </c>
      <c r="AL25" s="312">
        <v>0</v>
      </c>
      <c r="AM25" s="313">
        <v>138</v>
      </c>
      <c r="AN25" s="313">
        <v>181</v>
      </c>
      <c r="AO25" s="313">
        <v>179</v>
      </c>
      <c r="AP25" s="313">
        <v>20</v>
      </c>
      <c r="AQ25" s="313">
        <v>63</v>
      </c>
      <c r="AR25" s="310">
        <v>581</v>
      </c>
      <c r="AS25" s="315">
        <v>689</v>
      </c>
      <c r="AT25" s="309">
        <v>0</v>
      </c>
      <c r="AU25" s="313">
        <v>0</v>
      </c>
      <c r="AV25" s="310">
        <v>0</v>
      </c>
      <c r="AW25" s="312">
        <v>0</v>
      </c>
      <c r="AX25" s="313">
        <v>2847</v>
      </c>
      <c r="AY25" s="313">
        <v>2483</v>
      </c>
      <c r="AZ25" s="313">
        <v>1226</v>
      </c>
      <c r="BA25" s="313">
        <v>957</v>
      </c>
      <c r="BB25" s="313">
        <v>428</v>
      </c>
      <c r="BC25" s="314">
        <v>7941</v>
      </c>
      <c r="BD25" s="315">
        <v>7941</v>
      </c>
      <c r="BE25" s="309">
        <v>0</v>
      </c>
      <c r="BF25" s="313">
        <v>0</v>
      </c>
      <c r="BG25" s="310">
        <v>0</v>
      </c>
      <c r="BH25" s="312">
        <v>0</v>
      </c>
      <c r="BI25" s="313">
        <v>343</v>
      </c>
      <c r="BJ25" s="313">
        <v>487</v>
      </c>
      <c r="BK25" s="313">
        <v>216</v>
      </c>
      <c r="BL25" s="313">
        <v>225</v>
      </c>
      <c r="BM25" s="313">
        <v>35</v>
      </c>
      <c r="BN25" s="310">
        <v>1306</v>
      </c>
      <c r="BO25" s="315">
        <v>1306</v>
      </c>
      <c r="BP25" s="309">
        <v>6</v>
      </c>
      <c r="BQ25" s="313">
        <v>40</v>
      </c>
      <c r="BR25" s="310">
        <v>46</v>
      </c>
      <c r="BS25" s="312">
        <v>0</v>
      </c>
      <c r="BT25" s="313">
        <v>96</v>
      </c>
      <c r="BU25" s="313">
        <v>403</v>
      </c>
      <c r="BV25" s="313">
        <v>409</v>
      </c>
      <c r="BW25" s="313">
        <v>473</v>
      </c>
      <c r="BX25" s="313">
        <v>169</v>
      </c>
      <c r="BY25" s="310">
        <v>1550</v>
      </c>
      <c r="BZ25" s="315">
        <v>1596</v>
      </c>
      <c r="CA25" s="309">
        <v>0</v>
      </c>
      <c r="CB25" s="313">
        <v>0</v>
      </c>
      <c r="CC25" s="310">
        <v>0</v>
      </c>
      <c r="CD25" s="312">
        <v>0</v>
      </c>
      <c r="CE25" s="313">
        <v>0</v>
      </c>
      <c r="CF25" s="313">
        <v>23</v>
      </c>
      <c r="CG25" s="313">
        <v>8</v>
      </c>
      <c r="CH25" s="313">
        <v>17</v>
      </c>
      <c r="CI25" s="313">
        <v>35</v>
      </c>
      <c r="CJ25" s="310">
        <v>83</v>
      </c>
      <c r="CK25" s="315">
        <v>83</v>
      </c>
      <c r="CL25" s="309">
        <v>0</v>
      </c>
      <c r="CM25" s="313">
        <v>0</v>
      </c>
      <c r="CN25" s="310">
        <v>0</v>
      </c>
      <c r="CO25" s="312">
        <v>0</v>
      </c>
      <c r="CP25" s="313">
        <v>0</v>
      </c>
      <c r="CQ25" s="313">
        <v>0</v>
      </c>
      <c r="CR25" s="313">
        <v>0</v>
      </c>
      <c r="CS25" s="313">
        <v>0</v>
      </c>
      <c r="CT25" s="313">
        <v>0</v>
      </c>
      <c r="CU25" s="310">
        <v>0</v>
      </c>
      <c r="CV25" s="315">
        <v>0</v>
      </c>
      <c r="CW25" s="309">
        <v>0</v>
      </c>
      <c r="CX25" s="313">
        <v>0</v>
      </c>
      <c r="CY25" s="310">
        <v>0</v>
      </c>
      <c r="CZ25" s="312">
        <v>0</v>
      </c>
      <c r="DA25" s="313">
        <v>0</v>
      </c>
      <c r="DB25" s="313">
        <v>0</v>
      </c>
      <c r="DC25" s="313">
        <v>0</v>
      </c>
      <c r="DD25" s="313">
        <v>0</v>
      </c>
      <c r="DE25" s="313">
        <v>0</v>
      </c>
      <c r="DF25" s="310">
        <v>0</v>
      </c>
      <c r="DG25" s="315">
        <v>0</v>
      </c>
    </row>
    <row r="26" spans="1:111" ht="18.75" customHeight="1" x14ac:dyDescent="0.2">
      <c r="A26" s="294" t="s">
        <v>24</v>
      </c>
      <c r="B26" s="309">
        <v>0</v>
      </c>
      <c r="C26" s="310">
        <v>0</v>
      </c>
      <c r="D26" s="311">
        <v>0</v>
      </c>
      <c r="E26" s="312">
        <v>0</v>
      </c>
      <c r="F26" s="313">
        <v>883</v>
      </c>
      <c r="G26" s="313">
        <v>780</v>
      </c>
      <c r="H26" s="313">
        <v>660</v>
      </c>
      <c r="I26" s="313">
        <v>1471</v>
      </c>
      <c r="J26" s="313">
        <v>2087</v>
      </c>
      <c r="K26" s="314">
        <v>5881</v>
      </c>
      <c r="L26" s="315">
        <v>5881</v>
      </c>
      <c r="M26" s="309">
        <v>0</v>
      </c>
      <c r="N26" s="313">
        <v>0</v>
      </c>
      <c r="O26" s="310">
        <v>0</v>
      </c>
      <c r="P26" s="312">
        <v>0</v>
      </c>
      <c r="Q26" s="313">
        <v>0</v>
      </c>
      <c r="R26" s="313">
        <v>0</v>
      </c>
      <c r="S26" s="313">
        <v>26</v>
      </c>
      <c r="T26" s="313">
        <v>50</v>
      </c>
      <c r="U26" s="313">
        <v>86</v>
      </c>
      <c r="V26" s="310">
        <v>162</v>
      </c>
      <c r="W26" s="315">
        <v>162</v>
      </c>
      <c r="X26" s="309">
        <v>95</v>
      </c>
      <c r="Y26" s="313">
        <v>120</v>
      </c>
      <c r="Z26" s="310">
        <v>215</v>
      </c>
      <c r="AA26" s="312">
        <v>0</v>
      </c>
      <c r="AB26" s="313">
        <v>530</v>
      </c>
      <c r="AC26" s="313">
        <v>531</v>
      </c>
      <c r="AD26" s="313">
        <v>225</v>
      </c>
      <c r="AE26" s="313">
        <v>356</v>
      </c>
      <c r="AF26" s="313">
        <v>347</v>
      </c>
      <c r="AG26" s="310">
        <v>1989</v>
      </c>
      <c r="AH26" s="315">
        <v>2204</v>
      </c>
      <c r="AI26" s="309">
        <v>30</v>
      </c>
      <c r="AJ26" s="313">
        <v>36</v>
      </c>
      <c r="AK26" s="310">
        <v>66</v>
      </c>
      <c r="AL26" s="312">
        <v>0</v>
      </c>
      <c r="AM26" s="313">
        <v>67</v>
      </c>
      <c r="AN26" s="313">
        <v>60</v>
      </c>
      <c r="AO26" s="313">
        <v>50</v>
      </c>
      <c r="AP26" s="313">
        <v>60</v>
      </c>
      <c r="AQ26" s="313">
        <v>73</v>
      </c>
      <c r="AR26" s="310">
        <v>310</v>
      </c>
      <c r="AS26" s="315">
        <v>376</v>
      </c>
      <c r="AT26" s="309">
        <v>0</v>
      </c>
      <c r="AU26" s="313">
        <v>0</v>
      </c>
      <c r="AV26" s="310">
        <v>0</v>
      </c>
      <c r="AW26" s="312">
        <v>0</v>
      </c>
      <c r="AX26" s="313">
        <v>937</v>
      </c>
      <c r="AY26" s="313">
        <v>846</v>
      </c>
      <c r="AZ26" s="313">
        <v>386</v>
      </c>
      <c r="BA26" s="313">
        <v>240</v>
      </c>
      <c r="BB26" s="313">
        <v>51</v>
      </c>
      <c r="BC26" s="314">
        <v>2460</v>
      </c>
      <c r="BD26" s="315">
        <v>2460</v>
      </c>
      <c r="BE26" s="309">
        <v>0</v>
      </c>
      <c r="BF26" s="313">
        <v>0</v>
      </c>
      <c r="BG26" s="310">
        <v>0</v>
      </c>
      <c r="BH26" s="312">
        <v>0</v>
      </c>
      <c r="BI26" s="313">
        <v>405</v>
      </c>
      <c r="BJ26" s="313">
        <v>261</v>
      </c>
      <c r="BK26" s="313">
        <v>162</v>
      </c>
      <c r="BL26" s="313">
        <v>82</v>
      </c>
      <c r="BM26" s="313">
        <v>72</v>
      </c>
      <c r="BN26" s="310">
        <v>982</v>
      </c>
      <c r="BO26" s="315">
        <v>982</v>
      </c>
      <c r="BP26" s="309">
        <v>0</v>
      </c>
      <c r="BQ26" s="313">
        <v>2</v>
      </c>
      <c r="BR26" s="310">
        <v>2</v>
      </c>
      <c r="BS26" s="312">
        <v>0</v>
      </c>
      <c r="BT26" s="313">
        <v>174</v>
      </c>
      <c r="BU26" s="313">
        <v>295</v>
      </c>
      <c r="BV26" s="313">
        <v>390</v>
      </c>
      <c r="BW26" s="313">
        <v>192</v>
      </c>
      <c r="BX26" s="313">
        <v>126</v>
      </c>
      <c r="BY26" s="310">
        <v>1177</v>
      </c>
      <c r="BZ26" s="315">
        <v>1179</v>
      </c>
      <c r="CA26" s="309">
        <v>0</v>
      </c>
      <c r="CB26" s="313">
        <v>0</v>
      </c>
      <c r="CC26" s="310">
        <v>0</v>
      </c>
      <c r="CD26" s="312">
        <v>0</v>
      </c>
      <c r="CE26" s="313">
        <v>2</v>
      </c>
      <c r="CF26" s="313">
        <v>13</v>
      </c>
      <c r="CG26" s="313">
        <v>14</v>
      </c>
      <c r="CH26" s="313">
        <v>0</v>
      </c>
      <c r="CI26" s="313">
        <v>0</v>
      </c>
      <c r="CJ26" s="310">
        <v>29</v>
      </c>
      <c r="CK26" s="315">
        <v>29</v>
      </c>
      <c r="CL26" s="309">
        <v>0</v>
      </c>
      <c r="CM26" s="313">
        <v>0</v>
      </c>
      <c r="CN26" s="310">
        <v>0</v>
      </c>
      <c r="CO26" s="312">
        <v>0</v>
      </c>
      <c r="CP26" s="313">
        <v>0</v>
      </c>
      <c r="CQ26" s="313">
        <v>0</v>
      </c>
      <c r="CR26" s="313">
        <v>0</v>
      </c>
      <c r="CS26" s="313">
        <v>0</v>
      </c>
      <c r="CT26" s="313">
        <v>0</v>
      </c>
      <c r="CU26" s="310">
        <v>0</v>
      </c>
      <c r="CV26" s="315">
        <v>0</v>
      </c>
      <c r="CW26" s="309">
        <v>0</v>
      </c>
      <c r="CX26" s="313">
        <v>0</v>
      </c>
      <c r="CY26" s="310">
        <v>0</v>
      </c>
      <c r="CZ26" s="312">
        <v>0</v>
      </c>
      <c r="DA26" s="313">
        <v>0</v>
      </c>
      <c r="DB26" s="313">
        <v>0</v>
      </c>
      <c r="DC26" s="313">
        <v>0</v>
      </c>
      <c r="DD26" s="313">
        <v>0</v>
      </c>
      <c r="DE26" s="313">
        <v>0</v>
      </c>
      <c r="DF26" s="310">
        <v>0</v>
      </c>
      <c r="DG26" s="315">
        <v>0</v>
      </c>
    </row>
    <row r="27" spans="1:111" ht="18.75" customHeight="1" x14ac:dyDescent="0.2">
      <c r="A27" s="294" t="s">
        <v>25</v>
      </c>
      <c r="B27" s="309">
        <v>0</v>
      </c>
      <c r="C27" s="310">
        <v>0</v>
      </c>
      <c r="D27" s="311">
        <v>0</v>
      </c>
      <c r="E27" s="312">
        <v>0</v>
      </c>
      <c r="F27" s="313">
        <v>970</v>
      </c>
      <c r="G27" s="313">
        <v>1144</v>
      </c>
      <c r="H27" s="313">
        <v>1607</v>
      </c>
      <c r="I27" s="313">
        <v>2362</v>
      </c>
      <c r="J27" s="313">
        <v>2502</v>
      </c>
      <c r="K27" s="314">
        <v>8585</v>
      </c>
      <c r="L27" s="315">
        <v>8585</v>
      </c>
      <c r="M27" s="309">
        <v>0</v>
      </c>
      <c r="N27" s="313">
        <v>0</v>
      </c>
      <c r="O27" s="310">
        <v>0</v>
      </c>
      <c r="P27" s="312">
        <v>0</v>
      </c>
      <c r="Q27" s="313">
        <v>8</v>
      </c>
      <c r="R27" s="313">
        <v>23</v>
      </c>
      <c r="S27" s="313">
        <v>36</v>
      </c>
      <c r="T27" s="313">
        <v>86</v>
      </c>
      <c r="U27" s="313">
        <v>144</v>
      </c>
      <c r="V27" s="310">
        <v>297</v>
      </c>
      <c r="W27" s="315">
        <v>297</v>
      </c>
      <c r="X27" s="309">
        <v>73</v>
      </c>
      <c r="Y27" s="313">
        <v>162</v>
      </c>
      <c r="Z27" s="310">
        <v>235</v>
      </c>
      <c r="AA27" s="312">
        <v>0</v>
      </c>
      <c r="AB27" s="313">
        <v>517</v>
      </c>
      <c r="AC27" s="313">
        <v>463</v>
      </c>
      <c r="AD27" s="313">
        <v>298</v>
      </c>
      <c r="AE27" s="313">
        <v>299</v>
      </c>
      <c r="AF27" s="313">
        <v>387</v>
      </c>
      <c r="AG27" s="310">
        <v>1964</v>
      </c>
      <c r="AH27" s="315">
        <v>2199</v>
      </c>
      <c r="AI27" s="309">
        <v>15</v>
      </c>
      <c r="AJ27" s="313">
        <v>46</v>
      </c>
      <c r="AK27" s="310">
        <v>61</v>
      </c>
      <c r="AL27" s="312">
        <v>0</v>
      </c>
      <c r="AM27" s="313">
        <v>28</v>
      </c>
      <c r="AN27" s="313">
        <v>57</v>
      </c>
      <c r="AO27" s="313">
        <v>122</v>
      </c>
      <c r="AP27" s="313">
        <v>26</v>
      </c>
      <c r="AQ27" s="313">
        <v>67</v>
      </c>
      <c r="AR27" s="310">
        <v>300</v>
      </c>
      <c r="AS27" s="315">
        <v>361</v>
      </c>
      <c r="AT27" s="309">
        <v>0</v>
      </c>
      <c r="AU27" s="313">
        <v>0</v>
      </c>
      <c r="AV27" s="310">
        <v>0</v>
      </c>
      <c r="AW27" s="312">
        <v>0</v>
      </c>
      <c r="AX27" s="313">
        <v>1086</v>
      </c>
      <c r="AY27" s="313">
        <v>669</v>
      </c>
      <c r="AZ27" s="313">
        <v>381</v>
      </c>
      <c r="BA27" s="313">
        <v>573</v>
      </c>
      <c r="BB27" s="313">
        <v>52</v>
      </c>
      <c r="BC27" s="314">
        <v>2761</v>
      </c>
      <c r="BD27" s="315">
        <v>2761</v>
      </c>
      <c r="BE27" s="309">
        <v>0</v>
      </c>
      <c r="BF27" s="313">
        <v>0</v>
      </c>
      <c r="BG27" s="310">
        <v>0</v>
      </c>
      <c r="BH27" s="312">
        <v>0</v>
      </c>
      <c r="BI27" s="313">
        <v>285</v>
      </c>
      <c r="BJ27" s="313">
        <v>498</v>
      </c>
      <c r="BK27" s="313">
        <v>184</v>
      </c>
      <c r="BL27" s="313">
        <v>163</v>
      </c>
      <c r="BM27" s="313">
        <v>63</v>
      </c>
      <c r="BN27" s="310">
        <v>1193</v>
      </c>
      <c r="BO27" s="315">
        <v>1193</v>
      </c>
      <c r="BP27" s="309">
        <v>0</v>
      </c>
      <c r="BQ27" s="313">
        <v>3</v>
      </c>
      <c r="BR27" s="310">
        <v>3</v>
      </c>
      <c r="BS27" s="312">
        <v>0</v>
      </c>
      <c r="BT27" s="313">
        <v>65</v>
      </c>
      <c r="BU27" s="313">
        <v>196</v>
      </c>
      <c r="BV27" s="313">
        <v>178</v>
      </c>
      <c r="BW27" s="313">
        <v>109</v>
      </c>
      <c r="BX27" s="313">
        <v>70</v>
      </c>
      <c r="BY27" s="310">
        <v>618</v>
      </c>
      <c r="BZ27" s="315">
        <v>621</v>
      </c>
      <c r="CA27" s="309">
        <v>0</v>
      </c>
      <c r="CB27" s="313">
        <v>0</v>
      </c>
      <c r="CC27" s="310">
        <v>0</v>
      </c>
      <c r="CD27" s="312">
        <v>0</v>
      </c>
      <c r="CE27" s="313">
        <v>16</v>
      </c>
      <c r="CF27" s="313">
        <v>16</v>
      </c>
      <c r="CG27" s="313">
        <v>23</v>
      </c>
      <c r="CH27" s="313">
        <v>22</v>
      </c>
      <c r="CI27" s="313">
        <v>18</v>
      </c>
      <c r="CJ27" s="310">
        <v>95</v>
      </c>
      <c r="CK27" s="315">
        <v>95</v>
      </c>
      <c r="CL27" s="309">
        <v>0</v>
      </c>
      <c r="CM27" s="313">
        <v>0</v>
      </c>
      <c r="CN27" s="310">
        <v>0</v>
      </c>
      <c r="CO27" s="312">
        <v>0</v>
      </c>
      <c r="CP27" s="313">
        <v>0</v>
      </c>
      <c r="CQ27" s="313">
        <v>0</v>
      </c>
      <c r="CR27" s="313">
        <v>0</v>
      </c>
      <c r="CS27" s="313">
        <v>0</v>
      </c>
      <c r="CT27" s="313">
        <v>0</v>
      </c>
      <c r="CU27" s="310">
        <v>0</v>
      </c>
      <c r="CV27" s="315">
        <v>0</v>
      </c>
      <c r="CW27" s="309">
        <v>0</v>
      </c>
      <c r="CX27" s="313">
        <v>0</v>
      </c>
      <c r="CY27" s="310">
        <v>0</v>
      </c>
      <c r="CZ27" s="312">
        <v>0</v>
      </c>
      <c r="DA27" s="313">
        <v>0</v>
      </c>
      <c r="DB27" s="313">
        <v>0</v>
      </c>
      <c r="DC27" s="313">
        <v>0</v>
      </c>
      <c r="DD27" s="313">
        <v>0</v>
      </c>
      <c r="DE27" s="313">
        <v>0</v>
      </c>
      <c r="DF27" s="310">
        <v>0</v>
      </c>
      <c r="DG27" s="315">
        <v>0</v>
      </c>
    </row>
    <row r="28" spans="1:111" ht="18.75" customHeight="1" x14ac:dyDescent="0.2">
      <c r="A28" s="294" t="s">
        <v>26</v>
      </c>
      <c r="B28" s="309">
        <v>0</v>
      </c>
      <c r="C28" s="310">
        <v>0</v>
      </c>
      <c r="D28" s="311">
        <v>0</v>
      </c>
      <c r="E28" s="312">
        <v>0</v>
      </c>
      <c r="F28" s="313">
        <v>702</v>
      </c>
      <c r="G28" s="313">
        <v>1583</v>
      </c>
      <c r="H28" s="313">
        <v>969</v>
      </c>
      <c r="I28" s="313">
        <v>1285</v>
      </c>
      <c r="J28" s="313">
        <v>1972</v>
      </c>
      <c r="K28" s="314">
        <v>6511</v>
      </c>
      <c r="L28" s="315">
        <v>6511</v>
      </c>
      <c r="M28" s="309">
        <v>0</v>
      </c>
      <c r="N28" s="313">
        <v>0</v>
      </c>
      <c r="O28" s="310">
        <v>0</v>
      </c>
      <c r="P28" s="312">
        <v>0</v>
      </c>
      <c r="Q28" s="313">
        <v>0</v>
      </c>
      <c r="R28" s="313">
        <v>8</v>
      </c>
      <c r="S28" s="313">
        <v>9</v>
      </c>
      <c r="T28" s="313">
        <v>50</v>
      </c>
      <c r="U28" s="313">
        <v>105</v>
      </c>
      <c r="V28" s="310">
        <v>172</v>
      </c>
      <c r="W28" s="315">
        <v>172</v>
      </c>
      <c r="X28" s="309">
        <v>67</v>
      </c>
      <c r="Y28" s="313">
        <v>157</v>
      </c>
      <c r="Z28" s="310">
        <v>224</v>
      </c>
      <c r="AA28" s="312">
        <v>0</v>
      </c>
      <c r="AB28" s="313">
        <v>362</v>
      </c>
      <c r="AC28" s="313">
        <v>449</v>
      </c>
      <c r="AD28" s="313">
        <v>305</v>
      </c>
      <c r="AE28" s="313">
        <v>153</v>
      </c>
      <c r="AF28" s="313">
        <v>443</v>
      </c>
      <c r="AG28" s="310">
        <v>1712</v>
      </c>
      <c r="AH28" s="315">
        <v>1936</v>
      </c>
      <c r="AI28" s="309">
        <v>18</v>
      </c>
      <c r="AJ28" s="313">
        <v>0</v>
      </c>
      <c r="AK28" s="310">
        <v>18</v>
      </c>
      <c r="AL28" s="312">
        <v>0</v>
      </c>
      <c r="AM28" s="313">
        <v>78</v>
      </c>
      <c r="AN28" s="313">
        <v>53</v>
      </c>
      <c r="AO28" s="313">
        <v>38</v>
      </c>
      <c r="AP28" s="313">
        <v>26</v>
      </c>
      <c r="AQ28" s="313">
        <v>38</v>
      </c>
      <c r="AR28" s="310">
        <v>233</v>
      </c>
      <c r="AS28" s="315">
        <v>251</v>
      </c>
      <c r="AT28" s="309">
        <v>0</v>
      </c>
      <c r="AU28" s="313">
        <v>0</v>
      </c>
      <c r="AV28" s="310">
        <v>0</v>
      </c>
      <c r="AW28" s="312">
        <v>0</v>
      </c>
      <c r="AX28" s="313">
        <v>957</v>
      </c>
      <c r="AY28" s="313">
        <v>721</v>
      </c>
      <c r="AZ28" s="313">
        <v>521</v>
      </c>
      <c r="BA28" s="313">
        <v>256</v>
      </c>
      <c r="BB28" s="313">
        <v>232</v>
      </c>
      <c r="BC28" s="314">
        <v>2687</v>
      </c>
      <c r="BD28" s="315">
        <v>2687</v>
      </c>
      <c r="BE28" s="309">
        <v>0</v>
      </c>
      <c r="BF28" s="313">
        <v>0</v>
      </c>
      <c r="BG28" s="310">
        <v>0</v>
      </c>
      <c r="BH28" s="312">
        <v>0</v>
      </c>
      <c r="BI28" s="313">
        <v>125</v>
      </c>
      <c r="BJ28" s="313">
        <v>181</v>
      </c>
      <c r="BK28" s="313">
        <v>73</v>
      </c>
      <c r="BL28" s="313">
        <v>67</v>
      </c>
      <c r="BM28" s="313">
        <v>34</v>
      </c>
      <c r="BN28" s="310">
        <v>480</v>
      </c>
      <c r="BO28" s="315">
        <v>480</v>
      </c>
      <c r="BP28" s="309">
        <v>0</v>
      </c>
      <c r="BQ28" s="313">
        <v>11</v>
      </c>
      <c r="BR28" s="310">
        <v>11</v>
      </c>
      <c r="BS28" s="312">
        <v>0</v>
      </c>
      <c r="BT28" s="313">
        <v>87</v>
      </c>
      <c r="BU28" s="313">
        <v>117</v>
      </c>
      <c r="BV28" s="313">
        <v>294</v>
      </c>
      <c r="BW28" s="313">
        <v>309</v>
      </c>
      <c r="BX28" s="313">
        <v>82</v>
      </c>
      <c r="BY28" s="310">
        <v>889</v>
      </c>
      <c r="BZ28" s="315">
        <v>900</v>
      </c>
      <c r="CA28" s="309">
        <v>0</v>
      </c>
      <c r="CB28" s="313">
        <v>0</v>
      </c>
      <c r="CC28" s="310">
        <v>0</v>
      </c>
      <c r="CD28" s="312">
        <v>0</v>
      </c>
      <c r="CE28" s="313">
        <v>9</v>
      </c>
      <c r="CF28" s="313">
        <v>9</v>
      </c>
      <c r="CG28" s="313">
        <v>32</v>
      </c>
      <c r="CH28" s="313">
        <v>24</v>
      </c>
      <c r="CI28" s="313">
        <v>9</v>
      </c>
      <c r="CJ28" s="310">
        <v>83</v>
      </c>
      <c r="CK28" s="315">
        <v>83</v>
      </c>
      <c r="CL28" s="309">
        <v>0</v>
      </c>
      <c r="CM28" s="313">
        <v>0</v>
      </c>
      <c r="CN28" s="310">
        <v>0</v>
      </c>
      <c r="CO28" s="312">
        <v>0</v>
      </c>
      <c r="CP28" s="313">
        <v>0</v>
      </c>
      <c r="CQ28" s="313">
        <v>0</v>
      </c>
      <c r="CR28" s="313">
        <v>0</v>
      </c>
      <c r="CS28" s="313">
        <v>0</v>
      </c>
      <c r="CT28" s="313">
        <v>0</v>
      </c>
      <c r="CU28" s="310">
        <v>0</v>
      </c>
      <c r="CV28" s="315">
        <v>0</v>
      </c>
      <c r="CW28" s="309">
        <v>0</v>
      </c>
      <c r="CX28" s="313">
        <v>0</v>
      </c>
      <c r="CY28" s="310">
        <v>0</v>
      </c>
      <c r="CZ28" s="312">
        <v>0</v>
      </c>
      <c r="DA28" s="313">
        <v>0</v>
      </c>
      <c r="DB28" s="313">
        <v>0</v>
      </c>
      <c r="DC28" s="313">
        <v>0</v>
      </c>
      <c r="DD28" s="313">
        <v>0</v>
      </c>
      <c r="DE28" s="313">
        <v>0</v>
      </c>
      <c r="DF28" s="310">
        <v>0</v>
      </c>
      <c r="DG28" s="315">
        <v>0</v>
      </c>
    </row>
    <row r="29" spans="1:111" ht="18.75" customHeight="1" x14ac:dyDescent="0.2">
      <c r="A29" s="294" t="s">
        <v>27</v>
      </c>
      <c r="B29" s="309">
        <v>0</v>
      </c>
      <c r="C29" s="310">
        <v>0</v>
      </c>
      <c r="D29" s="311">
        <v>0</v>
      </c>
      <c r="E29" s="312">
        <v>0</v>
      </c>
      <c r="F29" s="313">
        <v>821</v>
      </c>
      <c r="G29" s="313">
        <v>863</v>
      </c>
      <c r="H29" s="313">
        <v>982</v>
      </c>
      <c r="I29" s="313">
        <v>997</v>
      </c>
      <c r="J29" s="313">
        <v>1796</v>
      </c>
      <c r="K29" s="314">
        <v>5459</v>
      </c>
      <c r="L29" s="315">
        <v>5459</v>
      </c>
      <c r="M29" s="309">
        <v>0</v>
      </c>
      <c r="N29" s="313">
        <v>0</v>
      </c>
      <c r="O29" s="310">
        <v>0</v>
      </c>
      <c r="P29" s="312">
        <v>0</v>
      </c>
      <c r="Q29" s="313">
        <v>4</v>
      </c>
      <c r="R29" s="313">
        <v>6</v>
      </c>
      <c r="S29" s="313">
        <v>16</v>
      </c>
      <c r="T29" s="313">
        <v>51</v>
      </c>
      <c r="U29" s="313">
        <v>76</v>
      </c>
      <c r="V29" s="310">
        <v>153</v>
      </c>
      <c r="W29" s="315">
        <v>153</v>
      </c>
      <c r="X29" s="309">
        <v>152</v>
      </c>
      <c r="Y29" s="313">
        <v>232</v>
      </c>
      <c r="Z29" s="310">
        <v>384</v>
      </c>
      <c r="AA29" s="312">
        <v>0</v>
      </c>
      <c r="AB29" s="313">
        <v>227</v>
      </c>
      <c r="AC29" s="313">
        <v>336</v>
      </c>
      <c r="AD29" s="313">
        <v>293</v>
      </c>
      <c r="AE29" s="313">
        <v>321</v>
      </c>
      <c r="AF29" s="313">
        <v>160</v>
      </c>
      <c r="AG29" s="310">
        <v>1337</v>
      </c>
      <c r="AH29" s="315">
        <v>1721</v>
      </c>
      <c r="AI29" s="309">
        <v>0</v>
      </c>
      <c r="AJ29" s="313">
        <v>39</v>
      </c>
      <c r="AK29" s="310">
        <v>39</v>
      </c>
      <c r="AL29" s="312">
        <v>0</v>
      </c>
      <c r="AM29" s="313">
        <v>0</v>
      </c>
      <c r="AN29" s="313">
        <v>30</v>
      </c>
      <c r="AO29" s="313">
        <v>38</v>
      </c>
      <c r="AP29" s="313">
        <v>0</v>
      </c>
      <c r="AQ29" s="313">
        <v>26</v>
      </c>
      <c r="AR29" s="310">
        <v>94</v>
      </c>
      <c r="AS29" s="315">
        <v>133</v>
      </c>
      <c r="AT29" s="309">
        <v>0</v>
      </c>
      <c r="AU29" s="313">
        <v>0</v>
      </c>
      <c r="AV29" s="310">
        <v>0</v>
      </c>
      <c r="AW29" s="312">
        <v>0</v>
      </c>
      <c r="AX29" s="313">
        <v>854</v>
      </c>
      <c r="AY29" s="313">
        <v>691</v>
      </c>
      <c r="AZ29" s="313">
        <v>486</v>
      </c>
      <c r="BA29" s="313">
        <v>299</v>
      </c>
      <c r="BB29" s="313">
        <v>175</v>
      </c>
      <c r="BC29" s="314">
        <v>2505</v>
      </c>
      <c r="BD29" s="315">
        <v>2505</v>
      </c>
      <c r="BE29" s="309">
        <v>0</v>
      </c>
      <c r="BF29" s="313">
        <v>0</v>
      </c>
      <c r="BG29" s="310">
        <v>0</v>
      </c>
      <c r="BH29" s="312">
        <v>0</v>
      </c>
      <c r="BI29" s="313">
        <v>131</v>
      </c>
      <c r="BJ29" s="313">
        <v>179</v>
      </c>
      <c r="BK29" s="313">
        <v>103</v>
      </c>
      <c r="BL29" s="313">
        <v>61</v>
      </c>
      <c r="BM29" s="313">
        <v>38</v>
      </c>
      <c r="BN29" s="310">
        <v>512</v>
      </c>
      <c r="BO29" s="315">
        <v>512</v>
      </c>
      <c r="BP29" s="309">
        <v>0</v>
      </c>
      <c r="BQ29" s="313">
        <v>0</v>
      </c>
      <c r="BR29" s="310">
        <v>0</v>
      </c>
      <c r="BS29" s="312">
        <v>0</v>
      </c>
      <c r="BT29" s="313">
        <v>60</v>
      </c>
      <c r="BU29" s="313">
        <v>78</v>
      </c>
      <c r="BV29" s="313">
        <v>130</v>
      </c>
      <c r="BW29" s="313">
        <v>148</v>
      </c>
      <c r="BX29" s="313">
        <v>45</v>
      </c>
      <c r="BY29" s="310">
        <v>461</v>
      </c>
      <c r="BZ29" s="315">
        <v>461</v>
      </c>
      <c r="CA29" s="309">
        <v>13</v>
      </c>
      <c r="CB29" s="313">
        <v>0</v>
      </c>
      <c r="CC29" s="310">
        <v>13</v>
      </c>
      <c r="CD29" s="312">
        <v>0</v>
      </c>
      <c r="CE29" s="313">
        <v>15</v>
      </c>
      <c r="CF29" s="313">
        <v>12</v>
      </c>
      <c r="CG29" s="313">
        <v>43</v>
      </c>
      <c r="CH29" s="313">
        <v>14</v>
      </c>
      <c r="CI29" s="313">
        <v>27</v>
      </c>
      <c r="CJ29" s="310">
        <v>111</v>
      </c>
      <c r="CK29" s="315">
        <v>124</v>
      </c>
      <c r="CL29" s="309">
        <v>0</v>
      </c>
      <c r="CM29" s="313">
        <v>0</v>
      </c>
      <c r="CN29" s="310">
        <v>0</v>
      </c>
      <c r="CO29" s="312">
        <v>0</v>
      </c>
      <c r="CP29" s="313">
        <v>0</v>
      </c>
      <c r="CQ29" s="313">
        <v>0</v>
      </c>
      <c r="CR29" s="313">
        <v>0</v>
      </c>
      <c r="CS29" s="313">
        <v>0</v>
      </c>
      <c r="CT29" s="313">
        <v>0</v>
      </c>
      <c r="CU29" s="310">
        <v>0</v>
      </c>
      <c r="CV29" s="315">
        <v>0</v>
      </c>
      <c r="CW29" s="309">
        <v>0</v>
      </c>
      <c r="CX29" s="313">
        <v>0</v>
      </c>
      <c r="CY29" s="310">
        <v>0</v>
      </c>
      <c r="CZ29" s="312">
        <v>0</v>
      </c>
      <c r="DA29" s="313">
        <v>0</v>
      </c>
      <c r="DB29" s="313">
        <v>0</v>
      </c>
      <c r="DC29" s="313">
        <v>0</v>
      </c>
      <c r="DD29" s="313">
        <v>0</v>
      </c>
      <c r="DE29" s="313">
        <v>0</v>
      </c>
      <c r="DF29" s="310">
        <v>0</v>
      </c>
      <c r="DG29" s="315">
        <v>0</v>
      </c>
    </row>
    <row r="30" spans="1:111" ht="18.75" customHeight="1" x14ac:dyDescent="0.2">
      <c r="A30" s="294" t="s">
        <v>28</v>
      </c>
      <c r="B30" s="309">
        <v>0</v>
      </c>
      <c r="C30" s="310">
        <v>0</v>
      </c>
      <c r="D30" s="311">
        <v>0</v>
      </c>
      <c r="E30" s="312">
        <v>0</v>
      </c>
      <c r="F30" s="313">
        <v>118</v>
      </c>
      <c r="G30" s="313">
        <v>180</v>
      </c>
      <c r="H30" s="313">
        <v>124</v>
      </c>
      <c r="I30" s="313">
        <v>133</v>
      </c>
      <c r="J30" s="313">
        <v>396</v>
      </c>
      <c r="K30" s="314">
        <v>951</v>
      </c>
      <c r="L30" s="315">
        <v>951</v>
      </c>
      <c r="M30" s="309">
        <v>0</v>
      </c>
      <c r="N30" s="313">
        <v>0</v>
      </c>
      <c r="O30" s="310">
        <v>0</v>
      </c>
      <c r="P30" s="312">
        <v>0</v>
      </c>
      <c r="Q30" s="313">
        <v>0</v>
      </c>
      <c r="R30" s="313">
        <v>4</v>
      </c>
      <c r="S30" s="313">
        <v>0</v>
      </c>
      <c r="T30" s="313">
        <v>4</v>
      </c>
      <c r="U30" s="313">
        <v>25</v>
      </c>
      <c r="V30" s="310">
        <v>33</v>
      </c>
      <c r="W30" s="315">
        <v>33</v>
      </c>
      <c r="X30" s="309">
        <v>8</v>
      </c>
      <c r="Y30" s="313">
        <v>23</v>
      </c>
      <c r="Z30" s="310">
        <v>31</v>
      </c>
      <c r="AA30" s="312">
        <v>0</v>
      </c>
      <c r="AB30" s="313">
        <v>47</v>
      </c>
      <c r="AC30" s="313">
        <v>160</v>
      </c>
      <c r="AD30" s="313">
        <v>47</v>
      </c>
      <c r="AE30" s="313">
        <v>63</v>
      </c>
      <c r="AF30" s="313">
        <v>104</v>
      </c>
      <c r="AG30" s="310">
        <v>421</v>
      </c>
      <c r="AH30" s="315">
        <v>452</v>
      </c>
      <c r="AI30" s="309">
        <v>0</v>
      </c>
      <c r="AJ30" s="313">
        <v>0</v>
      </c>
      <c r="AK30" s="310">
        <v>0</v>
      </c>
      <c r="AL30" s="312">
        <v>0</v>
      </c>
      <c r="AM30" s="313">
        <v>32</v>
      </c>
      <c r="AN30" s="313">
        <v>0</v>
      </c>
      <c r="AO30" s="313">
        <v>0</v>
      </c>
      <c r="AP30" s="313">
        <v>0</v>
      </c>
      <c r="AQ30" s="313">
        <v>50</v>
      </c>
      <c r="AR30" s="310">
        <v>82</v>
      </c>
      <c r="AS30" s="315">
        <v>82</v>
      </c>
      <c r="AT30" s="309">
        <v>0</v>
      </c>
      <c r="AU30" s="313">
        <v>0</v>
      </c>
      <c r="AV30" s="310">
        <v>0</v>
      </c>
      <c r="AW30" s="312">
        <v>0</v>
      </c>
      <c r="AX30" s="313">
        <v>308</v>
      </c>
      <c r="AY30" s="313">
        <v>338</v>
      </c>
      <c r="AZ30" s="313">
        <v>129</v>
      </c>
      <c r="BA30" s="313">
        <v>136</v>
      </c>
      <c r="BB30" s="313">
        <v>98</v>
      </c>
      <c r="BC30" s="314">
        <v>1009</v>
      </c>
      <c r="BD30" s="315">
        <v>1009</v>
      </c>
      <c r="BE30" s="309">
        <v>0</v>
      </c>
      <c r="BF30" s="313">
        <v>0</v>
      </c>
      <c r="BG30" s="310">
        <v>0</v>
      </c>
      <c r="BH30" s="312">
        <v>0</v>
      </c>
      <c r="BI30" s="313">
        <v>33</v>
      </c>
      <c r="BJ30" s="313">
        <v>93</v>
      </c>
      <c r="BK30" s="313">
        <v>42</v>
      </c>
      <c r="BL30" s="313">
        <v>76</v>
      </c>
      <c r="BM30" s="313">
        <v>44</v>
      </c>
      <c r="BN30" s="310">
        <v>288</v>
      </c>
      <c r="BO30" s="315">
        <v>288</v>
      </c>
      <c r="BP30" s="309">
        <v>0</v>
      </c>
      <c r="BQ30" s="313">
        <v>4</v>
      </c>
      <c r="BR30" s="310">
        <v>4</v>
      </c>
      <c r="BS30" s="312">
        <v>0</v>
      </c>
      <c r="BT30" s="313">
        <v>9</v>
      </c>
      <c r="BU30" s="313">
        <v>49</v>
      </c>
      <c r="BV30" s="313">
        <v>66</v>
      </c>
      <c r="BW30" s="313">
        <v>35</v>
      </c>
      <c r="BX30" s="313">
        <v>32</v>
      </c>
      <c r="BY30" s="310">
        <v>191</v>
      </c>
      <c r="BZ30" s="315">
        <v>195</v>
      </c>
      <c r="CA30" s="309">
        <v>0</v>
      </c>
      <c r="CB30" s="313">
        <v>0</v>
      </c>
      <c r="CC30" s="310">
        <v>0</v>
      </c>
      <c r="CD30" s="312">
        <v>0</v>
      </c>
      <c r="CE30" s="313">
        <v>11</v>
      </c>
      <c r="CF30" s="313">
        <v>55</v>
      </c>
      <c r="CG30" s="313">
        <v>14</v>
      </c>
      <c r="CH30" s="313">
        <v>9</v>
      </c>
      <c r="CI30" s="313">
        <v>3</v>
      </c>
      <c r="CJ30" s="310">
        <v>92</v>
      </c>
      <c r="CK30" s="315">
        <v>92</v>
      </c>
      <c r="CL30" s="309">
        <v>0</v>
      </c>
      <c r="CM30" s="313">
        <v>0</v>
      </c>
      <c r="CN30" s="310">
        <v>0</v>
      </c>
      <c r="CO30" s="312">
        <v>0</v>
      </c>
      <c r="CP30" s="313">
        <v>0</v>
      </c>
      <c r="CQ30" s="313">
        <v>0</v>
      </c>
      <c r="CR30" s="313">
        <v>0</v>
      </c>
      <c r="CS30" s="313">
        <v>0</v>
      </c>
      <c r="CT30" s="313">
        <v>0</v>
      </c>
      <c r="CU30" s="310">
        <v>0</v>
      </c>
      <c r="CV30" s="315">
        <v>0</v>
      </c>
      <c r="CW30" s="309">
        <v>0</v>
      </c>
      <c r="CX30" s="313">
        <v>0</v>
      </c>
      <c r="CY30" s="310">
        <v>0</v>
      </c>
      <c r="CZ30" s="312">
        <v>0</v>
      </c>
      <c r="DA30" s="313">
        <v>0</v>
      </c>
      <c r="DB30" s="313">
        <v>0</v>
      </c>
      <c r="DC30" s="313">
        <v>0</v>
      </c>
      <c r="DD30" s="313">
        <v>0</v>
      </c>
      <c r="DE30" s="313">
        <v>0</v>
      </c>
      <c r="DF30" s="310">
        <v>0</v>
      </c>
      <c r="DG30" s="315">
        <v>0</v>
      </c>
    </row>
    <row r="31" spans="1:111" ht="18.75" customHeight="1" x14ac:dyDescent="0.2">
      <c r="A31" s="294" t="s">
        <v>29</v>
      </c>
      <c r="B31" s="309">
        <v>0</v>
      </c>
      <c r="C31" s="310">
        <v>0</v>
      </c>
      <c r="D31" s="311">
        <v>0</v>
      </c>
      <c r="E31" s="312">
        <v>0</v>
      </c>
      <c r="F31" s="313">
        <v>244</v>
      </c>
      <c r="G31" s="313">
        <v>429</v>
      </c>
      <c r="H31" s="313">
        <v>306</v>
      </c>
      <c r="I31" s="313">
        <v>534</v>
      </c>
      <c r="J31" s="313">
        <v>582</v>
      </c>
      <c r="K31" s="314">
        <v>2095</v>
      </c>
      <c r="L31" s="315">
        <v>2095</v>
      </c>
      <c r="M31" s="309">
        <v>0</v>
      </c>
      <c r="N31" s="313">
        <v>0</v>
      </c>
      <c r="O31" s="310">
        <v>0</v>
      </c>
      <c r="P31" s="312">
        <v>0</v>
      </c>
      <c r="Q31" s="313">
        <v>2</v>
      </c>
      <c r="R31" s="313">
        <v>5</v>
      </c>
      <c r="S31" s="313">
        <v>4</v>
      </c>
      <c r="T31" s="313">
        <v>11</v>
      </c>
      <c r="U31" s="313">
        <v>26</v>
      </c>
      <c r="V31" s="310">
        <v>48</v>
      </c>
      <c r="W31" s="315">
        <v>48</v>
      </c>
      <c r="X31" s="309">
        <v>10</v>
      </c>
      <c r="Y31" s="313">
        <v>40</v>
      </c>
      <c r="Z31" s="310">
        <v>50</v>
      </c>
      <c r="AA31" s="312">
        <v>0</v>
      </c>
      <c r="AB31" s="313">
        <v>147</v>
      </c>
      <c r="AC31" s="313">
        <v>126</v>
      </c>
      <c r="AD31" s="313">
        <v>162</v>
      </c>
      <c r="AE31" s="313">
        <v>57</v>
      </c>
      <c r="AF31" s="313">
        <v>79</v>
      </c>
      <c r="AG31" s="310">
        <v>571</v>
      </c>
      <c r="AH31" s="315">
        <v>621</v>
      </c>
      <c r="AI31" s="309">
        <v>0</v>
      </c>
      <c r="AJ31" s="313">
        <v>12</v>
      </c>
      <c r="AK31" s="310">
        <v>12</v>
      </c>
      <c r="AL31" s="312">
        <v>0</v>
      </c>
      <c r="AM31" s="313">
        <v>48</v>
      </c>
      <c r="AN31" s="313">
        <v>34</v>
      </c>
      <c r="AO31" s="313">
        <v>0</v>
      </c>
      <c r="AP31" s="313">
        <v>53</v>
      </c>
      <c r="AQ31" s="313">
        <v>21</v>
      </c>
      <c r="AR31" s="310">
        <v>156</v>
      </c>
      <c r="AS31" s="315">
        <v>168</v>
      </c>
      <c r="AT31" s="309">
        <v>0</v>
      </c>
      <c r="AU31" s="313">
        <v>0</v>
      </c>
      <c r="AV31" s="310">
        <v>0</v>
      </c>
      <c r="AW31" s="312">
        <v>0</v>
      </c>
      <c r="AX31" s="313">
        <v>337</v>
      </c>
      <c r="AY31" s="313">
        <v>361</v>
      </c>
      <c r="AZ31" s="313">
        <v>265</v>
      </c>
      <c r="BA31" s="313">
        <v>201</v>
      </c>
      <c r="BB31" s="313">
        <v>36</v>
      </c>
      <c r="BC31" s="314">
        <v>1200</v>
      </c>
      <c r="BD31" s="315">
        <v>1200</v>
      </c>
      <c r="BE31" s="309">
        <v>0</v>
      </c>
      <c r="BF31" s="313">
        <v>0</v>
      </c>
      <c r="BG31" s="310">
        <v>0</v>
      </c>
      <c r="BH31" s="312">
        <v>0</v>
      </c>
      <c r="BI31" s="313">
        <v>138</v>
      </c>
      <c r="BJ31" s="313">
        <v>90</v>
      </c>
      <c r="BK31" s="313">
        <v>83</v>
      </c>
      <c r="BL31" s="313">
        <v>25</v>
      </c>
      <c r="BM31" s="313">
        <v>44</v>
      </c>
      <c r="BN31" s="310">
        <v>380</v>
      </c>
      <c r="BO31" s="315">
        <v>380</v>
      </c>
      <c r="BP31" s="309">
        <v>0</v>
      </c>
      <c r="BQ31" s="313">
        <v>0</v>
      </c>
      <c r="BR31" s="310">
        <v>0</v>
      </c>
      <c r="BS31" s="312">
        <v>0</v>
      </c>
      <c r="BT31" s="313">
        <v>19</v>
      </c>
      <c r="BU31" s="313">
        <v>91</v>
      </c>
      <c r="BV31" s="313">
        <v>140</v>
      </c>
      <c r="BW31" s="313">
        <v>100</v>
      </c>
      <c r="BX31" s="313">
        <v>101</v>
      </c>
      <c r="BY31" s="310">
        <v>451</v>
      </c>
      <c r="BZ31" s="315">
        <v>451</v>
      </c>
      <c r="CA31" s="309">
        <v>0</v>
      </c>
      <c r="CB31" s="313">
        <v>0</v>
      </c>
      <c r="CC31" s="310">
        <v>0</v>
      </c>
      <c r="CD31" s="312">
        <v>0</v>
      </c>
      <c r="CE31" s="313">
        <v>3</v>
      </c>
      <c r="CF31" s="313">
        <v>9</v>
      </c>
      <c r="CG31" s="313">
        <v>16</v>
      </c>
      <c r="CH31" s="313">
        <v>6</v>
      </c>
      <c r="CI31" s="313">
        <v>6</v>
      </c>
      <c r="CJ31" s="310">
        <v>40</v>
      </c>
      <c r="CK31" s="315">
        <v>40</v>
      </c>
      <c r="CL31" s="309">
        <v>0</v>
      </c>
      <c r="CM31" s="313">
        <v>0</v>
      </c>
      <c r="CN31" s="310">
        <v>0</v>
      </c>
      <c r="CO31" s="312">
        <v>0</v>
      </c>
      <c r="CP31" s="313">
        <v>0</v>
      </c>
      <c r="CQ31" s="313">
        <v>0</v>
      </c>
      <c r="CR31" s="313">
        <v>0</v>
      </c>
      <c r="CS31" s="313">
        <v>0</v>
      </c>
      <c r="CT31" s="313">
        <v>0</v>
      </c>
      <c r="CU31" s="310">
        <v>0</v>
      </c>
      <c r="CV31" s="315">
        <v>0</v>
      </c>
      <c r="CW31" s="309">
        <v>0</v>
      </c>
      <c r="CX31" s="313">
        <v>0</v>
      </c>
      <c r="CY31" s="310">
        <v>0</v>
      </c>
      <c r="CZ31" s="312">
        <v>0</v>
      </c>
      <c r="DA31" s="313">
        <v>0</v>
      </c>
      <c r="DB31" s="313">
        <v>0</v>
      </c>
      <c r="DC31" s="313">
        <v>0</v>
      </c>
      <c r="DD31" s="313">
        <v>0</v>
      </c>
      <c r="DE31" s="313">
        <v>0</v>
      </c>
      <c r="DF31" s="310">
        <v>0</v>
      </c>
      <c r="DG31" s="315">
        <v>0</v>
      </c>
    </row>
    <row r="32" spans="1:111" ht="18.75" customHeight="1" x14ac:dyDescent="0.2">
      <c r="A32" s="294" t="s">
        <v>30</v>
      </c>
      <c r="B32" s="309">
        <v>0</v>
      </c>
      <c r="C32" s="310">
        <v>0</v>
      </c>
      <c r="D32" s="311">
        <v>0</v>
      </c>
      <c r="E32" s="312">
        <v>0</v>
      </c>
      <c r="F32" s="313">
        <v>164</v>
      </c>
      <c r="G32" s="313">
        <v>409</v>
      </c>
      <c r="H32" s="313">
        <v>804</v>
      </c>
      <c r="I32" s="313">
        <v>573</v>
      </c>
      <c r="J32" s="313">
        <v>694</v>
      </c>
      <c r="K32" s="314">
        <v>2644</v>
      </c>
      <c r="L32" s="315">
        <v>2644</v>
      </c>
      <c r="M32" s="309">
        <v>0</v>
      </c>
      <c r="N32" s="313">
        <v>0</v>
      </c>
      <c r="O32" s="310">
        <v>0</v>
      </c>
      <c r="P32" s="312">
        <v>0</v>
      </c>
      <c r="Q32" s="313">
        <v>0</v>
      </c>
      <c r="R32" s="313">
        <v>2</v>
      </c>
      <c r="S32" s="313">
        <v>5</v>
      </c>
      <c r="T32" s="313">
        <v>26</v>
      </c>
      <c r="U32" s="313">
        <v>24</v>
      </c>
      <c r="V32" s="310">
        <v>57</v>
      </c>
      <c r="W32" s="315">
        <v>57</v>
      </c>
      <c r="X32" s="309">
        <v>40</v>
      </c>
      <c r="Y32" s="313">
        <v>39</v>
      </c>
      <c r="Z32" s="310">
        <v>79</v>
      </c>
      <c r="AA32" s="312">
        <v>0</v>
      </c>
      <c r="AB32" s="313">
        <v>129</v>
      </c>
      <c r="AC32" s="313">
        <v>164</v>
      </c>
      <c r="AD32" s="313">
        <v>87</v>
      </c>
      <c r="AE32" s="313">
        <v>89</v>
      </c>
      <c r="AF32" s="313">
        <v>48</v>
      </c>
      <c r="AG32" s="310">
        <v>517</v>
      </c>
      <c r="AH32" s="315">
        <v>596</v>
      </c>
      <c r="AI32" s="309">
        <v>0</v>
      </c>
      <c r="AJ32" s="313">
        <v>15</v>
      </c>
      <c r="AK32" s="310">
        <v>15</v>
      </c>
      <c r="AL32" s="312">
        <v>0</v>
      </c>
      <c r="AM32" s="313">
        <v>32</v>
      </c>
      <c r="AN32" s="313">
        <v>11</v>
      </c>
      <c r="AO32" s="313">
        <v>6</v>
      </c>
      <c r="AP32" s="313">
        <v>21</v>
      </c>
      <c r="AQ32" s="313">
        <v>0</v>
      </c>
      <c r="AR32" s="310">
        <v>70</v>
      </c>
      <c r="AS32" s="315">
        <v>85</v>
      </c>
      <c r="AT32" s="309">
        <v>0</v>
      </c>
      <c r="AU32" s="313">
        <v>0</v>
      </c>
      <c r="AV32" s="310">
        <v>0</v>
      </c>
      <c r="AW32" s="312">
        <v>0</v>
      </c>
      <c r="AX32" s="313">
        <v>328</v>
      </c>
      <c r="AY32" s="313">
        <v>196</v>
      </c>
      <c r="AZ32" s="313">
        <v>270</v>
      </c>
      <c r="BA32" s="313">
        <v>123</v>
      </c>
      <c r="BB32" s="313">
        <v>12</v>
      </c>
      <c r="BC32" s="314">
        <v>929</v>
      </c>
      <c r="BD32" s="315">
        <v>929</v>
      </c>
      <c r="BE32" s="309">
        <v>0</v>
      </c>
      <c r="BF32" s="313">
        <v>0</v>
      </c>
      <c r="BG32" s="310">
        <v>0</v>
      </c>
      <c r="BH32" s="312">
        <v>0</v>
      </c>
      <c r="BI32" s="313">
        <v>66</v>
      </c>
      <c r="BJ32" s="313">
        <v>97</v>
      </c>
      <c r="BK32" s="313">
        <v>21</v>
      </c>
      <c r="BL32" s="313">
        <v>61</v>
      </c>
      <c r="BM32" s="313">
        <v>0</v>
      </c>
      <c r="BN32" s="310">
        <v>245</v>
      </c>
      <c r="BO32" s="315">
        <v>245</v>
      </c>
      <c r="BP32" s="309">
        <v>0</v>
      </c>
      <c r="BQ32" s="313">
        <v>0</v>
      </c>
      <c r="BR32" s="310">
        <v>0</v>
      </c>
      <c r="BS32" s="312">
        <v>0</v>
      </c>
      <c r="BT32" s="313">
        <v>30</v>
      </c>
      <c r="BU32" s="313">
        <v>27</v>
      </c>
      <c r="BV32" s="313">
        <v>132</v>
      </c>
      <c r="BW32" s="313">
        <v>97</v>
      </c>
      <c r="BX32" s="313">
        <v>58</v>
      </c>
      <c r="BY32" s="310">
        <v>344</v>
      </c>
      <c r="BZ32" s="315">
        <v>344</v>
      </c>
      <c r="CA32" s="309">
        <v>0</v>
      </c>
      <c r="CB32" s="313">
        <v>0</v>
      </c>
      <c r="CC32" s="310">
        <v>0</v>
      </c>
      <c r="CD32" s="312">
        <v>0</v>
      </c>
      <c r="CE32" s="313">
        <v>0</v>
      </c>
      <c r="CF32" s="313">
        <v>6</v>
      </c>
      <c r="CG32" s="313">
        <v>27</v>
      </c>
      <c r="CH32" s="313">
        <v>0</v>
      </c>
      <c r="CI32" s="313">
        <v>3</v>
      </c>
      <c r="CJ32" s="310">
        <v>36</v>
      </c>
      <c r="CK32" s="315">
        <v>36</v>
      </c>
      <c r="CL32" s="309">
        <v>0</v>
      </c>
      <c r="CM32" s="313">
        <v>0</v>
      </c>
      <c r="CN32" s="310">
        <v>0</v>
      </c>
      <c r="CO32" s="312">
        <v>0</v>
      </c>
      <c r="CP32" s="313">
        <v>0</v>
      </c>
      <c r="CQ32" s="313">
        <v>0</v>
      </c>
      <c r="CR32" s="313">
        <v>0</v>
      </c>
      <c r="CS32" s="313">
        <v>0</v>
      </c>
      <c r="CT32" s="313">
        <v>0</v>
      </c>
      <c r="CU32" s="310">
        <v>0</v>
      </c>
      <c r="CV32" s="315">
        <v>0</v>
      </c>
      <c r="CW32" s="309">
        <v>0</v>
      </c>
      <c r="CX32" s="313">
        <v>0</v>
      </c>
      <c r="CY32" s="310">
        <v>0</v>
      </c>
      <c r="CZ32" s="312">
        <v>0</v>
      </c>
      <c r="DA32" s="313">
        <v>0</v>
      </c>
      <c r="DB32" s="313">
        <v>0</v>
      </c>
      <c r="DC32" s="313">
        <v>0</v>
      </c>
      <c r="DD32" s="313">
        <v>0</v>
      </c>
      <c r="DE32" s="313">
        <v>0</v>
      </c>
      <c r="DF32" s="310">
        <v>0</v>
      </c>
      <c r="DG32" s="315">
        <v>0</v>
      </c>
    </row>
    <row r="33" spans="1:111" ht="18.75" customHeight="1" x14ac:dyDescent="0.2">
      <c r="A33" s="294" t="s">
        <v>31</v>
      </c>
      <c r="B33" s="309">
        <v>0</v>
      </c>
      <c r="C33" s="310">
        <v>0</v>
      </c>
      <c r="D33" s="311">
        <v>0</v>
      </c>
      <c r="E33" s="312">
        <v>0</v>
      </c>
      <c r="F33" s="313">
        <v>211</v>
      </c>
      <c r="G33" s="313">
        <v>216</v>
      </c>
      <c r="H33" s="313">
        <v>219</v>
      </c>
      <c r="I33" s="313">
        <v>167</v>
      </c>
      <c r="J33" s="313">
        <v>314</v>
      </c>
      <c r="K33" s="314">
        <v>1127</v>
      </c>
      <c r="L33" s="315">
        <v>1127</v>
      </c>
      <c r="M33" s="309">
        <v>0</v>
      </c>
      <c r="N33" s="313">
        <v>0</v>
      </c>
      <c r="O33" s="310">
        <v>0</v>
      </c>
      <c r="P33" s="312">
        <v>0</v>
      </c>
      <c r="Q33" s="313">
        <v>0</v>
      </c>
      <c r="R33" s="313">
        <v>4</v>
      </c>
      <c r="S33" s="313">
        <v>27</v>
      </c>
      <c r="T33" s="313">
        <v>31</v>
      </c>
      <c r="U33" s="313">
        <v>35</v>
      </c>
      <c r="V33" s="310">
        <v>97</v>
      </c>
      <c r="W33" s="315">
        <v>97</v>
      </c>
      <c r="X33" s="309">
        <v>6</v>
      </c>
      <c r="Y33" s="313">
        <v>14</v>
      </c>
      <c r="Z33" s="310">
        <v>20</v>
      </c>
      <c r="AA33" s="312">
        <v>0</v>
      </c>
      <c r="AB33" s="313">
        <v>75</v>
      </c>
      <c r="AC33" s="313">
        <v>89</v>
      </c>
      <c r="AD33" s="313">
        <v>83</v>
      </c>
      <c r="AE33" s="313">
        <v>82</v>
      </c>
      <c r="AF33" s="313">
        <v>129</v>
      </c>
      <c r="AG33" s="310">
        <v>458</v>
      </c>
      <c r="AH33" s="315">
        <v>478</v>
      </c>
      <c r="AI33" s="309">
        <v>6</v>
      </c>
      <c r="AJ33" s="313">
        <v>14</v>
      </c>
      <c r="AK33" s="310">
        <v>20</v>
      </c>
      <c r="AL33" s="312">
        <v>0</v>
      </c>
      <c r="AM33" s="313">
        <v>36</v>
      </c>
      <c r="AN33" s="313">
        <v>104</v>
      </c>
      <c r="AO33" s="313">
        <v>26</v>
      </c>
      <c r="AP33" s="313">
        <v>12</v>
      </c>
      <c r="AQ33" s="313">
        <v>82</v>
      </c>
      <c r="AR33" s="310">
        <v>260</v>
      </c>
      <c r="AS33" s="315">
        <v>280</v>
      </c>
      <c r="AT33" s="309">
        <v>0</v>
      </c>
      <c r="AU33" s="313">
        <v>0</v>
      </c>
      <c r="AV33" s="310">
        <v>0</v>
      </c>
      <c r="AW33" s="312">
        <v>0</v>
      </c>
      <c r="AX33" s="313">
        <v>347</v>
      </c>
      <c r="AY33" s="313">
        <v>484</v>
      </c>
      <c r="AZ33" s="313">
        <v>232</v>
      </c>
      <c r="BA33" s="313">
        <v>66</v>
      </c>
      <c r="BB33" s="313">
        <v>60</v>
      </c>
      <c r="BC33" s="314">
        <v>1189</v>
      </c>
      <c r="BD33" s="315">
        <v>1189</v>
      </c>
      <c r="BE33" s="309">
        <v>0</v>
      </c>
      <c r="BF33" s="313">
        <v>0</v>
      </c>
      <c r="BG33" s="310">
        <v>0</v>
      </c>
      <c r="BH33" s="312">
        <v>0</v>
      </c>
      <c r="BI33" s="313">
        <v>12</v>
      </c>
      <c r="BJ33" s="313">
        <v>112</v>
      </c>
      <c r="BK33" s="313">
        <v>50</v>
      </c>
      <c r="BL33" s="313">
        <v>17</v>
      </c>
      <c r="BM33" s="313">
        <v>25</v>
      </c>
      <c r="BN33" s="310">
        <v>216</v>
      </c>
      <c r="BO33" s="315">
        <v>216</v>
      </c>
      <c r="BP33" s="309">
        <v>0</v>
      </c>
      <c r="BQ33" s="313">
        <v>0</v>
      </c>
      <c r="BR33" s="310">
        <v>0</v>
      </c>
      <c r="BS33" s="312">
        <v>0</v>
      </c>
      <c r="BT33" s="313">
        <v>53</v>
      </c>
      <c r="BU33" s="313">
        <v>80</v>
      </c>
      <c r="BV33" s="313">
        <v>129</v>
      </c>
      <c r="BW33" s="313">
        <v>62</v>
      </c>
      <c r="BX33" s="313">
        <v>48</v>
      </c>
      <c r="BY33" s="310">
        <v>372</v>
      </c>
      <c r="BZ33" s="315">
        <v>372</v>
      </c>
      <c r="CA33" s="309">
        <v>0</v>
      </c>
      <c r="CB33" s="313">
        <v>0</v>
      </c>
      <c r="CC33" s="310">
        <v>0</v>
      </c>
      <c r="CD33" s="312">
        <v>0</v>
      </c>
      <c r="CE33" s="313">
        <v>0</v>
      </c>
      <c r="CF33" s="313">
        <v>5</v>
      </c>
      <c r="CG33" s="313">
        <v>23</v>
      </c>
      <c r="CH33" s="313">
        <v>0</v>
      </c>
      <c r="CI33" s="313">
        <v>5</v>
      </c>
      <c r="CJ33" s="310">
        <v>33</v>
      </c>
      <c r="CK33" s="315">
        <v>33</v>
      </c>
      <c r="CL33" s="309">
        <v>0</v>
      </c>
      <c r="CM33" s="313">
        <v>0</v>
      </c>
      <c r="CN33" s="310">
        <v>0</v>
      </c>
      <c r="CO33" s="312">
        <v>0</v>
      </c>
      <c r="CP33" s="313">
        <v>0</v>
      </c>
      <c r="CQ33" s="313">
        <v>0</v>
      </c>
      <c r="CR33" s="313">
        <v>0</v>
      </c>
      <c r="CS33" s="313">
        <v>0</v>
      </c>
      <c r="CT33" s="313">
        <v>0</v>
      </c>
      <c r="CU33" s="310">
        <v>0</v>
      </c>
      <c r="CV33" s="315">
        <v>0</v>
      </c>
      <c r="CW33" s="309">
        <v>0</v>
      </c>
      <c r="CX33" s="313">
        <v>0</v>
      </c>
      <c r="CY33" s="310">
        <v>0</v>
      </c>
      <c r="CZ33" s="312">
        <v>0</v>
      </c>
      <c r="DA33" s="313">
        <v>0</v>
      </c>
      <c r="DB33" s="313">
        <v>0</v>
      </c>
      <c r="DC33" s="313">
        <v>0</v>
      </c>
      <c r="DD33" s="313">
        <v>0</v>
      </c>
      <c r="DE33" s="313">
        <v>0</v>
      </c>
      <c r="DF33" s="310">
        <v>0</v>
      </c>
      <c r="DG33" s="315">
        <v>0</v>
      </c>
    </row>
    <row r="34" spans="1:111" ht="18.75" customHeight="1" x14ac:dyDescent="0.2">
      <c r="A34" s="294" t="s">
        <v>32</v>
      </c>
      <c r="B34" s="309">
        <v>0</v>
      </c>
      <c r="C34" s="310">
        <v>0</v>
      </c>
      <c r="D34" s="311">
        <v>0</v>
      </c>
      <c r="E34" s="312">
        <v>0</v>
      </c>
      <c r="F34" s="313">
        <v>345</v>
      </c>
      <c r="G34" s="313">
        <v>342</v>
      </c>
      <c r="H34" s="313">
        <v>600</v>
      </c>
      <c r="I34" s="313">
        <v>542</v>
      </c>
      <c r="J34" s="313">
        <v>545</v>
      </c>
      <c r="K34" s="314">
        <v>2374</v>
      </c>
      <c r="L34" s="315">
        <v>2374</v>
      </c>
      <c r="M34" s="309">
        <v>0</v>
      </c>
      <c r="N34" s="313">
        <v>0</v>
      </c>
      <c r="O34" s="310">
        <v>0</v>
      </c>
      <c r="P34" s="312">
        <v>0</v>
      </c>
      <c r="Q34" s="313">
        <v>0</v>
      </c>
      <c r="R34" s="313">
        <v>0</v>
      </c>
      <c r="S34" s="313">
        <v>13</v>
      </c>
      <c r="T34" s="313">
        <v>9</v>
      </c>
      <c r="U34" s="313">
        <v>43</v>
      </c>
      <c r="V34" s="310">
        <v>65</v>
      </c>
      <c r="W34" s="315">
        <v>65</v>
      </c>
      <c r="X34" s="309">
        <v>32</v>
      </c>
      <c r="Y34" s="313">
        <v>52</v>
      </c>
      <c r="Z34" s="310">
        <v>84</v>
      </c>
      <c r="AA34" s="312">
        <v>0</v>
      </c>
      <c r="AB34" s="313">
        <v>200</v>
      </c>
      <c r="AC34" s="313">
        <v>216</v>
      </c>
      <c r="AD34" s="313">
        <v>142</v>
      </c>
      <c r="AE34" s="313">
        <v>136</v>
      </c>
      <c r="AF34" s="313">
        <v>46</v>
      </c>
      <c r="AG34" s="310">
        <v>740</v>
      </c>
      <c r="AH34" s="315">
        <v>824</v>
      </c>
      <c r="AI34" s="309">
        <v>6</v>
      </c>
      <c r="AJ34" s="313">
        <v>12</v>
      </c>
      <c r="AK34" s="310">
        <v>18</v>
      </c>
      <c r="AL34" s="312">
        <v>0</v>
      </c>
      <c r="AM34" s="313">
        <v>84</v>
      </c>
      <c r="AN34" s="313">
        <v>0</v>
      </c>
      <c r="AO34" s="313">
        <v>24</v>
      </c>
      <c r="AP34" s="313">
        <v>12</v>
      </c>
      <c r="AQ34" s="313">
        <v>42</v>
      </c>
      <c r="AR34" s="310">
        <v>162</v>
      </c>
      <c r="AS34" s="315">
        <v>180</v>
      </c>
      <c r="AT34" s="309">
        <v>0</v>
      </c>
      <c r="AU34" s="313">
        <v>0</v>
      </c>
      <c r="AV34" s="310">
        <v>0</v>
      </c>
      <c r="AW34" s="312">
        <v>0</v>
      </c>
      <c r="AX34" s="313">
        <v>440</v>
      </c>
      <c r="AY34" s="313">
        <v>523</v>
      </c>
      <c r="AZ34" s="313">
        <v>245</v>
      </c>
      <c r="BA34" s="313">
        <v>141</v>
      </c>
      <c r="BB34" s="313">
        <v>25</v>
      </c>
      <c r="BC34" s="314">
        <v>1374</v>
      </c>
      <c r="BD34" s="315">
        <v>1374</v>
      </c>
      <c r="BE34" s="309">
        <v>0</v>
      </c>
      <c r="BF34" s="313">
        <v>0</v>
      </c>
      <c r="BG34" s="310">
        <v>0</v>
      </c>
      <c r="BH34" s="312">
        <v>0</v>
      </c>
      <c r="BI34" s="313">
        <v>95</v>
      </c>
      <c r="BJ34" s="313">
        <v>98</v>
      </c>
      <c r="BK34" s="313">
        <v>30</v>
      </c>
      <c r="BL34" s="313">
        <v>29</v>
      </c>
      <c r="BM34" s="313">
        <v>13</v>
      </c>
      <c r="BN34" s="310">
        <v>265</v>
      </c>
      <c r="BO34" s="315">
        <v>265</v>
      </c>
      <c r="BP34" s="309">
        <v>2</v>
      </c>
      <c r="BQ34" s="313">
        <v>3</v>
      </c>
      <c r="BR34" s="310">
        <v>5</v>
      </c>
      <c r="BS34" s="312">
        <v>0</v>
      </c>
      <c r="BT34" s="313">
        <v>23</v>
      </c>
      <c r="BU34" s="313">
        <v>111</v>
      </c>
      <c r="BV34" s="313">
        <v>90</v>
      </c>
      <c r="BW34" s="313">
        <v>27</v>
      </c>
      <c r="BX34" s="313">
        <v>7</v>
      </c>
      <c r="BY34" s="310">
        <v>258</v>
      </c>
      <c r="BZ34" s="315">
        <v>263</v>
      </c>
      <c r="CA34" s="309">
        <v>0</v>
      </c>
      <c r="CB34" s="313">
        <v>0</v>
      </c>
      <c r="CC34" s="310">
        <v>0</v>
      </c>
      <c r="CD34" s="312">
        <v>0</v>
      </c>
      <c r="CE34" s="313">
        <v>0</v>
      </c>
      <c r="CF34" s="313">
        <v>60</v>
      </c>
      <c r="CG34" s="313">
        <v>6</v>
      </c>
      <c r="CH34" s="313">
        <v>25</v>
      </c>
      <c r="CI34" s="313">
        <v>30</v>
      </c>
      <c r="CJ34" s="310">
        <v>121</v>
      </c>
      <c r="CK34" s="315">
        <v>121</v>
      </c>
      <c r="CL34" s="309">
        <v>0</v>
      </c>
      <c r="CM34" s="313">
        <v>0</v>
      </c>
      <c r="CN34" s="310">
        <v>0</v>
      </c>
      <c r="CO34" s="312">
        <v>0</v>
      </c>
      <c r="CP34" s="313">
        <v>0</v>
      </c>
      <c r="CQ34" s="313">
        <v>0</v>
      </c>
      <c r="CR34" s="313">
        <v>0</v>
      </c>
      <c r="CS34" s="313">
        <v>0</v>
      </c>
      <c r="CT34" s="313">
        <v>0</v>
      </c>
      <c r="CU34" s="310">
        <v>0</v>
      </c>
      <c r="CV34" s="315">
        <v>0</v>
      </c>
      <c r="CW34" s="309">
        <v>0</v>
      </c>
      <c r="CX34" s="313">
        <v>0</v>
      </c>
      <c r="CY34" s="310">
        <v>0</v>
      </c>
      <c r="CZ34" s="312">
        <v>0</v>
      </c>
      <c r="DA34" s="313">
        <v>0</v>
      </c>
      <c r="DB34" s="313">
        <v>0</v>
      </c>
      <c r="DC34" s="313">
        <v>0</v>
      </c>
      <c r="DD34" s="313">
        <v>0</v>
      </c>
      <c r="DE34" s="313">
        <v>0</v>
      </c>
      <c r="DF34" s="310">
        <v>0</v>
      </c>
      <c r="DG34" s="315">
        <v>0</v>
      </c>
    </row>
    <row r="35" spans="1:111" ht="18.75" customHeight="1" x14ac:dyDescent="0.2">
      <c r="A35" s="294" t="s">
        <v>33</v>
      </c>
      <c r="B35" s="309">
        <v>0</v>
      </c>
      <c r="C35" s="310">
        <v>0</v>
      </c>
      <c r="D35" s="311">
        <v>0</v>
      </c>
      <c r="E35" s="312">
        <v>0</v>
      </c>
      <c r="F35" s="313">
        <v>420</v>
      </c>
      <c r="G35" s="313">
        <v>387</v>
      </c>
      <c r="H35" s="313">
        <v>243</v>
      </c>
      <c r="I35" s="313">
        <v>404</v>
      </c>
      <c r="J35" s="313">
        <v>411</v>
      </c>
      <c r="K35" s="314">
        <v>1865</v>
      </c>
      <c r="L35" s="315">
        <v>1865</v>
      </c>
      <c r="M35" s="309">
        <v>0</v>
      </c>
      <c r="N35" s="313">
        <v>0</v>
      </c>
      <c r="O35" s="310">
        <v>0</v>
      </c>
      <c r="P35" s="312">
        <v>0</v>
      </c>
      <c r="Q35" s="313">
        <v>0</v>
      </c>
      <c r="R35" s="313">
        <v>2</v>
      </c>
      <c r="S35" s="313">
        <v>10</v>
      </c>
      <c r="T35" s="313">
        <v>12</v>
      </c>
      <c r="U35" s="313">
        <v>17</v>
      </c>
      <c r="V35" s="310">
        <v>41</v>
      </c>
      <c r="W35" s="315">
        <v>41</v>
      </c>
      <c r="X35" s="309">
        <v>0</v>
      </c>
      <c r="Y35" s="313">
        <v>5</v>
      </c>
      <c r="Z35" s="310">
        <v>5</v>
      </c>
      <c r="AA35" s="312">
        <v>0</v>
      </c>
      <c r="AB35" s="313">
        <v>78</v>
      </c>
      <c r="AC35" s="313">
        <v>66</v>
      </c>
      <c r="AD35" s="313">
        <v>74</v>
      </c>
      <c r="AE35" s="313">
        <v>41</v>
      </c>
      <c r="AF35" s="313">
        <v>57</v>
      </c>
      <c r="AG35" s="310">
        <v>316</v>
      </c>
      <c r="AH35" s="315">
        <v>321</v>
      </c>
      <c r="AI35" s="309">
        <v>38</v>
      </c>
      <c r="AJ35" s="313">
        <v>331</v>
      </c>
      <c r="AK35" s="310">
        <v>369</v>
      </c>
      <c r="AL35" s="312">
        <v>0</v>
      </c>
      <c r="AM35" s="313">
        <v>290</v>
      </c>
      <c r="AN35" s="313">
        <v>157</v>
      </c>
      <c r="AO35" s="313">
        <v>77</v>
      </c>
      <c r="AP35" s="313">
        <v>69</v>
      </c>
      <c r="AQ35" s="313">
        <v>27</v>
      </c>
      <c r="AR35" s="310">
        <v>620</v>
      </c>
      <c r="AS35" s="315">
        <v>989</v>
      </c>
      <c r="AT35" s="309">
        <v>0</v>
      </c>
      <c r="AU35" s="313">
        <v>0</v>
      </c>
      <c r="AV35" s="310">
        <v>0</v>
      </c>
      <c r="AW35" s="312">
        <v>0</v>
      </c>
      <c r="AX35" s="313">
        <v>99</v>
      </c>
      <c r="AY35" s="313">
        <v>38</v>
      </c>
      <c r="AZ35" s="313">
        <v>43</v>
      </c>
      <c r="BA35" s="313">
        <v>73</v>
      </c>
      <c r="BB35" s="313">
        <v>31</v>
      </c>
      <c r="BC35" s="314">
        <v>284</v>
      </c>
      <c r="BD35" s="315">
        <v>284</v>
      </c>
      <c r="BE35" s="309">
        <v>0</v>
      </c>
      <c r="BF35" s="313">
        <v>0</v>
      </c>
      <c r="BG35" s="310">
        <v>0</v>
      </c>
      <c r="BH35" s="312">
        <v>0</v>
      </c>
      <c r="BI35" s="313">
        <v>122</v>
      </c>
      <c r="BJ35" s="313">
        <v>133</v>
      </c>
      <c r="BK35" s="313">
        <v>38</v>
      </c>
      <c r="BL35" s="313">
        <v>0</v>
      </c>
      <c r="BM35" s="313">
        <v>8</v>
      </c>
      <c r="BN35" s="310">
        <v>301</v>
      </c>
      <c r="BO35" s="315">
        <v>301</v>
      </c>
      <c r="BP35" s="309">
        <v>0</v>
      </c>
      <c r="BQ35" s="313">
        <v>0</v>
      </c>
      <c r="BR35" s="310">
        <v>0</v>
      </c>
      <c r="BS35" s="312">
        <v>0</v>
      </c>
      <c r="BT35" s="313">
        <v>22</v>
      </c>
      <c r="BU35" s="313">
        <v>21</v>
      </c>
      <c r="BV35" s="313">
        <v>15</v>
      </c>
      <c r="BW35" s="313">
        <v>62</v>
      </c>
      <c r="BX35" s="313">
        <v>8</v>
      </c>
      <c r="BY35" s="310">
        <v>128</v>
      </c>
      <c r="BZ35" s="315">
        <v>128</v>
      </c>
      <c r="CA35" s="309">
        <v>0</v>
      </c>
      <c r="CB35" s="313">
        <v>0</v>
      </c>
      <c r="CC35" s="310">
        <v>0</v>
      </c>
      <c r="CD35" s="312">
        <v>0</v>
      </c>
      <c r="CE35" s="313">
        <v>26</v>
      </c>
      <c r="CF35" s="313">
        <v>16</v>
      </c>
      <c r="CG35" s="313">
        <v>24</v>
      </c>
      <c r="CH35" s="313">
        <v>0</v>
      </c>
      <c r="CI35" s="313">
        <v>0</v>
      </c>
      <c r="CJ35" s="310">
        <v>66</v>
      </c>
      <c r="CK35" s="315">
        <v>66</v>
      </c>
      <c r="CL35" s="309">
        <v>0</v>
      </c>
      <c r="CM35" s="313">
        <v>0</v>
      </c>
      <c r="CN35" s="310">
        <v>0</v>
      </c>
      <c r="CO35" s="312">
        <v>0</v>
      </c>
      <c r="CP35" s="313">
        <v>0</v>
      </c>
      <c r="CQ35" s="313">
        <v>0</v>
      </c>
      <c r="CR35" s="313">
        <v>0</v>
      </c>
      <c r="CS35" s="313">
        <v>0</v>
      </c>
      <c r="CT35" s="313">
        <v>0</v>
      </c>
      <c r="CU35" s="310">
        <v>0</v>
      </c>
      <c r="CV35" s="315">
        <v>0</v>
      </c>
      <c r="CW35" s="309">
        <v>0</v>
      </c>
      <c r="CX35" s="313">
        <v>0</v>
      </c>
      <c r="CY35" s="310">
        <v>0</v>
      </c>
      <c r="CZ35" s="312">
        <v>0</v>
      </c>
      <c r="DA35" s="313">
        <v>0</v>
      </c>
      <c r="DB35" s="313">
        <v>0</v>
      </c>
      <c r="DC35" s="313">
        <v>0</v>
      </c>
      <c r="DD35" s="313">
        <v>0</v>
      </c>
      <c r="DE35" s="313">
        <v>0</v>
      </c>
      <c r="DF35" s="310">
        <v>0</v>
      </c>
      <c r="DG35" s="315">
        <v>0</v>
      </c>
    </row>
    <row r="36" spans="1:111" ht="18.75" customHeight="1" x14ac:dyDescent="0.2">
      <c r="A36" s="294" t="s">
        <v>34</v>
      </c>
      <c r="B36" s="309">
        <v>0</v>
      </c>
      <c r="C36" s="310">
        <v>0</v>
      </c>
      <c r="D36" s="311">
        <v>0</v>
      </c>
      <c r="E36" s="312">
        <v>0</v>
      </c>
      <c r="F36" s="313">
        <v>202</v>
      </c>
      <c r="G36" s="313">
        <v>127</v>
      </c>
      <c r="H36" s="313">
        <v>122</v>
      </c>
      <c r="I36" s="313">
        <v>319</v>
      </c>
      <c r="J36" s="313">
        <v>356</v>
      </c>
      <c r="K36" s="314">
        <v>1126</v>
      </c>
      <c r="L36" s="315">
        <v>1126</v>
      </c>
      <c r="M36" s="309">
        <v>0</v>
      </c>
      <c r="N36" s="313">
        <v>0</v>
      </c>
      <c r="O36" s="310">
        <v>0</v>
      </c>
      <c r="P36" s="312">
        <v>0</v>
      </c>
      <c r="Q36" s="313">
        <v>0</v>
      </c>
      <c r="R36" s="313">
        <v>0</v>
      </c>
      <c r="S36" s="313">
        <v>0</v>
      </c>
      <c r="T36" s="313">
        <v>4</v>
      </c>
      <c r="U36" s="313">
        <v>35</v>
      </c>
      <c r="V36" s="310">
        <v>39</v>
      </c>
      <c r="W36" s="315">
        <v>39</v>
      </c>
      <c r="X36" s="309">
        <v>0</v>
      </c>
      <c r="Y36" s="313">
        <v>18</v>
      </c>
      <c r="Z36" s="310">
        <v>18</v>
      </c>
      <c r="AA36" s="312">
        <v>0</v>
      </c>
      <c r="AB36" s="313">
        <v>58</v>
      </c>
      <c r="AC36" s="313">
        <v>50</v>
      </c>
      <c r="AD36" s="313">
        <v>17</v>
      </c>
      <c r="AE36" s="313">
        <v>0</v>
      </c>
      <c r="AF36" s="313">
        <v>49</v>
      </c>
      <c r="AG36" s="310">
        <v>174</v>
      </c>
      <c r="AH36" s="315">
        <v>192</v>
      </c>
      <c r="AI36" s="309">
        <v>0</v>
      </c>
      <c r="AJ36" s="313">
        <v>16</v>
      </c>
      <c r="AK36" s="310">
        <v>16</v>
      </c>
      <c r="AL36" s="312">
        <v>0</v>
      </c>
      <c r="AM36" s="313">
        <v>100</v>
      </c>
      <c r="AN36" s="313">
        <v>45</v>
      </c>
      <c r="AO36" s="313">
        <v>0</v>
      </c>
      <c r="AP36" s="313">
        <v>11</v>
      </c>
      <c r="AQ36" s="313">
        <v>14</v>
      </c>
      <c r="AR36" s="310">
        <v>170</v>
      </c>
      <c r="AS36" s="315">
        <v>186</v>
      </c>
      <c r="AT36" s="309">
        <v>0</v>
      </c>
      <c r="AU36" s="313">
        <v>0</v>
      </c>
      <c r="AV36" s="310">
        <v>0</v>
      </c>
      <c r="AW36" s="312">
        <v>0</v>
      </c>
      <c r="AX36" s="313">
        <v>381</v>
      </c>
      <c r="AY36" s="313">
        <v>187</v>
      </c>
      <c r="AZ36" s="313">
        <v>192</v>
      </c>
      <c r="BA36" s="313">
        <v>126</v>
      </c>
      <c r="BB36" s="313">
        <v>34</v>
      </c>
      <c r="BC36" s="314">
        <v>920</v>
      </c>
      <c r="BD36" s="315">
        <v>920</v>
      </c>
      <c r="BE36" s="309">
        <v>0</v>
      </c>
      <c r="BF36" s="313">
        <v>0</v>
      </c>
      <c r="BG36" s="310">
        <v>0</v>
      </c>
      <c r="BH36" s="312">
        <v>0</v>
      </c>
      <c r="BI36" s="313">
        <v>83</v>
      </c>
      <c r="BJ36" s="313">
        <v>40</v>
      </c>
      <c r="BK36" s="313">
        <v>22</v>
      </c>
      <c r="BL36" s="313">
        <v>36</v>
      </c>
      <c r="BM36" s="313">
        <v>7</v>
      </c>
      <c r="BN36" s="310">
        <v>188</v>
      </c>
      <c r="BO36" s="315">
        <v>188</v>
      </c>
      <c r="BP36" s="309">
        <v>0</v>
      </c>
      <c r="BQ36" s="313">
        <v>0</v>
      </c>
      <c r="BR36" s="310">
        <v>0</v>
      </c>
      <c r="BS36" s="312">
        <v>0</v>
      </c>
      <c r="BT36" s="313">
        <v>24</v>
      </c>
      <c r="BU36" s="313">
        <v>0</v>
      </c>
      <c r="BV36" s="313">
        <v>-19</v>
      </c>
      <c r="BW36" s="313">
        <v>23</v>
      </c>
      <c r="BX36" s="313">
        <v>0</v>
      </c>
      <c r="BY36" s="310">
        <v>28</v>
      </c>
      <c r="BZ36" s="315">
        <v>28</v>
      </c>
      <c r="CA36" s="309">
        <v>0</v>
      </c>
      <c r="CB36" s="313">
        <v>0</v>
      </c>
      <c r="CC36" s="310">
        <v>0</v>
      </c>
      <c r="CD36" s="312">
        <v>0</v>
      </c>
      <c r="CE36" s="313">
        <v>0</v>
      </c>
      <c r="CF36" s="313">
        <v>7</v>
      </c>
      <c r="CG36" s="313">
        <v>0</v>
      </c>
      <c r="CH36" s="313">
        <v>0</v>
      </c>
      <c r="CI36" s="313">
        <v>0</v>
      </c>
      <c r="CJ36" s="310">
        <v>7</v>
      </c>
      <c r="CK36" s="315">
        <v>7</v>
      </c>
      <c r="CL36" s="309">
        <v>0</v>
      </c>
      <c r="CM36" s="313">
        <v>0</v>
      </c>
      <c r="CN36" s="310">
        <v>0</v>
      </c>
      <c r="CO36" s="312">
        <v>0</v>
      </c>
      <c r="CP36" s="313">
        <v>0</v>
      </c>
      <c r="CQ36" s="313">
        <v>0</v>
      </c>
      <c r="CR36" s="313">
        <v>0</v>
      </c>
      <c r="CS36" s="313">
        <v>0</v>
      </c>
      <c r="CT36" s="313">
        <v>0</v>
      </c>
      <c r="CU36" s="310">
        <v>0</v>
      </c>
      <c r="CV36" s="315">
        <v>0</v>
      </c>
      <c r="CW36" s="309">
        <v>0</v>
      </c>
      <c r="CX36" s="313">
        <v>0</v>
      </c>
      <c r="CY36" s="310">
        <v>0</v>
      </c>
      <c r="CZ36" s="312">
        <v>0</v>
      </c>
      <c r="DA36" s="313">
        <v>0</v>
      </c>
      <c r="DB36" s="313">
        <v>0</v>
      </c>
      <c r="DC36" s="313">
        <v>0</v>
      </c>
      <c r="DD36" s="313">
        <v>0</v>
      </c>
      <c r="DE36" s="313">
        <v>0</v>
      </c>
      <c r="DF36" s="310">
        <v>0</v>
      </c>
      <c r="DG36" s="315">
        <v>0</v>
      </c>
    </row>
    <row r="37" spans="1:111" ht="18.75" customHeight="1" x14ac:dyDescent="0.2">
      <c r="A37" s="294" t="s">
        <v>35</v>
      </c>
      <c r="B37" s="309">
        <v>0</v>
      </c>
      <c r="C37" s="310">
        <v>0</v>
      </c>
      <c r="D37" s="311">
        <v>0</v>
      </c>
      <c r="E37" s="312">
        <v>0</v>
      </c>
      <c r="F37" s="313">
        <v>1133</v>
      </c>
      <c r="G37" s="313">
        <v>1174</v>
      </c>
      <c r="H37" s="313">
        <v>1093</v>
      </c>
      <c r="I37" s="313">
        <v>1583</v>
      </c>
      <c r="J37" s="313">
        <v>1127</v>
      </c>
      <c r="K37" s="314">
        <v>6110</v>
      </c>
      <c r="L37" s="315">
        <v>6110</v>
      </c>
      <c r="M37" s="309">
        <v>0</v>
      </c>
      <c r="N37" s="313">
        <v>0</v>
      </c>
      <c r="O37" s="310">
        <v>0</v>
      </c>
      <c r="P37" s="312">
        <v>0</v>
      </c>
      <c r="Q37" s="313">
        <v>0</v>
      </c>
      <c r="R37" s="313">
        <v>22</v>
      </c>
      <c r="S37" s="313">
        <v>20</v>
      </c>
      <c r="T37" s="313">
        <v>58</v>
      </c>
      <c r="U37" s="313">
        <v>67</v>
      </c>
      <c r="V37" s="310">
        <v>167</v>
      </c>
      <c r="W37" s="315">
        <v>167</v>
      </c>
      <c r="X37" s="309">
        <v>9</v>
      </c>
      <c r="Y37" s="313">
        <v>37</v>
      </c>
      <c r="Z37" s="310">
        <v>46</v>
      </c>
      <c r="AA37" s="312">
        <v>0</v>
      </c>
      <c r="AB37" s="313">
        <v>283</v>
      </c>
      <c r="AC37" s="313">
        <v>259</v>
      </c>
      <c r="AD37" s="313">
        <v>91</v>
      </c>
      <c r="AE37" s="313">
        <v>165</v>
      </c>
      <c r="AF37" s="313">
        <v>81</v>
      </c>
      <c r="AG37" s="310">
        <v>879</v>
      </c>
      <c r="AH37" s="315">
        <v>925</v>
      </c>
      <c r="AI37" s="309">
        <v>6</v>
      </c>
      <c r="AJ37" s="313">
        <v>30</v>
      </c>
      <c r="AK37" s="310">
        <v>36</v>
      </c>
      <c r="AL37" s="312">
        <v>0</v>
      </c>
      <c r="AM37" s="313">
        <v>206</v>
      </c>
      <c r="AN37" s="313">
        <v>128</v>
      </c>
      <c r="AO37" s="313">
        <v>71</v>
      </c>
      <c r="AP37" s="313">
        <v>68</v>
      </c>
      <c r="AQ37" s="313">
        <v>38</v>
      </c>
      <c r="AR37" s="310">
        <v>511</v>
      </c>
      <c r="AS37" s="315">
        <v>547</v>
      </c>
      <c r="AT37" s="309">
        <v>0</v>
      </c>
      <c r="AU37" s="313">
        <v>0</v>
      </c>
      <c r="AV37" s="310">
        <v>0</v>
      </c>
      <c r="AW37" s="312">
        <v>0</v>
      </c>
      <c r="AX37" s="313">
        <v>1328</v>
      </c>
      <c r="AY37" s="313">
        <v>1003</v>
      </c>
      <c r="AZ37" s="313">
        <v>717</v>
      </c>
      <c r="BA37" s="313">
        <v>360</v>
      </c>
      <c r="BB37" s="313">
        <v>180</v>
      </c>
      <c r="BC37" s="314">
        <v>3588</v>
      </c>
      <c r="BD37" s="315">
        <v>3588</v>
      </c>
      <c r="BE37" s="309">
        <v>0</v>
      </c>
      <c r="BF37" s="313">
        <v>0</v>
      </c>
      <c r="BG37" s="310">
        <v>0</v>
      </c>
      <c r="BH37" s="312">
        <v>0</v>
      </c>
      <c r="BI37" s="313">
        <v>417</v>
      </c>
      <c r="BJ37" s="313">
        <v>242</v>
      </c>
      <c r="BK37" s="313">
        <v>101</v>
      </c>
      <c r="BL37" s="313">
        <v>128</v>
      </c>
      <c r="BM37" s="313">
        <v>9</v>
      </c>
      <c r="BN37" s="310">
        <v>897</v>
      </c>
      <c r="BO37" s="315">
        <v>897</v>
      </c>
      <c r="BP37" s="309">
        <v>0</v>
      </c>
      <c r="BQ37" s="313">
        <v>0</v>
      </c>
      <c r="BR37" s="310">
        <v>0</v>
      </c>
      <c r="BS37" s="312">
        <v>0</v>
      </c>
      <c r="BT37" s="313">
        <v>30</v>
      </c>
      <c r="BU37" s="313">
        <v>95</v>
      </c>
      <c r="BV37" s="313">
        <v>155</v>
      </c>
      <c r="BW37" s="313">
        <v>73</v>
      </c>
      <c r="BX37" s="313">
        <v>16</v>
      </c>
      <c r="BY37" s="310">
        <v>369</v>
      </c>
      <c r="BZ37" s="315">
        <v>369</v>
      </c>
      <c r="CA37" s="309">
        <v>0</v>
      </c>
      <c r="CB37" s="313">
        <v>0</v>
      </c>
      <c r="CC37" s="310">
        <v>0</v>
      </c>
      <c r="CD37" s="312">
        <v>0</v>
      </c>
      <c r="CE37" s="313">
        <v>15</v>
      </c>
      <c r="CF37" s="313">
        <v>14</v>
      </c>
      <c r="CG37" s="313">
        <v>0</v>
      </c>
      <c r="CH37" s="313">
        <v>22</v>
      </c>
      <c r="CI37" s="313">
        <v>0</v>
      </c>
      <c r="CJ37" s="310">
        <v>51</v>
      </c>
      <c r="CK37" s="315">
        <v>51</v>
      </c>
      <c r="CL37" s="309">
        <v>0</v>
      </c>
      <c r="CM37" s="313">
        <v>0</v>
      </c>
      <c r="CN37" s="310">
        <v>0</v>
      </c>
      <c r="CO37" s="312">
        <v>0</v>
      </c>
      <c r="CP37" s="313">
        <v>0</v>
      </c>
      <c r="CQ37" s="313">
        <v>0</v>
      </c>
      <c r="CR37" s="313">
        <v>0</v>
      </c>
      <c r="CS37" s="313">
        <v>0</v>
      </c>
      <c r="CT37" s="313">
        <v>0</v>
      </c>
      <c r="CU37" s="310">
        <v>0</v>
      </c>
      <c r="CV37" s="315">
        <v>0</v>
      </c>
      <c r="CW37" s="309">
        <v>0</v>
      </c>
      <c r="CX37" s="313">
        <v>0</v>
      </c>
      <c r="CY37" s="310">
        <v>0</v>
      </c>
      <c r="CZ37" s="312">
        <v>0</v>
      </c>
      <c r="DA37" s="313">
        <v>0</v>
      </c>
      <c r="DB37" s="313">
        <v>0</v>
      </c>
      <c r="DC37" s="313">
        <v>0</v>
      </c>
      <c r="DD37" s="313">
        <v>0</v>
      </c>
      <c r="DE37" s="313">
        <v>0</v>
      </c>
      <c r="DF37" s="310">
        <v>0</v>
      </c>
      <c r="DG37" s="315">
        <v>0</v>
      </c>
    </row>
    <row r="38" spans="1:111" ht="18.75" customHeight="1" x14ac:dyDescent="0.2">
      <c r="A38" s="294" t="s">
        <v>36</v>
      </c>
      <c r="B38" s="309">
        <v>0</v>
      </c>
      <c r="C38" s="310">
        <v>0</v>
      </c>
      <c r="D38" s="311">
        <v>0</v>
      </c>
      <c r="E38" s="312">
        <v>0</v>
      </c>
      <c r="F38" s="313">
        <v>734</v>
      </c>
      <c r="G38" s="313">
        <v>1358</v>
      </c>
      <c r="H38" s="313">
        <v>1527</v>
      </c>
      <c r="I38" s="313">
        <v>1553</v>
      </c>
      <c r="J38" s="313">
        <v>1100</v>
      </c>
      <c r="K38" s="314">
        <v>6272</v>
      </c>
      <c r="L38" s="315">
        <v>6272</v>
      </c>
      <c r="M38" s="309">
        <v>0</v>
      </c>
      <c r="N38" s="313">
        <v>3</v>
      </c>
      <c r="O38" s="310">
        <v>3</v>
      </c>
      <c r="P38" s="312">
        <v>0</v>
      </c>
      <c r="Q38" s="313">
        <v>16</v>
      </c>
      <c r="R38" s="313">
        <v>38</v>
      </c>
      <c r="S38" s="313">
        <v>30</v>
      </c>
      <c r="T38" s="313">
        <v>55</v>
      </c>
      <c r="U38" s="313">
        <v>82</v>
      </c>
      <c r="V38" s="310">
        <v>221</v>
      </c>
      <c r="W38" s="315">
        <v>224</v>
      </c>
      <c r="X38" s="309">
        <v>102</v>
      </c>
      <c r="Y38" s="313">
        <v>175</v>
      </c>
      <c r="Z38" s="310">
        <v>277</v>
      </c>
      <c r="AA38" s="312">
        <v>0</v>
      </c>
      <c r="AB38" s="313">
        <v>578</v>
      </c>
      <c r="AC38" s="313">
        <v>857</v>
      </c>
      <c r="AD38" s="313">
        <v>445</v>
      </c>
      <c r="AE38" s="313">
        <v>442</v>
      </c>
      <c r="AF38" s="313">
        <v>396</v>
      </c>
      <c r="AG38" s="310">
        <v>2718</v>
      </c>
      <c r="AH38" s="315">
        <v>2995</v>
      </c>
      <c r="AI38" s="309">
        <v>15</v>
      </c>
      <c r="AJ38" s="313">
        <v>0</v>
      </c>
      <c r="AK38" s="310">
        <v>15</v>
      </c>
      <c r="AL38" s="312">
        <v>0</v>
      </c>
      <c r="AM38" s="313">
        <v>0</v>
      </c>
      <c r="AN38" s="313">
        <v>12</v>
      </c>
      <c r="AO38" s="313">
        <v>6</v>
      </c>
      <c r="AP38" s="313">
        <v>42</v>
      </c>
      <c r="AQ38" s="313">
        <v>27</v>
      </c>
      <c r="AR38" s="310">
        <v>87</v>
      </c>
      <c r="AS38" s="315">
        <v>102</v>
      </c>
      <c r="AT38" s="309">
        <v>0</v>
      </c>
      <c r="AU38" s="313">
        <v>0</v>
      </c>
      <c r="AV38" s="310">
        <v>0</v>
      </c>
      <c r="AW38" s="312">
        <v>0</v>
      </c>
      <c r="AX38" s="313">
        <v>769</v>
      </c>
      <c r="AY38" s="313">
        <v>1006</v>
      </c>
      <c r="AZ38" s="313">
        <v>623</v>
      </c>
      <c r="BA38" s="313">
        <v>403</v>
      </c>
      <c r="BB38" s="313">
        <v>123</v>
      </c>
      <c r="BC38" s="314">
        <v>2924</v>
      </c>
      <c r="BD38" s="315">
        <v>2924</v>
      </c>
      <c r="BE38" s="309">
        <v>0</v>
      </c>
      <c r="BF38" s="313">
        <v>0</v>
      </c>
      <c r="BG38" s="310">
        <v>0</v>
      </c>
      <c r="BH38" s="312">
        <v>0</v>
      </c>
      <c r="BI38" s="313">
        <v>210</v>
      </c>
      <c r="BJ38" s="313">
        <v>217</v>
      </c>
      <c r="BK38" s="313">
        <v>147</v>
      </c>
      <c r="BL38" s="313">
        <v>53</v>
      </c>
      <c r="BM38" s="313">
        <v>5</v>
      </c>
      <c r="BN38" s="310">
        <v>632</v>
      </c>
      <c r="BO38" s="315">
        <v>632</v>
      </c>
      <c r="BP38" s="309">
        <v>0</v>
      </c>
      <c r="BQ38" s="313">
        <v>0</v>
      </c>
      <c r="BR38" s="310">
        <v>0</v>
      </c>
      <c r="BS38" s="312">
        <v>0</v>
      </c>
      <c r="BT38" s="313">
        <v>232</v>
      </c>
      <c r="BU38" s="313">
        <v>117</v>
      </c>
      <c r="BV38" s="313">
        <v>349</v>
      </c>
      <c r="BW38" s="313">
        <v>271</v>
      </c>
      <c r="BX38" s="313">
        <v>89</v>
      </c>
      <c r="BY38" s="310">
        <v>1058</v>
      </c>
      <c r="BZ38" s="315">
        <v>1058</v>
      </c>
      <c r="CA38" s="309">
        <v>0</v>
      </c>
      <c r="CB38" s="313">
        <v>0</v>
      </c>
      <c r="CC38" s="310">
        <v>0</v>
      </c>
      <c r="CD38" s="312">
        <v>0</v>
      </c>
      <c r="CE38" s="313">
        <v>0</v>
      </c>
      <c r="CF38" s="313">
        <v>11</v>
      </c>
      <c r="CG38" s="313">
        <v>3</v>
      </c>
      <c r="CH38" s="313">
        <v>6</v>
      </c>
      <c r="CI38" s="313">
        <v>0</v>
      </c>
      <c r="CJ38" s="310">
        <v>20</v>
      </c>
      <c r="CK38" s="315">
        <v>20</v>
      </c>
      <c r="CL38" s="309">
        <v>0</v>
      </c>
      <c r="CM38" s="313">
        <v>0</v>
      </c>
      <c r="CN38" s="310">
        <v>0</v>
      </c>
      <c r="CO38" s="312">
        <v>0</v>
      </c>
      <c r="CP38" s="313">
        <v>0</v>
      </c>
      <c r="CQ38" s="313">
        <v>0</v>
      </c>
      <c r="CR38" s="313">
        <v>0</v>
      </c>
      <c r="CS38" s="313">
        <v>0</v>
      </c>
      <c r="CT38" s="313">
        <v>0</v>
      </c>
      <c r="CU38" s="310">
        <v>0</v>
      </c>
      <c r="CV38" s="315">
        <v>0</v>
      </c>
      <c r="CW38" s="309">
        <v>0</v>
      </c>
      <c r="CX38" s="313">
        <v>0</v>
      </c>
      <c r="CY38" s="310">
        <v>0</v>
      </c>
      <c r="CZ38" s="312">
        <v>0</v>
      </c>
      <c r="DA38" s="313">
        <v>0</v>
      </c>
      <c r="DB38" s="313">
        <v>0</v>
      </c>
      <c r="DC38" s="313">
        <v>0</v>
      </c>
      <c r="DD38" s="313">
        <v>0</v>
      </c>
      <c r="DE38" s="313">
        <v>0</v>
      </c>
      <c r="DF38" s="310">
        <v>0</v>
      </c>
      <c r="DG38" s="315">
        <v>0</v>
      </c>
    </row>
    <row r="39" spans="1:111" ht="18.75" customHeight="1" thickBot="1" x14ac:dyDescent="0.25">
      <c r="A39" s="295" t="s">
        <v>37</v>
      </c>
      <c r="B39" s="316">
        <v>0</v>
      </c>
      <c r="C39" s="317">
        <v>0</v>
      </c>
      <c r="D39" s="318">
        <v>0</v>
      </c>
      <c r="E39" s="319">
        <v>0</v>
      </c>
      <c r="F39" s="320">
        <v>49</v>
      </c>
      <c r="G39" s="320">
        <v>59</v>
      </c>
      <c r="H39" s="320">
        <v>34</v>
      </c>
      <c r="I39" s="320">
        <v>57</v>
      </c>
      <c r="J39" s="320">
        <v>168</v>
      </c>
      <c r="K39" s="321">
        <v>367</v>
      </c>
      <c r="L39" s="322">
        <v>367</v>
      </c>
      <c r="M39" s="316">
        <v>0</v>
      </c>
      <c r="N39" s="320">
        <v>0</v>
      </c>
      <c r="O39" s="317">
        <v>0</v>
      </c>
      <c r="P39" s="319">
        <v>0</v>
      </c>
      <c r="Q39" s="320">
        <v>0</v>
      </c>
      <c r="R39" s="320">
        <v>0</v>
      </c>
      <c r="S39" s="320">
        <v>0</v>
      </c>
      <c r="T39" s="320">
        <v>5</v>
      </c>
      <c r="U39" s="320">
        <v>0</v>
      </c>
      <c r="V39" s="317">
        <v>5</v>
      </c>
      <c r="W39" s="322">
        <v>5</v>
      </c>
      <c r="X39" s="316">
        <v>0</v>
      </c>
      <c r="Y39" s="320">
        <v>10</v>
      </c>
      <c r="Z39" s="317">
        <v>10</v>
      </c>
      <c r="AA39" s="319">
        <v>0</v>
      </c>
      <c r="AB39" s="320">
        <v>13</v>
      </c>
      <c r="AC39" s="320">
        <v>34</v>
      </c>
      <c r="AD39" s="320">
        <v>13</v>
      </c>
      <c r="AE39" s="320">
        <v>43</v>
      </c>
      <c r="AF39" s="320">
        <v>13</v>
      </c>
      <c r="AG39" s="317">
        <v>116</v>
      </c>
      <c r="AH39" s="322">
        <v>126</v>
      </c>
      <c r="AI39" s="316">
        <v>0</v>
      </c>
      <c r="AJ39" s="320">
        <v>0</v>
      </c>
      <c r="AK39" s="317">
        <v>0</v>
      </c>
      <c r="AL39" s="319">
        <v>0</v>
      </c>
      <c r="AM39" s="320">
        <v>24</v>
      </c>
      <c r="AN39" s="320">
        <v>8</v>
      </c>
      <c r="AO39" s="320">
        <v>44</v>
      </c>
      <c r="AP39" s="320">
        <v>15</v>
      </c>
      <c r="AQ39" s="320">
        <v>0</v>
      </c>
      <c r="AR39" s="317">
        <v>91</v>
      </c>
      <c r="AS39" s="322">
        <v>91</v>
      </c>
      <c r="AT39" s="316">
        <v>0</v>
      </c>
      <c r="AU39" s="320">
        <v>0</v>
      </c>
      <c r="AV39" s="317">
        <v>0</v>
      </c>
      <c r="AW39" s="319">
        <v>0</v>
      </c>
      <c r="AX39" s="320">
        <v>54</v>
      </c>
      <c r="AY39" s="320">
        <v>24</v>
      </c>
      <c r="AZ39" s="320">
        <v>51</v>
      </c>
      <c r="BA39" s="320">
        <v>8</v>
      </c>
      <c r="BB39" s="320">
        <v>16</v>
      </c>
      <c r="BC39" s="321">
        <v>153</v>
      </c>
      <c r="BD39" s="322">
        <v>153</v>
      </c>
      <c r="BE39" s="316">
        <v>0</v>
      </c>
      <c r="BF39" s="320">
        <v>0</v>
      </c>
      <c r="BG39" s="317">
        <v>0</v>
      </c>
      <c r="BH39" s="319">
        <v>0</v>
      </c>
      <c r="BI39" s="320">
        <v>45</v>
      </c>
      <c r="BJ39" s="320">
        <v>32</v>
      </c>
      <c r="BK39" s="320">
        <v>22</v>
      </c>
      <c r="BL39" s="320">
        <v>29</v>
      </c>
      <c r="BM39" s="320">
        <v>0</v>
      </c>
      <c r="BN39" s="317">
        <v>128</v>
      </c>
      <c r="BO39" s="322">
        <v>128</v>
      </c>
      <c r="BP39" s="316">
        <v>0</v>
      </c>
      <c r="BQ39" s="320">
        <v>0</v>
      </c>
      <c r="BR39" s="317">
        <v>0</v>
      </c>
      <c r="BS39" s="319">
        <v>0</v>
      </c>
      <c r="BT39" s="320">
        <v>9</v>
      </c>
      <c r="BU39" s="320">
        <v>3</v>
      </c>
      <c r="BV39" s="320">
        <v>12</v>
      </c>
      <c r="BW39" s="320">
        <v>0</v>
      </c>
      <c r="BX39" s="320">
        <v>8</v>
      </c>
      <c r="BY39" s="317">
        <v>32</v>
      </c>
      <c r="BZ39" s="322">
        <v>32</v>
      </c>
      <c r="CA39" s="316">
        <v>0</v>
      </c>
      <c r="CB39" s="320">
        <v>0</v>
      </c>
      <c r="CC39" s="317">
        <v>0</v>
      </c>
      <c r="CD39" s="319">
        <v>0</v>
      </c>
      <c r="CE39" s="320">
        <v>0</v>
      </c>
      <c r="CF39" s="320">
        <v>0</v>
      </c>
      <c r="CG39" s="320">
        <v>7</v>
      </c>
      <c r="CH39" s="320">
        <v>18</v>
      </c>
      <c r="CI39" s="320">
        <v>0</v>
      </c>
      <c r="CJ39" s="317">
        <v>25</v>
      </c>
      <c r="CK39" s="322">
        <v>25</v>
      </c>
      <c r="CL39" s="316">
        <v>0</v>
      </c>
      <c r="CM39" s="320">
        <v>0</v>
      </c>
      <c r="CN39" s="317">
        <v>0</v>
      </c>
      <c r="CO39" s="319">
        <v>0</v>
      </c>
      <c r="CP39" s="320">
        <v>0</v>
      </c>
      <c r="CQ39" s="320">
        <v>0</v>
      </c>
      <c r="CR39" s="320">
        <v>0</v>
      </c>
      <c r="CS39" s="320">
        <v>0</v>
      </c>
      <c r="CT39" s="320">
        <v>0</v>
      </c>
      <c r="CU39" s="317">
        <v>0</v>
      </c>
      <c r="CV39" s="322">
        <v>0</v>
      </c>
      <c r="CW39" s="316">
        <v>0</v>
      </c>
      <c r="CX39" s="320">
        <v>0</v>
      </c>
      <c r="CY39" s="317">
        <v>0</v>
      </c>
      <c r="CZ39" s="319">
        <v>0</v>
      </c>
      <c r="DA39" s="320">
        <v>0</v>
      </c>
      <c r="DB39" s="320">
        <v>0</v>
      </c>
      <c r="DC39" s="320">
        <v>0</v>
      </c>
      <c r="DD39" s="320">
        <v>0</v>
      </c>
      <c r="DE39" s="320">
        <v>0</v>
      </c>
      <c r="DF39" s="317">
        <v>0</v>
      </c>
      <c r="DG39" s="322">
        <v>0</v>
      </c>
    </row>
    <row r="40" spans="1:111" ht="27" customHeight="1" x14ac:dyDescent="0.2">
      <c r="B40" s="288" t="s">
        <v>127</v>
      </c>
    </row>
  </sheetData>
  <mergeCells count="43">
    <mergeCell ref="CW3:DG3"/>
    <mergeCell ref="CW4:CY4"/>
    <mergeCell ref="CZ4:DF4"/>
    <mergeCell ref="DG4:DG5"/>
    <mergeCell ref="A3:A5"/>
    <mergeCell ref="B3:L3"/>
    <mergeCell ref="B4:D4"/>
    <mergeCell ref="E4:K4"/>
    <mergeCell ref="L4:L5"/>
    <mergeCell ref="BD4:BD5"/>
    <mergeCell ref="M4:O4"/>
    <mergeCell ref="P4:V4"/>
    <mergeCell ref="W4:W5"/>
    <mergeCell ref="X4:Z4"/>
    <mergeCell ref="AA4:AG4"/>
    <mergeCell ref="AH4:AH5"/>
    <mergeCell ref="AI4:AK4"/>
    <mergeCell ref="AL4:AR4"/>
    <mergeCell ref="AS4:AS5"/>
    <mergeCell ref="AT4:AV4"/>
    <mergeCell ref="AW4:BC4"/>
    <mergeCell ref="CV4:CV5"/>
    <mergeCell ref="BE4:BG4"/>
    <mergeCell ref="BH4:BN4"/>
    <mergeCell ref="BO4:BO5"/>
    <mergeCell ref="BP4:BR4"/>
    <mergeCell ref="BS4:BY4"/>
    <mergeCell ref="BZ4:BZ5"/>
    <mergeCell ref="CA4:CC4"/>
    <mergeCell ref="CD4:CJ4"/>
    <mergeCell ref="CK4:CK5"/>
    <mergeCell ref="CL4:CN4"/>
    <mergeCell ref="CO4:CU4"/>
    <mergeCell ref="I1:J1"/>
    <mergeCell ref="L1:M1"/>
    <mergeCell ref="CA3:CK3"/>
    <mergeCell ref="CL3:CV3"/>
    <mergeCell ref="M3:W3"/>
    <mergeCell ref="X3:AH3"/>
    <mergeCell ref="AI3:AS3"/>
    <mergeCell ref="AT3:BD3"/>
    <mergeCell ref="BE3:BO3"/>
    <mergeCell ref="BP3:BZ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2-03-17T02:52:55Z</cp:lastPrinted>
  <dcterms:created xsi:type="dcterms:W3CDTF">2008-02-08T04:23:07Z</dcterms:created>
  <dcterms:modified xsi:type="dcterms:W3CDTF">2022-03-17T23:59:12Z</dcterms:modified>
</cp:coreProperties>
</file>